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19126"/>
  <workbookPr defaultThemeVersion="124226"/>
  <mc:AlternateContent xmlns:mc="http://schemas.openxmlformats.org/markup-compatibility/2006">
    <mc:Choice Requires="x15">
      <x15ac:absPath xmlns:x15ac="http://schemas.microsoft.com/office/spreadsheetml/2010/11/ac" url="\\Sfp.idir.bcgov\s167\S67000\FEP\Web Date Catalogue - Open Data\Budget 2018\"/>
    </mc:Choice>
  </mc:AlternateContent>
  <xr:revisionPtr revIDLastSave="0" documentId="10_ncr:100000_{72A5CB67-F72E-4285-8315-601737698D2E}" xr6:coauthVersionLast="31" xr6:coauthVersionMax="31" xr10:uidLastSave="{00000000-0000-0000-0000-000000000000}"/>
  <bookViews>
    <workbookView xWindow="2055" yWindow="135" windowWidth="15210" windowHeight="11880" tabRatio="644" firstSheet="13" activeTab="24" xr2:uid="{00000000-000D-0000-FFFF-FFFF00000000}"/>
  </bookViews>
  <sheets>
    <sheet name="1.1" sheetId="6" r:id="rId1"/>
    <sheet name="1.2" sheetId="9" r:id="rId2"/>
    <sheet name="1.3" sheetId="10" r:id="rId3"/>
    <sheet name="1.4" sheetId="11" r:id="rId4"/>
    <sheet name="1.5" sheetId="12" r:id="rId5"/>
    <sheet name="1.6" sheetId="13" r:id="rId6"/>
    <sheet name="1.7" sheetId="14" r:id="rId7"/>
    <sheet name="1.8" sheetId="15" r:id="rId8"/>
    <sheet name="1.9" sheetId="16" r:id="rId9"/>
    <sheet name="1.10" sheetId="17" r:id="rId10"/>
    <sheet name="1.11" sheetId="18" r:id="rId11"/>
    <sheet name="1.12" sheetId="19" r:id="rId12"/>
    <sheet name="1.13" sheetId="20" r:id="rId13"/>
    <sheet name="1.14" sheetId="21" r:id="rId14"/>
    <sheet name="1.15" sheetId="22" r:id="rId15"/>
    <sheet name="1.16" sheetId="23" r:id="rId16"/>
    <sheet name="1.17" sheetId="24" r:id="rId17"/>
    <sheet name="1.18" sheetId="25" r:id="rId18"/>
    <sheet name="1.19" sheetId="26" r:id="rId19"/>
    <sheet name="1.20" sheetId="27" r:id="rId20"/>
    <sheet name="1.21" sheetId="28" r:id="rId21"/>
    <sheet name="1.22" sheetId="29" r:id="rId22"/>
    <sheet name="1.23" sheetId="30" r:id="rId23"/>
    <sheet name="1.24" sheetId="31" r:id="rId24"/>
    <sheet name="1.25" sheetId="8" r:id="rId25"/>
  </sheets>
  <definedNames>
    <definedName name="_xlnm.Print_Area" localSheetId="0">'1.1'!$A$1:$K$23</definedName>
    <definedName name="_xlnm.Print_Area" localSheetId="9">'1.10'!#REF!</definedName>
    <definedName name="_xlnm.Print_Area" localSheetId="10">'1.11'!#REF!</definedName>
    <definedName name="_xlnm.Print_Area" localSheetId="11">'1.12'!#REF!</definedName>
    <definedName name="_xlnm.Print_Area" localSheetId="12">'1.13'!#REF!</definedName>
    <definedName name="_xlnm.Print_Area" localSheetId="13">'1.14'!$A$1:$K$14</definedName>
    <definedName name="_xlnm.Print_Area" localSheetId="14">'1.15'!#REF!</definedName>
    <definedName name="_xlnm.Print_Area" localSheetId="15">'1.16'!#REF!</definedName>
    <definedName name="_xlnm.Print_Area" localSheetId="16">'1.17'!#REF!</definedName>
    <definedName name="_xlnm.Print_Area" localSheetId="17">'1.18'!$A$1:$M$13</definedName>
    <definedName name="_xlnm.Print_Area" localSheetId="18">'1.19'!#REF!</definedName>
    <definedName name="_xlnm.Print_Area" localSheetId="1">'1.2'!#REF!</definedName>
    <definedName name="_xlnm.Print_Area" localSheetId="19">'1.20'!#REF!</definedName>
    <definedName name="_xlnm.Print_Area" localSheetId="20">'1.21'!$A$1:$U$170</definedName>
    <definedName name="_xlnm.Print_Area" localSheetId="21">'1.22'!#REF!</definedName>
    <definedName name="_xlnm.Print_Area" localSheetId="22">'1.23'!#REF!</definedName>
    <definedName name="_xlnm.Print_Area" localSheetId="23">'1.24'!#REF!</definedName>
    <definedName name="_xlnm.Print_Area" localSheetId="24">'1.25'!#REF!</definedName>
    <definedName name="_xlnm.Print_Area" localSheetId="2">'1.3'!$A$1:$D$15</definedName>
    <definedName name="_xlnm.Print_Area" localSheetId="3">'1.4'!#REF!</definedName>
    <definedName name="_xlnm.Print_Area" localSheetId="4">'1.5'!$A$1:$L$20</definedName>
    <definedName name="_xlnm.Print_Area" localSheetId="5">'1.6'!$A$1:$L$14</definedName>
    <definedName name="_xlnm.Print_Area" localSheetId="6">'1.7'!$A$1:$I$14</definedName>
    <definedName name="_xlnm.Print_Area" localSheetId="7">'1.8'!$A$1:$K$19</definedName>
    <definedName name="_xlnm.Print_Area" localSheetId="8">'1.9'!#REF!</definedName>
  </definedNames>
  <calcPr calcId="179017"/>
</workbook>
</file>

<file path=xl/calcChain.xml><?xml version="1.0" encoding="utf-8"?>
<calcChain xmlns="http://schemas.openxmlformats.org/spreadsheetml/2006/main">
  <c r="L42" i="17" l="1"/>
  <c r="L39" i="17"/>
  <c r="L38" i="17"/>
  <c r="L37" i="17"/>
  <c r="L36" i="17"/>
  <c r="L33" i="17"/>
  <c r="L32" i="17"/>
  <c r="L31" i="17"/>
  <c r="L27" i="17"/>
  <c r="L26" i="17"/>
  <c r="L25" i="17"/>
  <c r="L23" i="17"/>
  <c r="L22" i="17"/>
  <c r="L21" i="17"/>
  <c r="L20" i="17"/>
  <c r="L17" i="17"/>
  <c r="L15" i="17"/>
  <c r="L12" i="17"/>
  <c r="L11" i="17"/>
  <c r="L9" i="17"/>
  <c r="L8" i="17"/>
  <c r="L43" i="17" l="1"/>
  <c r="L18" i="17"/>
  <c r="L29" i="17"/>
  <c r="L28" i="17"/>
  <c r="L14" i="17"/>
</calcChain>
</file>

<file path=xl/sharedStrings.xml><?xml version="1.0" encoding="utf-8"?>
<sst xmlns="http://schemas.openxmlformats.org/spreadsheetml/2006/main" count="978" uniqueCount="623">
  <si>
    <t>($ millions)</t>
  </si>
  <si>
    <t>Capital spending:</t>
  </si>
  <si>
    <t>Taxpayer-supported capital spending …………………………………</t>
  </si>
  <si>
    <t>Provincial Debt:</t>
  </si>
  <si>
    <t>Taxpayer-supported debt ……………………………………………………………………………………………</t>
  </si>
  <si>
    <t>Self-supported capital spending …………………………………</t>
  </si>
  <si>
    <t>Self-supported debt ……………………………………………………………………………………………</t>
  </si>
  <si>
    <r>
      <rPr>
        <b/>
        <sz val="9"/>
        <rFont val="Arial"/>
        <family val="2"/>
      </rPr>
      <t>Total debt (including forecast allowance)</t>
    </r>
    <r>
      <rPr>
        <sz val="9"/>
        <rFont val="Arial"/>
        <family val="2"/>
      </rPr>
      <t xml:space="preserve"> ……………………………………………………………………………………………</t>
    </r>
  </si>
  <si>
    <t xml:space="preserve">Table 1.1   Three Year Fiscal Plan </t>
  </si>
  <si>
    <r>
      <t xml:space="preserve">Surplus </t>
    </r>
    <r>
      <rPr>
        <sz val="9"/>
        <rFont val="Arial"/>
        <family val="2"/>
      </rPr>
      <t>.......................………………………………………………………………………….</t>
    </r>
  </si>
  <si>
    <t>Expense …………….....…....………………..…………………………………………..</t>
  </si>
  <si>
    <t>Forecast allowance ………………………………………………………………………………………………………</t>
  </si>
  <si>
    <r>
      <rPr>
        <b/>
        <sz val="9"/>
        <rFont val="Arial"/>
        <family val="2"/>
      </rPr>
      <t>Taxpayer-supported debt to GDP ratio</t>
    </r>
    <r>
      <rPr>
        <sz val="9"/>
        <rFont val="Arial"/>
        <family val="2"/>
      </rPr>
      <t xml:space="preserve"> ………………………………………………………………………………………………………………………………….</t>
    </r>
  </si>
  <si>
    <r>
      <rPr>
        <b/>
        <sz val="9"/>
        <rFont val="Arial"/>
        <family val="2"/>
      </rPr>
      <t>Taxpayer-supported debt to revenue ratio</t>
    </r>
    <r>
      <rPr>
        <sz val="9"/>
        <rFont val="Arial"/>
        <family val="2"/>
      </rPr>
      <t xml:space="preserve"> ………………………………………………………………………………………………………………………………….</t>
    </r>
  </si>
  <si>
    <t>2017/18</t>
  </si>
  <si>
    <t>2018/19</t>
  </si>
  <si>
    <t>2019/20</t>
  </si>
  <si>
    <t>2020/21</t>
  </si>
  <si>
    <r>
      <t xml:space="preserve">Surplus before ICBC impacts </t>
    </r>
    <r>
      <rPr>
        <sz val="9"/>
        <rFont val="Arial"/>
        <family val="2"/>
      </rPr>
      <t>.......................………………………………………………………………………….</t>
    </r>
  </si>
  <si>
    <t>Revenue before ICBC impacts ……………………………………………………………………………………..</t>
  </si>
  <si>
    <t>ICBC net loss forecast before product reform………………………………………………………………………………………………………</t>
  </si>
  <si>
    <t>Estimated impact of ICBC product reform ………………………………………………………………………………………………………</t>
  </si>
  <si>
    <t>Updated Forecast 2017/18</t>
  </si>
  <si>
    <t>Budget Estimate 2018/19</t>
  </si>
  <si>
    <t>Plan 2019/20</t>
  </si>
  <si>
    <t>Plan 2020/21</t>
  </si>
  <si>
    <t>Improving Affordability</t>
  </si>
  <si>
    <t>New housing investments ………………………………………………………………………………………..</t>
  </si>
  <si>
    <t>Transportation affordability measures …………………………………………………………………………</t>
  </si>
  <si>
    <t>Affordability for low income families …………………………………………………………………………</t>
  </si>
  <si>
    <t>Total investments in improving affordability ……………………………………………………</t>
  </si>
  <si>
    <t>Enhancing Services</t>
  </si>
  <si>
    <t>New child care and early learning investments …………………………………………………………………………</t>
  </si>
  <si>
    <t>Higher investments in healthcare and education  …………………………………………………………………………</t>
  </si>
  <si>
    <t>Increased funding to improve social justice …………………………………………………………………………</t>
  </si>
  <si>
    <t>Other service enhancements  …………………………………………………………………………</t>
  </si>
  <si>
    <t>Total investments in enhancing services ……………………………………………………</t>
  </si>
  <si>
    <t>Building a Strong and Sustainable Economy</t>
  </si>
  <si>
    <t>Investing in higher education and skills training ………………………………………………………………………………………….</t>
  </si>
  <si>
    <t>Improving sustainability and land use certainty  ………………………………………………………………………………………….</t>
  </si>
  <si>
    <t>Investing in other sectors ………………………………………………………………………………………….</t>
  </si>
  <si>
    <t>Total investments in building a strong and sustainable economy ……………………………………………………</t>
  </si>
  <si>
    <t xml:space="preserve">Budget increases to address caseload, compensation and other pressures ……………………………. </t>
  </si>
  <si>
    <t>Total new ministry operating allocations ………………………………………………………………</t>
  </si>
  <si>
    <t xml:space="preserve">       ($ millions)</t>
  </si>
  <si>
    <t xml:space="preserve"> 2019/20</t>
  </si>
  <si>
    <t>Total</t>
  </si>
  <si>
    <t>Measures to Improve Housing Affordability …………………………………………………………………………………</t>
  </si>
  <si>
    <t>Improving Access under Fair Pharmacare …………………………………………………………………………………</t>
  </si>
  <si>
    <t>Ferries Fare Stabilization and Restoring the Seniors Discount ………………………………………………………….</t>
  </si>
  <si>
    <t>Basic Income Expert Committee …………………………………………………..</t>
  </si>
  <si>
    <t>Investing in Sustainability and Land Use Certainty</t>
  </si>
  <si>
    <t>Higher Investments in Healthcare and Education</t>
  </si>
  <si>
    <t xml:space="preserve">Improving Seniors Residential Care ………………………………………………………………………………. </t>
  </si>
  <si>
    <t>Investing in Other Sectors</t>
  </si>
  <si>
    <t>Improving Access to Justice and Family Law Services ……………………………</t>
  </si>
  <si>
    <t>Other Service Enhancements</t>
  </si>
  <si>
    <r>
      <t xml:space="preserve">Table 1.2   </t>
    </r>
    <r>
      <rPr>
        <b/>
        <i/>
        <sz val="10"/>
        <rFont val="Arial"/>
        <family val="2"/>
      </rPr>
      <t>Budget 2018</t>
    </r>
    <r>
      <rPr>
        <b/>
        <sz val="10"/>
        <rFont val="Arial"/>
        <family val="2"/>
      </rPr>
      <t xml:space="preserve"> New Priority Operating Investments </t>
    </r>
  </si>
  <si>
    <r>
      <t xml:space="preserve">Table 1.3   </t>
    </r>
    <r>
      <rPr>
        <b/>
        <i/>
        <sz val="10"/>
        <rFont val="Arial"/>
        <family val="2"/>
      </rPr>
      <t>Budget 2018</t>
    </r>
    <r>
      <rPr>
        <b/>
        <sz val="10"/>
        <rFont val="Arial"/>
        <family val="2"/>
      </rPr>
      <t xml:space="preserve"> Revenue Measures</t>
    </r>
  </si>
  <si>
    <t>Eliminate Medical Services Plan premiums…………………………………………………...………………………………………….</t>
  </si>
  <si>
    <t>Introduce employer health tax …………………………………………………...………………………………………….</t>
  </si>
  <si>
    <t>Speculation tax with corresponding income tax credit………………………….</t>
  </si>
  <si>
    <t>Increase and expand Additional Property Transfer Tax ………………………………………………………………..</t>
  </si>
  <si>
    <t>Increase school tax on residential properties over $3 million…………………………….</t>
  </si>
  <si>
    <t>Increase property transfer tax on residential properties over $3 million ………………….</t>
  </si>
  <si>
    <t>Enable online accommodation platforms to collect and remit PST…………………………………………………………………………</t>
  </si>
  <si>
    <t>Increase tobacco tax rates ………………………………………………………………………………………….</t>
  </si>
  <si>
    <t>BC share of federal duty on cannabis …………………………………………………………………………….</t>
  </si>
  <si>
    <t>Other tax measures  ………………………………………………………………………………</t>
  </si>
  <si>
    <r>
      <t xml:space="preserve">Total </t>
    </r>
    <r>
      <rPr>
        <b/>
        <i/>
        <sz val="9"/>
        <rFont val="Arial"/>
        <family val="2"/>
      </rPr>
      <t>Budget 2018</t>
    </r>
    <r>
      <rPr>
        <b/>
        <sz val="9"/>
        <rFont val="Arial"/>
        <family val="2"/>
      </rPr>
      <t xml:space="preserve"> revenue measures …………………………………………………………………….</t>
    </r>
  </si>
  <si>
    <t xml:space="preserve">Table 1.4   Comparison of Major Factors Underlying Revenue </t>
  </si>
  <si>
    <t>Calendar Year</t>
  </si>
  <si>
    <t>September 11, 2017</t>
  </si>
  <si>
    <t>Per cent growth unless otherwise indicated</t>
  </si>
  <si>
    <t>2017</t>
  </si>
  <si>
    <t>2018</t>
  </si>
  <si>
    <t>2019</t>
  </si>
  <si>
    <t>2020</t>
  </si>
  <si>
    <t>Real GDP ………………………………………………………………………….</t>
  </si>
  <si>
    <t xml:space="preserve"> </t>
  </si>
  <si>
    <t>Nominal GDP ……………………………………………………………………….</t>
  </si>
  <si>
    <t>Household income ………………………………………………………………………..</t>
  </si>
  <si>
    <t>Net operating surplus ……………………………………………………………………..</t>
  </si>
  <si>
    <t>Consumer expenditures on durable goods …………………………………………………………..</t>
  </si>
  <si>
    <t>Consumer expenditures on goods and services …………………………………………………………..</t>
  </si>
  <si>
    <t>Business investment ………………………………………………………………….</t>
  </si>
  <si>
    <t>Residential investment ………………………………………………………………….</t>
  </si>
  <si>
    <t>Retail sales ………………………………………………………………………………</t>
  </si>
  <si>
    <t>Employment ………………………………………………………………………………</t>
  </si>
  <si>
    <t>BC Housing starts ………………………………………………………………………</t>
  </si>
  <si>
    <t>US Housing starts …………………………………………………………………………</t>
  </si>
  <si>
    <t>SPF 2x4 price ($US/thousand board feet) ………………………………………………….</t>
  </si>
  <si>
    <t>Pulp ($US/tonne) ………………………………………………………………………</t>
  </si>
  <si>
    <t>Exchange rate (US cents/Canadian dollar) ………………………………………………………</t>
  </si>
  <si>
    <t>Fiscal Year</t>
  </si>
  <si>
    <t>Natural gas price ($Cdn/GJ at plant inlet) ………………………………………………...</t>
  </si>
  <si>
    <t>Bonus bid average bid price per hectare ($) ………………………………….</t>
  </si>
  <si>
    <t>Electricity price ($US/mega-watt hour, Mid-C) ………………………………….</t>
  </si>
  <si>
    <r>
      <t>Metallurgical coal price (</t>
    </r>
    <r>
      <rPr>
        <sz val="8"/>
        <rFont val="Arial"/>
        <family val="2"/>
      </rPr>
      <t>$US/tonne, fob west coast)</t>
    </r>
    <r>
      <rPr>
        <sz val="9"/>
        <rFont val="Arial"/>
        <family val="2"/>
      </rPr>
      <t xml:space="preserve"> ……………………………………</t>
    </r>
  </si>
  <si>
    <t>Copper price ($US/lb)  ………………………………………………………………….</t>
  </si>
  <si>
    <t>Crown harvest volumes (million cubic metres) …………………………………….</t>
  </si>
  <si>
    <t>Total ……………………………………………………………………</t>
  </si>
  <si>
    <t>Table 1.5   Personal Income Tax Revenue</t>
  </si>
  <si>
    <r>
      <t>Base personal income tax revenue</t>
    </r>
    <r>
      <rPr>
        <b/>
        <vertAlign val="superscript"/>
        <sz val="9"/>
        <rFont val="Arial"/>
        <family val="2"/>
      </rPr>
      <t>1</t>
    </r>
    <r>
      <rPr>
        <b/>
        <sz val="9"/>
        <rFont val="Arial"/>
        <family val="2"/>
      </rPr>
      <t xml:space="preserve"> </t>
    </r>
    <r>
      <rPr>
        <sz val="9"/>
        <rFont val="Arial"/>
        <family val="2"/>
      </rPr>
      <t>………………………………………………………………………………………….</t>
    </r>
  </si>
  <si>
    <t>Measures:</t>
  </si>
  <si>
    <r>
      <t xml:space="preserve">– </t>
    </r>
    <r>
      <rPr>
        <i/>
        <sz val="9"/>
        <rFont val="Arial"/>
        <family val="2"/>
      </rPr>
      <t>Budget 2017</t>
    </r>
    <r>
      <rPr>
        <sz val="9"/>
        <rFont val="Arial"/>
        <family val="2"/>
      </rPr>
      <t xml:space="preserve"> </t>
    </r>
    <r>
      <rPr>
        <i/>
        <sz val="9"/>
        <rFont val="Arial"/>
        <family val="2"/>
      </rPr>
      <t>Update</t>
    </r>
    <r>
      <rPr>
        <sz val="9"/>
        <rFont val="Arial"/>
        <family val="2"/>
      </rPr>
      <t xml:space="preserve"> tax measures:</t>
    </r>
  </si>
  <si>
    <t>High income tax rate increase ……………………………………………………..</t>
  </si>
  <si>
    <t>Other tax measures …………………………………………………………………………………</t>
  </si>
  <si>
    <r>
      <t xml:space="preserve">– </t>
    </r>
    <r>
      <rPr>
        <i/>
        <sz val="9"/>
        <rFont val="Arial"/>
        <family val="2"/>
      </rPr>
      <t>Budget 2018</t>
    </r>
    <r>
      <rPr>
        <sz val="9"/>
        <rFont val="Arial"/>
        <family val="2"/>
      </rPr>
      <t xml:space="preserve"> tax measures ………………………………………</t>
    </r>
  </si>
  <si>
    <t>Prior-year adjustment .................................................................................</t>
  </si>
  <si>
    <r>
      <t>Budget 2018</t>
    </r>
    <r>
      <rPr>
        <b/>
        <sz val="9"/>
        <rFont val="Arial"/>
        <family val="2"/>
      </rPr>
      <t xml:space="preserve"> revenue</t>
    </r>
    <r>
      <rPr>
        <sz val="9"/>
        <rFont val="Arial"/>
        <family val="2"/>
      </rPr>
      <t xml:space="preserve"> ......................................................................................................................................…………………….</t>
    </r>
  </si>
  <si>
    <t>Annual growth ……………………………………………………….........................................</t>
  </si>
  <si>
    <t>Household income growth (calendar year) ………………………………………………..</t>
  </si>
  <si>
    <t>Employee compensation income growth (calendar year) ………………………………………………..</t>
  </si>
  <si>
    <r>
      <t>Elasticity</t>
    </r>
    <r>
      <rPr>
        <vertAlign val="superscript"/>
        <sz val="8"/>
        <rFont val="Arial"/>
        <family val="2"/>
      </rPr>
      <t>2</t>
    </r>
    <r>
      <rPr>
        <sz val="9"/>
        <rFont val="Arial"/>
        <family val="2"/>
      </rPr>
      <t xml:space="preserve"> (calendar year basis, policy neutral) ………………………………………………..</t>
    </r>
  </si>
  <si>
    <t>Revenue excluding the impacts of prior-year adjustments and tax policy measures.</t>
  </si>
  <si>
    <t>Per cent growth in current year tax revenue (excluding policy measures) relative to per cent growth in household income.</t>
  </si>
  <si>
    <t>Table 1.6   Corporate Income Tax Revenue</t>
  </si>
  <si>
    <t>Advance instalments from the federal government:</t>
  </si>
  <si>
    <t>– Payment share ……………………………………………................................................</t>
  </si>
  <si>
    <t>– Instalments before general income tax rate measure …………………………………………………………………….................</t>
  </si>
  <si>
    <t>– add corporate general income tax rate measure ......................................</t>
  </si>
  <si>
    <r>
      <t>International Business Activity Act</t>
    </r>
    <r>
      <rPr>
        <sz val="9"/>
        <rFont val="Arial"/>
        <family val="2"/>
      </rPr>
      <t xml:space="preserve"> refunds (phasing out) …………………………………………………………………</t>
    </r>
  </si>
  <si>
    <t>Prior-years' settlement payment ................................................................................................................................</t>
  </si>
  <si>
    <r>
      <t>Corporate income tax revenue</t>
    </r>
    <r>
      <rPr>
        <sz val="9"/>
        <rFont val="Arial"/>
        <family val="2"/>
      </rPr>
      <t xml:space="preserve"> …………………………………………………………………………</t>
    </r>
  </si>
  <si>
    <t>Annual change ……………………………………………………………………………………………….</t>
  </si>
  <si>
    <t>Annual per cent growth …………………………………………………….......................................</t>
  </si>
  <si>
    <t>Table 1.7   Sales Tax Revenue</t>
  </si>
  <si>
    <t xml:space="preserve">     ($ millions)</t>
  </si>
  <si>
    <r>
      <t xml:space="preserve">Provincial sales taxes </t>
    </r>
    <r>
      <rPr>
        <sz val="9"/>
        <rFont val="Arial"/>
        <family val="2"/>
      </rPr>
      <t>..............................................................................................................</t>
    </r>
  </si>
  <si>
    <t>Annual per cent change (calendar year)</t>
  </si>
  <si>
    <t>Consumer expenditures on durable goods ……………………………………………………………..</t>
  </si>
  <si>
    <t>Consumer expenditures on goods and services ……………………………………………………………..</t>
  </si>
  <si>
    <t>Residential investment ……………………………………………………………..</t>
  </si>
  <si>
    <t>Government expenditures ……………………………………………………………..</t>
  </si>
  <si>
    <t>Nominal GDP ……………………………………………………………..............................</t>
  </si>
  <si>
    <t>Retail sales …………………………………………………………….......................</t>
  </si>
  <si>
    <t>Table 1.8   Federal Government Contributions</t>
  </si>
  <si>
    <t>Canada Health Transfer ………………………………………………………………</t>
  </si>
  <si>
    <t>Canada Social Transfer ………………………………………………………………</t>
  </si>
  <si>
    <t>Total health and social transfers ………………………………………………………………</t>
  </si>
  <si>
    <t>Disaster financial assistance arrangements ………………………………………………………………</t>
  </si>
  <si>
    <t>BC share of federal duty on cannabis ……………………</t>
  </si>
  <si>
    <t>BC Housing Management Commission …………………..</t>
  </si>
  <si>
    <t>Ministry vote recoveries ………………………………………………………………</t>
  </si>
  <si>
    <t>Other transfers to ministries and agencies ………………………………………………………………</t>
  </si>
  <si>
    <t>Total other contributions ............................................................................</t>
  </si>
  <si>
    <r>
      <t>Total Federal Government Contributions</t>
    </r>
    <r>
      <rPr>
        <sz val="9"/>
        <rFont val="Arial"/>
        <family val="2"/>
      </rPr>
      <t xml:space="preserve"> ………………………………………………………………</t>
    </r>
  </si>
  <si>
    <t>Table 1.9   ICBC Net Income Forecast</t>
  </si>
  <si>
    <r>
      <rPr>
        <i/>
        <sz val="9"/>
        <rFont val="Arial"/>
        <family val="2"/>
      </rPr>
      <t>Budget 2017 Update …</t>
    </r>
    <r>
      <rPr>
        <sz val="9"/>
        <rFont val="Arial"/>
        <family val="2"/>
      </rPr>
      <t>………………………………………...</t>
    </r>
  </si>
  <si>
    <r>
      <t xml:space="preserve">– Deterioration since </t>
    </r>
    <r>
      <rPr>
        <i/>
        <sz val="9"/>
        <rFont val="Arial"/>
        <family val="2"/>
      </rPr>
      <t>Budget 2017 Update</t>
    </r>
    <r>
      <rPr>
        <sz val="9"/>
        <rFont val="Arial"/>
        <family val="2"/>
      </rPr>
      <t xml:space="preserve"> …………………………………………………………………….................</t>
    </r>
  </si>
  <si>
    <t>– Estimated impact of product reform …………………………………………………………………….............</t>
  </si>
  <si>
    <t>-</t>
  </si>
  <si>
    <r>
      <t>Budget 2018</t>
    </r>
    <r>
      <rPr>
        <i/>
        <sz val="9"/>
        <rFont val="Arial"/>
        <family val="2"/>
      </rPr>
      <t xml:space="preserve"> ……………………………………………………….</t>
    </r>
  </si>
  <si>
    <t>Table 1.10   Revenue by Source</t>
  </si>
  <si>
    <r>
      <t>Change</t>
    </r>
    <r>
      <rPr>
        <vertAlign val="superscript"/>
        <sz val="8"/>
        <rFont val="Arial"/>
        <family val="2"/>
      </rPr>
      <t xml:space="preserve"> 2</t>
    </r>
  </si>
  <si>
    <t>from</t>
  </si>
  <si>
    <t>2002/03</t>
  </si>
  <si>
    <t>Taxation revenue</t>
  </si>
  <si>
    <t>Personal income …………………………………………………………………........................</t>
  </si>
  <si>
    <t>Corporate income …………………………………………………………………..........................</t>
  </si>
  <si>
    <t>Employer health ……………………………………………………………………………...........................</t>
  </si>
  <si>
    <r>
      <t xml:space="preserve">Sales </t>
    </r>
    <r>
      <rPr>
        <vertAlign val="superscript"/>
        <sz val="8"/>
        <rFont val="Arial"/>
        <family val="2"/>
      </rPr>
      <t>1</t>
    </r>
    <r>
      <rPr>
        <sz val="9"/>
        <rFont val="Arial"/>
        <family val="2"/>
      </rPr>
      <t xml:space="preserve"> ……………………………………………………………………………………...................</t>
    </r>
  </si>
  <si>
    <t>Fuel ……………………………………………………………………………………............................</t>
  </si>
  <si>
    <t>Carbon ……………………………………………………………………....................................</t>
  </si>
  <si>
    <t>Tobacco ………………………………………………………………………………..........................</t>
  </si>
  <si>
    <t>Property ……………………………………………………………………………...........................</t>
  </si>
  <si>
    <t>Property transfer ……………………………………………………………………………...............</t>
  </si>
  <si>
    <t>Insurance premium ……………………………………………………………………………………..................</t>
  </si>
  <si>
    <t>Natural resource revenue</t>
  </si>
  <si>
    <t>Natural gas royalties ………………………………………………………………….....................</t>
  </si>
  <si>
    <t>Forests ………………………………………………………………………………………..........</t>
  </si>
  <si>
    <r>
      <t xml:space="preserve">Other natural resources </t>
    </r>
    <r>
      <rPr>
        <vertAlign val="superscript"/>
        <sz val="8"/>
        <rFont val="Arial"/>
        <family val="2"/>
      </rPr>
      <t>2</t>
    </r>
    <r>
      <rPr>
        <sz val="9"/>
        <rFont val="Arial"/>
        <family val="2"/>
      </rPr>
      <t xml:space="preserve"> …………………………………………………………….......................................</t>
    </r>
  </si>
  <si>
    <t xml:space="preserve">Other revenue  </t>
  </si>
  <si>
    <t>Medical Services Plan premiums ………………………………………………………...............</t>
  </si>
  <si>
    <r>
      <t xml:space="preserve">Other fees and licences </t>
    </r>
    <r>
      <rPr>
        <vertAlign val="superscript"/>
        <sz val="8"/>
        <rFont val="Arial"/>
        <family val="2"/>
      </rPr>
      <t>3</t>
    </r>
    <r>
      <rPr>
        <sz val="9"/>
        <rFont val="Arial"/>
        <family val="2"/>
      </rPr>
      <t xml:space="preserve"> ……………………………………………………………………………………………</t>
    </r>
  </si>
  <si>
    <r>
      <t>Investment earnings</t>
    </r>
    <r>
      <rPr>
        <vertAlign val="superscript"/>
        <sz val="8"/>
        <rFont val="Arial"/>
        <family val="2"/>
      </rPr>
      <t xml:space="preserve"> </t>
    </r>
    <r>
      <rPr>
        <sz val="9"/>
        <rFont val="Arial"/>
        <family val="2"/>
      </rPr>
      <t>………………………………………………………………………….</t>
    </r>
  </si>
  <si>
    <r>
      <t xml:space="preserve">Miscellaneous </t>
    </r>
    <r>
      <rPr>
        <vertAlign val="superscript"/>
        <sz val="8"/>
        <rFont val="Arial"/>
        <family val="2"/>
      </rPr>
      <t>4</t>
    </r>
    <r>
      <rPr>
        <sz val="9"/>
        <rFont val="Arial"/>
        <family val="2"/>
      </rPr>
      <t xml:space="preserve"> ………………………………………………………………………………..</t>
    </r>
  </si>
  <si>
    <t>Contributions from the federal government</t>
  </si>
  <si>
    <t>Health and social transfers …………………………………………………………..................</t>
  </si>
  <si>
    <r>
      <t xml:space="preserve">Other federal government contributions </t>
    </r>
    <r>
      <rPr>
        <vertAlign val="superscript"/>
        <sz val="8"/>
        <rFont val="Arial"/>
        <family val="2"/>
      </rPr>
      <t>5</t>
    </r>
    <r>
      <rPr>
        <sz val="9"/>
        <rFont val="Arial"/>
        <family val="2"/>
      </rPr>
      <t xml:space="preserve"> …………………………………………………………....................</t>
    </r>
  </si>
  <si>
    <t>Commercial Crown corporation net income</t>
  </si>
  <si>
    <r>
      <t>BC Hydro</t>
    </r>
    <r>
      <rPr>
        <vertAlign val="superscript"/>
        <sz val="9"/>
        <rFont val="Arial"/>
        <family val="2"/>
      </rPr>
      <t xml:space="preserve"> </t>
    </r>
    <r>
      <rPr>
        <sz val="9"/>
        <rFont val="Arial"/>
        <family val="2"/>
      </rPr>
      <t>…………………………………………………………………………………..…………….</t>
    </r>
  </si>
  <si>
    <t>Liquor Distribution Branch ……………………………………………………………………..</t>
  </si>
  <si>
    <t>BC Lottery Corporation (net of payments to federal government) ……………………………………………………………………….……………………..</t>
  </si>
  <si>
    <r>
      <t>ICBC</t>
    </r>
    <r>
      <rPr>
        <vertAlign val="superscript"/>
        <sz val="9"/>
        <rFont val="Arial"/>
        <family val="2"/>
      </rPr>
      <t xml:space="preserve"> </t>
    </r>
    <r>
      <rPr>
        <vertAlign val="superscript"/>
        <sz val="9"/>
        <rFont val="Arial"/>
        <family val="2"/>
      </rPr>
      <t xml:space="preserve"> </t>
    </r>
    <r>
      <rPr>
        <sz val="9"/>
        <rFont val="Arial"/>
        <family val="2"/>
      </rPr>
      <t>……………………………………………………………………….…………………………………..</t>
    </r>
  </si>
  <si>
    <t>Transportation Investment Corporation ......................................................................</t>
  </si>
  <si>
    <r>
      <t xml:space="preserve">Other </t>
    </r>
    <r>
      <rPr>
        <vertAlign val="superscript"/>
        <sz val="8"/>
        <rFont val="Arial"/>
        <family val="2"/>
      </rPr>
      <t>6</t>
    </r>
    <r>
      <rPr>
        <sz val="9"/>
        <rFont val="Arial"/>
        <family val="2"/>
      </rPr>
      <t xml:space="preserve"> …………………………………………………………………………………………………</t>
    </r>
  </si>
  <si>
    <r>
      <t xml:space="preserve">Total revenue </t>
    </r>
    <r>
      <rPr>
        <sz val="9"/>
        <rFont val="Arial"/>
        <family val="2"/>
      </rPr>
      <t>…………………………………………………………………………………………</t>
    </r>
  </si>
  <si>
    <t>Includes provincial sales tax, HST/PST housing transition tax and harmonized sales tax related to prior years.</t>
  </si>
  <si>
    <t xml:space="preserve">Columbia River Treaty, Crown land tenures, other energy and minerals, water rental, and other resources.   </t>
  </si>
  <si>
    <t xml:space="preserve">Post-secondary, healthcare-related, motor vehicle, and other fees.   </t>
  </si>
  <si>
    <t xml:space="preserve">Includes reimbursements for healthcare and other services provided to external agencies, and other recoveries.               </t>
  </si>
  <si>
    <t xml:space="preserve">Includes contributions for health, education, community development, housing and social service programs, and transportation projects.              </t>
  </si>
  <si>
    <t xml:space="preserve">Includes Columbia Power Corporation, BC Railway Company, Columbia Basin Trust power projects, and other agencies' self-supported subsidiaries. </t>
  </si>
  <si>
    <t>Table 1.11   Expense by Ministry, Program and Agency</t>
  </si>
  <si>
    <r>
      <t xml:space="preserve">Updated
Forecast 
2017/18 </t>
    </r>
    <r>
      <rPr>
        <vertAlign val="superscript"/>
        <sz val="8"/>
        <rFont val="Arial"/>
        <family val="2"/>
      </rPr>
      <t>1</t>
    </r>
  </si>
  <si>
    <t>Office of the Premier …………………………………………………………………………………..</t>
  </si>
  <si>
    <t>Advanced Education, Skills and Training .............................................................................................................................</t>
  </si>
  <si>
    <t>Agriculture ………………………………………………………………....................................................</t>
  </si>
  <si>
    <t>Attorney General .........................................................................................................................................</t>
  </si>
  <si>
    <t>Children and Family Development ……………………………………………………………………….</t>
  </si>
  <si>
    <t>Citizens' Services .............................................................................................................................</t>
  </si>
  <si>
    <t>Education ……………………………………………………………………………………………………</t>
  </si>
  <si>
    <t>Energy, Mines and Petroleum Resources …………………………………………………………………………………………</t>
  </si>
  <si>
    <t>Environment and Climate Change Strategy ……………………………………………………………………………………..</t>
  </si>
  <si>
    <t>Finance ……………………………………………………………………………………………………</t>
  </si>
  <si>
    <r>
      <t xml:space="preserve">Finance – extinguishment of TI Corp fiscal agency loan </t>
    </r>
    <r>
      <rPr>
        <vertAlign val="superscript"/>
        <sz val="8"/>
        <rFont val="Arial"/>
        <family val="2"/>
      </rPr>
      <t>2</t>
    </r>
    <r>
      <rPr>
        <sz val="9"/>
        <rFont val="Arial"/>
        <family val="2"/>
      </rPr>
      <t xml:space="preserve"> ……………………………………………………………………………………………………</t>
    </r>
  </si>
  <si>
    <t>Forests, Lands, Natural Resource Operations and Rural Development ………………………………………………………………………………………………………..</t>
  </si>
  <si>
    <r>
      <t>Health</t>
    </r>
    <r>
      <rPr>
        <vertAlign val="superscript"/>
        <sz val="9"/>
        <rFont val="Arial"/>
        <family val="2"/>
      </rPr>
      <t xml:space="preserve"> </t>
    </r>
    <r>
      <rPr>
        <sz val="8"/>
        <rFont val="Arial"/>
        <family val="2"/>
      </rPr>
      <t>…</t>
    </r>
    <r>
      <rPr>
        <sz val="9"/>
        <rFont val="Arial"/>
        <family val="2"/>
      </rPr>
      <t>…………………………………………………………………………………….......................</t>
    </r>
  </si>
  <si>
    <t>Indigenous Relations and Reconciliation ………………………………………………………………………</t>
  </si>
  <si>
    <t>Jobs, Trade and Technology …………………………………………………………………………</t>
  </si>
  <si>
    <t>Labour ……………………………………………………………………………………….......................</t>
  </si>
  <si>
    <t>Mental Health and Addictions ………………………………………………………</t>
  </si>
  <si>
    <t>Municipal Affairs and Housing ………………………………………………………</t>
  </si>
  <si>
    <t>Public Safety and Solicitor General .........................................................................................................................................</t>
  </si>
  <si>
    <t>Social Development and Poverty Reduction .............................................................................................................................</t>
  </si>
  <si>
    <t>Tourism, Arts and Culture .............................................................................................</t>
  </si>
  <si>
    <t>Transportation and Infrastructure …………………………………………………………………………..</t>
  </si>
  <si>
    <r>
      <t xml:space="preserve">Total ministries and Office of the Premier </t>
    </r>
    <r>
      <rPr>
        <sz val="9"/>
        <rFont val="Arial"/>
        <family val="2"/>
      </rPr>
      <t>………………………………………………………..</t>
    </r>
  </si>
  <si>
    <t>Management of public funds and debt …………………………………………………………………….</t>
  </si>
  <si>
    <r>
      <t xml:space="preserve">Contingencies </t>
    </r>
    <r>
      <rPr>
        <sz val="9"/>
        <rFont val="Arial"/>
        <family val="2"/>
      </rPr>
      <t>……………………………………………...………………………………………………………………………………….</t>
    </r>
  </si>
  <si>
    <t>Funding for capital expenditures ……………………………………………...………………………………………………………………………………….</t>
  </si>
  <si>
    <t>Refundable tax credit transfers ……………………………………………...………………………………………………………………………………….</t>
  </si>
  <si>
    <t>Legislative Assembly and other appropriations ……………………………………………………………………………………….</t>
  </si>
  <si>
    <r>
      <t xml:space="preserve">Subtotal </t>
    </r>
    <r>
      <rPr>
        <sz val="9"/>
        <rFont val="Arial"/>
        <family val="2"/>
      </rPr>
      <t>……………………………………………………………….</t>
    </r>
  </si>
  <si>
    <t>Priority spending initiatives and caseload pressures ………………..</t>
  </si>
  <si>
    <r>
      <t>Total appropriations</t>
    </r>
    <r>
      <rPr>
        <sz val="9"/>
        <rFont val="Arial"/>
        <family val="2"/>
      </rPr>
      <t xml:space="preserve"> ………………………………………………………………………………………...</t>
    </r>
  </si>
  <si>
    <r>
      <t>Elimination of transactions between appropriations</t>
    </r>
    <r>
      <rPr>
        <vertAlign val="superscript"/>
        <sz val="9"/>
        <rFont val="Arial"/>
        <family val="2"/>
      </rPr>
      <t xml:space="preserve"> </t>
    </r>
    <r>
      <rPr>
        <vertAlign val="superscript"/>
        <sz val="8"/>
        <rFont val="Arial"/>
        <family val="2"/>
      </rPr>
      <t>3</t>
    </r>
    <r>
      <rPr>
        <sz val="8"/>
        <rFont val="Arial"/>
        <family val="2"/>
      </rPr>
      <t xml:space="preserve"> </t>
    </r>
    <r>
      <rPr>
        <sz val="9"/>
        <rFont val="Arial"/>
        <family val="2"/>
      </rPr>
      <t>……………………………………………………………………………………….</t>
    </r>
  </si>
  <si>
    <t>Prior year liability adjustments ……………………………………………………………………………………….</t>
  </si>
  <si>
    <r>
      <t xml:space="preserve">Consolidated revenue fund expense </t>
    </r>
    <r>
      <rPr>
        <sz val="9"/>
        <rFont val="Arial"/>
        <family val="2"/>
      </rPr>
      <t>………………..…………………………………………………………………..</t>
    </r>
  </si>
  <si>
    <t xml:space="preserve">Expenses recovered from external entities …………………………….……………………………………  </t>
  </si>
  <si>
    <t>Funding provided to service delivery agencies ..........................................................................................</t>
  </si>
  <si>
    <r>
      <t xml:space="preserve">Extinguishment of TI Corp fiscal agency loan </t>
    </r>
    <r>
      <rPr>
        <vertAlign val="superscript"/>
        <sz val="8"/>
        <rFont val="Arial"/>
        <family val="2"/>
      </rPr>
      <t>2</t>
    </r>
    <r>
      <rPr>
        <sz val="9"/>
        <rFont val="Arial"/>
        <family val="2"/>
      </rPr>
      <t xml:space="preserve"> ……………………………………………………………………………………………………</t>
    </r>
  </si>
  <si>
    <r>
      <t xml:space="preserve">Total direct program spending </t>
    </r>
    <r>
      <rPr>
        <sz val="9"/>
        <rFont val="Arial"/>
        <family val="2"/>
      </rPr>
      <t>………………..…………………………………………………………………..</t>
    </r>
  </si>
  <si>
    <t>Service delivery agency expense:</t>
  </si>
  <si>
    <t>School districts ……………………………………………………………………………………..</t>
  </si>
  <si>
    <t>Universities ………………………………………………….................................................................</t>
  </si>
  <si>
    <t>Colleges and institutes …………………………………………………................................................</t>
  </si>
  <si>
    <t>Health authorities and hospital societies …………………………………………………….....................</t>
  </si>
  <si>
    <t>Other service delivery agencies …………………………………………………………………………..</t>
  </si>
  <si>
    <r>
      <t xml:space="preserve">Total service delivery agency expense </t>
    </r>
    <r>
      <rPr>
        <sz val="9"/>
        <rFont val="Arial"/>
        <family val="2"/>
      </rPr>
      <t>…………………………………………………………………..</t>
    </r>
  </si>
  <si>
    <r>
      <t xml:space="preserve">Total expense </t>
    </r>
    <r>
      <rPr>
        <sz val="9"/>
        <rFont val="Arial"/>
        <family val="2"/>
      </rPr>
      <t>…………………………………………………………………....................................................</t>
    </r>
  </si>
  <si>
    <t>Restated to reflect government's current organization and accounting policies.</t>
  </si>
  <si>
    <r>
      <rPr>
        <i/>
        <sz val="7"/>
        <rFont val="Arial"/>
        <family val="2"/>
      </rPr>
      <t>Budget 2017 Update</t>
    </r>
    <r>
      <rPr>
        <sz val="7"/>
        <rFont val="Arial"/>
        <family val="2"/>
      </rPr>
      <t xml:space="preserve"> provided statutory authority to extinguish the fiscal agency loan agreement between government and the Transportation Investment Corporation in response to the decision to cancel tolls on the Port Mann bridge.  As a related party transaction, the expense and the corporation`s debt reduction are eliminated on consolidation resulting in no impact to operating results. </t>
    </r>
  </si>
  <si>
    <t>Reflects payments made under an agreement where an expense from a voted appropriation is recorded as revenue by a special account.</t>
  </si>
  <si>
    <t>Table 1.12  Improving Affordability</t>
  </si>
  <si>
    <t xml:space="preserve">Transportation Supplement for People with Disabilities (Bus Pass) ………………………………… </t>
  </si>
  <si>
    <r>
      <t>Total</t>
    </r>
    <r>
      <rPr>
        <sz val="9"/>
        <color theme="1"/>
        <rFont val="Arial"/>
        <family val="2"/>
      </rPr>
      <t xml:space="preserve"> ………...……………………………………………………………………………………………………………………..</t>
    </r>
  </si>
  <si>
    <t>Table 1.13  Enhancing Services</t>
  </si>
  <si>
    <t>New Funding for Early Care and Learning</t>
  </si>
  <si>
    <t>Investing in Child Care BC ……………………………</t>
  </si>
  <si>
    <t>Increasing access to Primary Health Care Providers …………………………………………………………………………………</t>
  </si>
  <si>
    <t>Increased Cost of Final BCTF Agreement to Hire More Teachers………………………………………………………….</t>
  </si>
  <si>
    <t>Increased Funding for Social Justice</t>
  </si>
  <si>
    <t>Increased Resources to Deliver Social Assistance Services …………………..</t>
  </si>
  <si>
    <t>Supporting Women and Children Affected by Violence ……………………</t>
  </si>
  <si>
    <t>Aboriginal Friendship Centre Funding ……………………………………….</t>
  </si>
  <si>
    <t>Continued Funding for Opioid Overdose Emergency ……………………………………</t>
  </si>
  <si>
    <t>Improving Administration of Employment Standards …………………………….</t>
  </si>
  <si>
    <t>Conservation Officer Service Staffing Increase ………………….………………………….</t>
  </si>
  <si>
    <t>Maintenance for New Campsites ……………………………………………………</t>
  </si>
  <si>
    <t>Increased Funding for BC Transit Services …………………………………….</t>
  </si>
  <si>
    <t>Table 1.14 Federal Early Learning and Child Care Agreement - Funding Breakdown</t>
  </si>
  <si>
    <t xml:space="preserve"> 2019/20 </t>
  </si>
  <si>
    <t>2020/21*</t>
  </si>
  <si>
    <t>Early Learning and Child Care Framework (ELCC) Agreement</t>
  </si>
  <si>
    <t>Establish new infant/toddler spaces in areas of highest need…………………………………………………………………………………</t>
  </si>
  <si>
    <t xml:space="preserve">Provide operating grants to early care and learning prototype sites   ………………………………………………………………………………. </t>
  </si>
  <si>
    <t xml:space="preserve">Establish a training fund to support recruitment and retention of ECEs  ………………………………………………………………………………. </t>
  </si>
  <si>
    <t xml:space="preserve">Expand culturally-based Indigenous child care  ………………………………………………………………………………. </t>
  </si>
  <si>
    <t xml:space="preserve">Enhance programs for children with special needs  ………………………………………………………………………………. </t>
  </si>
  <si>
    <t xml:space="preserve">Enhance funding for the Young Parent Program  ………………………………………………………………………………. </t>
  </si>
  <si>
    <t xml:space="preserve">*Funding for future years will be confirmed on the renewal of the bilateral agreement, conditional on Canada’s acceptance </t>
  </si>
  <si>
    <t xml:space="preserve">of a new action plan. Under the agreement, the annual federal funding for the period 2020/21 to 2027/28 will be no </t>
  </si>
  <si>
    <t xml:space="preserve">less than $51 million. </t>
  </si>
  <si>
    <t xml:space="preserve">Table 1.15  Funding for Universal Early Care and Learning </t>
  </si>
  <si>
    <t xml:space="preserve"> ($ millions)</t>
  </si>
  <si>
    <r>
      <t>Total Provincial Funding</t>
    </r>
    <r>
      <rPr>
        <b/>
        <vertAlign val="superscript"/>
        <sz val="11"/>
        <color theme="1"/>
        <rFont val="Arial"/>
        <family val="2"/>
      </rPr>
      <t>1</t>
    </r>
    <r>
      <rPr>
        <b/>
        <sz val="11"/>
        <color theme="1"/>
        <rFont val="Arial"/>
        <family val="2"/>
      </rPr>
      <t xml:space="preserve"> ……………………………………………..</t>
    </r>
  </si>
  <si>
    <r>
      <t xml:space="preserve">      Federal ELCC Agreement Funding</t>
    </r>
    <r>
      <rPr>
        <vertAlign val="superscript"/>
        <sz val="11"/>
        <color theme="1"/>
        <rFont val="Arial"/>
        <family val="2"/>
      </rPr>
      <t>2</t>
    </r>
    <r>
      <rPr>
        <sz val="11"/>
        <color theme="1"/>
        <rFont val="Arial"/>
        <family val="2"/>
      </rPr>
      <t xml:space="preserve"> ……………………………………………………</t>
    </r>
  </si>
  <si>
    <t>Total ………………………………………………………………………….</t>
  </si>
  <si>
    <r>
      <rPr>
        <i/>
        <sz val="9"/>
        <color theme="1"/>
        <rFont val="Arial"/>
        <family val="2"/>
      </rPr>
      <t>Budget 2017 Update</t>
    </r>
    <r>
      <rPr>
        <sz val="9"/>
        <color theme="1"/>
        <rFont val="Arial"/>
        <family val="2"/>
      </rPr>
      <t xml:space="preserve"> included $20 million in 2017/18 for the creation of new child care spaces.</t>
    </r>
  </si>
  <si>
    <t>Funding for 2020/21 will be confirmed on the renewal of the bilateral agreement, conditional on Canada's acceptance of a new ELCC action plan.  Under the agreement, the annual federal funding for the period 2020/21 to 2027/28 will be no less than $51 million.</t>
  </si>
  <si>
    <t>Table  1.16  Building a Strong and Sustainable Economy</t>
  </si>
  <si>
    <t>Investing in Higher Education and Skills Training</t>
  </si>
  <si>
    <t>Adult Basic Education and English Language Learning …………..</t>
  </si>
  <si>
    <t>Continuation of Indigenous Skills Training Program …………………………………………………………………………………</t>
  </si>
  <si>
    <t xml:space="preserve">New Indigenous Law Program ………………………………………………………………………………. </t>
  </si>
  <si>
    <t>Expanding Post Secondary Technology Programming …………………………….</t>
  </si>
  <si>
    <t xml:space="preserve">Tuition Waiver Program for Youth formerly in Care ………………………………………………………………………………. </t>
  </si>
  <si>
    <t xml:space="preserve">Agreements with Young Adults ………………………………………………………………………………. </t>
  </si>
  <si>
    <t xml:space="preserve">Increased Supports for Newcomers ………………………………………………………………………………. </t>
  </si>
  <si>
    <t xml:space="preserve">Improving Wildfire Resiliency ………………………………………………………………………………. </t>
  </si>
  <si>
    <t xml:space="preserve">Wildfire Recovery ………………………………………………………………………………. </t>
  </si>
  <si>
    <t xml:space="preserve">Mining Oversight and Energy Roadmap ………………………………………………………………………………. </t>
  </si>
  <si>
    <t xml:space="preserve">Modernizing Crown Land Use Planning ………………………………………………………………………………. </t>
  </si>
  <si>
    <t xml:space="preserve">Provincial Wildlife Management Strategy ………………………………………………………………………………. </t>
  </si>
  <si>
    <t xml:space="preserve">Support for Indigenous Reconciliation Work ………………………………………………………………………………. </t>
  </si>
  <si>
    <t xml:space="preserve">New Agrifood Sector Support ………………………………………………………………………………. </t>
  </si>
  <si>
    <t xml:space="preserve">Maintaining the Transportation Network ………………………………………………………………………………. </t>
  </si>
  <si>
    <t>Increased Funding for Arts and the Creative Economy ………………………………………………………….</t>
  </si>
  <si>
    <t>Total New Provincial Funding for Sustainable Economy</t>
  </si>
  <si>
    <t xml:space="preserve">Forecasted New Federal LMDA Funding as per Table 1.17 ………………………………………………………………………………. </t>
  </si>
  <si>
    <t xml:space="preserve">Forecasted New Federal WDA Funding as per Table 1.17 ………………………………………………………………………………. </t>
  </si>
  <si>
    <t>Total New Provincial/Federal Funding for Sustainable Economy</t>
  </si>
  <si>
    <t>Table  1.17  Renewed Federal Labour Market Agreements - Funding Breakdown</t>
  </si>
  <si>
    <t>Labour Market Development Agreement (LMDA)</t>
  </si>
  <si>
    <t>Current Federal Base Funding …………………………………………………………………………………</t>
  </si>
  <si>
    <t xml:space="preserve">Forecasted New LMDA Funding  ………………………………………………………………………………. </t>
  </si>
  <si>
    <r>
      <t xml:space="preserve">Total Federal LMDA Funding in </t>
    </r>
    <r>
      <rPr>
        <b/>
        <i/>
        <sz val="9"/>
        <color theme="1"/>
        <rFont val="Arial"/>
        <family val="2"/>
      </rPr>
      <t>Budget 2018</t>
    </r>
  </si>
  <si>
    <t>Workforce Development Agreement (WDA)</t>
  </si>
  <si>
    <t>Current Federal Base Funding ……………………………………………………………..</t>
  </si>
  <si>
    <t xml:space="preserve">Forecasted New WDA Funding  ………………………………………………………………………………. </t>
  </si>
  <si>
    <r>
      <t xml:space="preserve">Total Federal WDA Funding in </t>
    </r>
    <r>
      <rPr>
        <b/>
        <i/>
        <sz val="9"/>
        <color theme="1"/>
        <rFont val="Arial"/>
        <family val="2"/>
      </rPr>
      <t>Budget 2018</t>
    </r>
    <r>
      <rPr>
        <b/>
        <sz val="9"/>
        <color theme="1"/>
        <rFont val="Arial"/>
        <family val="2"/>
      </rPr>
      <t>………...……………………………………………………………………………………………………………………..</t>
    </r>
  </si>
  <si>
    <t xml:space="preserve">Table 1.18  Indigenous Investments </t>
  </si>
  <si>
    <t>3-year total</t>
  </si>
  <si>
    <t>Aboriginal Friendship Centre Funding ………………………………………………………………………………</t>
  </si>
  <si>
    <t>New Indigenous Law Program …………………………………………………………………………………</t>
  </si>
  <si>
    <t>Support for Indigenous Reconciliation Work……………………………………………..</t>
  </si>
  <si>
    <t>Indigenous Housing………………………………………………………………………………..</t>
  </si>
  <si>
    <t>Continuation of Indigenous Skills Training Program………………………………….</t>
  </si>
  <si>
    <t>Indigenous Languages Funding……………………………………………….</t>
  </si>
  <si>
    <r>
      <t>Total New Provincial Funding</t>
    </r>
    <r>
      <rPr>
        <sz val="9"/>
        <color theme="1"/>
        <rFont val="Arial"/>
        <family val="2"/>
      </rPr>
      <t xml:space="preserve"> ………...……………………………………………………………………………………………………………………..</t>
    </r>
  </si>
  <si>
    <t>Federal Funding to Expand Culturally Based Indigenous Childcare…………………………………………………</t>
  </si>
  <si>
    <r>
      <t>Total New Provincial and Federal Funding</t>
    </r>
    <r>
      <rPr>
        <sz val="9"/>
        <color theme="1"/>
        <rFont val="Arial"/>
        <family val="2"/>
      </rPr>
      <t>…………………………….…………………………………………..</t>
    </r>
  </si>
  <si>
    <t>Table 1.19  Capital Spending</t>
  </si>
  <si>
    <t>Plan
2019/20</t>
  </si>
  <si>
    <t>Plan
2020/21</t>
  </si>
  <si>
    <t>Taxpayer-supported</t>
  </si>
  <si>
    <t>Education</t>
  </si>
  <si>
    <t>Schools (K–12) …………………………………………………………</t>
  </si>
  <si>
    <t>Post-secondary institutions …………………………………………………………</t>
  </si>
  <si>
    <t>Health …………………………………………………………………………………………...</t>
  </si>
  <si>
    <r>
      <t xml:space="preserve">BC Transportation Financing Authority </t>
    </r>
    <r>
      <rPr>
        <vertAlign val="superscript"/>
        <sz val="8"/>
        <rFont val="Arial"/>
        <family val="2"/>
      </rPr>
      <t>1</t>
    </r>
    <r>
      <rPr>
        <sz val="9"/>
        <rFont val="Arial"/>
        <family val="2"/>
      </rPr>
      <t>……………………………..</t>
    </r>
  </si>
  <si>
    <t>BC Transit ………………………………………..……………………………..</t>
  </si>
  <si>
    <t>Government ministries ……………………………………………</t>
  </si>
  <si>
    <r>
      <t xml:space="preserve">Housing </t>
    </r>
    <r>
      <rPr>
        <vertAlign val="superscript"/>
        <sz val="8"/>
        <rFont val="Arial"/>
        <family val="2"/>
      </rPr>
      <t>2</t>
    </r>
    <r>
      <rPr>
        <sz val="9"/>
        <rFont val="Arial"/>
        <family val="2"/>
      </rPr>
      <t>……………………………………………………………….……</t>
    </r>
  </si>
  <si>
    <r>
      <t xml:space="preserve">Other </t>
    </r>
    <r>
      <rPr>
        <vertAlign val="superscript"/>
        <sz val="9"/>
        <rFont val="Arial"/>
        <family val="2"/>
      </rPr>
      <t>3</t>
    </r>
    <r>
      <rPr>
        <sz val="9"/>
        <rFont val="Arial"/>
        <family val="2"/>
      </rPr>
      <t>………………………………………………………………………………………………….</t>
    </r>
  </si>
  <si>
    <r>
      <t xml:space="preserve">Total taxpayer-supported </t>
    </r>
    <r>
      <rPr>
        <sz val="9"/>
        <rFont val="Arial"/>
        <family val="2"/>
      </rPr>
      <t>……………………………………...</t>
    </r>
  </si>
  <si>
    <t xml:space="preserve">Self-supported </t>
  </si>
  <si>
    <t>BC Hydro …………………………………………………………….</t>
  </si>
  <si>
    <r>
      <t xml:space="preserve">Columbia River power projects </t>
    </r>
    <r>
      <rPr>
        <vertAlign val="superscript"/>
        <sz val="8"/>
        <rFont val="Arial"/>
        <family val="2"/>
      </rPr>
      <t>4</t>
    </r>
    <r>
      <rPr>
        <sz val="9"/>
        <rFont val="Arial"/>
        <family val="2"/>
      </rPr>
      <t>…………………………………………………………….</t>
    </r>
  </si>
  <si>
    <r>
      <t xml:space="preserve">Transportation Investment Corporation </t>
    </r>
    <r>
      <rPr>
        <vertAlign val="superscript"/>
        <sz val="8"/>
        <rFont val="Arial"/>
        <family val="2"/>
      </rPr>
      <t>5</t>
    </r>
    <r>
      <rPr>
        <sz val="9"/>
        <rFont val="Arial"/>
        <family val="2"/>
      </rPr>
      <t>……………………….……………………………..</t>
    </r>
  </si>
  <si>
    <r>
      <t xml:space="preserve">BC Railway Company </t>
    </r>
    <r>
      <rPr>
        <sz val="9"/>
        <rFont val="Arial"/>
        <family val="2"/>
      </rPr>
      <t>……………………………………………………………</t>
    </r>
  </si>
  <si>
    <r>
      <t xml:space="preserve">ICBC </t>
    </r>
    <r>
      <rPr>
        <sz val="9"/>
        <rFont val="Arial"/>
        <family val="2"/>
      </rPr>
      <t>………………………………………………………………………………………………...</t>
    </r>
  </si>
  <si>
    <t>BC Lotteries ……………………………………………………………..</t>
  </si>
  <si>
    <t>Liquor Distribution Branch …………………………………………………..</t>
  </si>
  <si>
    <r>
      <t xml:space="preserve">Other </t>
    </r>
    <r>
      <rPr>
        <vertAlign val="superscript"/>
        <sz val="8"/>
        <rFont val="Arial"/>
        <family val="2"/>
      </rPr>
      <t>3</t>
    </r>
    <r>
      <rPr>
        <sz val="9"/>
        <rFont val="Arial"/>
        <family val="2"/>
      </rPr>
      <t>………………………………………………………………………………………………….</t>
    </r>
  </si>
  <si>
    <r>
      <t xml:space="preserve">Total self-supported commercial </t>
    </r>
    <r>
      <rPr>
        <sz val="9"/>
        <rFont val="Arial"/>
        <family val="2"/>
      </rPr>
      <t>…………………………………….</t>
    </r>
  </si>
  <si>
    <r>
      <t xml:space="preserve">Total capital spending </t>
    </r>
    <r>
      <rPr>
        <sz val="9"/>
        <rFont val="Arial"/>
        <family val="2"/>
      </rPr>
      <t>………………………………………………...</t>
    </r>
  </si>
  <si>
    <t>Includes Transportation Investment Plan and Transportation Investment Corporation, which is a subsidiary of BCTFA effective            April 1, 2018.</t>
  </si>
  <si>
    <t>Includes BC Housing Management Commission and Provincial Rental Housing Corporation.</t>
  </si>
  <si>
    <t>Includes BC Pavilion Corporation, Transportation Investment Corporation spending from September 1, 2017 to March 31, 2018 and other service delivery agencies.</t>
  </si>
  <si>
    <t xml:space="preserve">Joint ventures of the Columbia Power Corporation and Columbia Basin Trust.           </t>
  </si>
  <si>
    <t>Transportation Investment Corporation's capital spending to August 31, 2017 is classified as self-supported.</t>
  </si>
  <si>
    <t>Table 1.20  Provincial Transportation Investments</t>
  </si>
  <si>
    <t>Forecast 2017/18</t>
  </si>
  <si>
    <t>3-Year Total</t>
  </si>
  <si>
    <t>Provincial investments:</t>
  </si>
  <si>
    <t>– Highway corridor rehabilitation ………………………………………………………………………………………..</t>
  </si>
  <si>
    <t>– Side road improvements ………………………………………………………………………</t>
  </si>
  <si>
    <t>– Pattullo Bridge replacement …………………………………………………………..</t>
  </si>
  <si>
    <t>– Highway 1 to Alberta border ……………………………………………………...……………………………………………………………………..</t>
  </si>
  <si>
    <t>– Transit Infrastructure ………………………………………………………………</t>
  </si>
  <si>
    <t>– Transportation and Trade Network Reliability …………………………………………………………………</t>
  </si>
  <si>
    <t>– Safety improvements …………………………………………………………………</t>
  </si>
  <si>
    <t>– Community and other programs ………………………………………………………………</t>
  </si>
  <si>
    <r>
      <t xml:space="preserve">Total provincial investments </t>
    </r>
    <r>
      <rPr>
        <sz val="9"/>
        <rFont val="Arial"/>
        <family val="2"/>
      </rPr>
      <t>………………………………………………………………………...</t>
    </r>
  </si>
  <si>
    <t>Investments funded through contributions from other partners</t>
  </si>
  <si>
    <r>
      <t xml:space="preserve">Total investments in transportation infrastructure </t>
    </r>
    <r>
      <rPr>
        <vertAlign val="superscript"/>
        <sz val="9"/>
        <rFont val="Arial"/>
        <family val="2"/>
      </rPr>
      <t>1</t>
    </r>
    <r>
      <rPr>
        <sz val="9"/>
        <rFont val="Arial"/>
        <family val="2"/>
      </rPr>
      <t>………………………………………………………………………...</t>
    </r>
  </si>
  <si>
    <t>Transportation Investment Corporation</t>
  </si>
  <si>
    <t>– George Massey Tunnel Replacement project ………………………………………..................................</t>
  </si>
  <si>
    <t>– Port Mann Bridge/Highway 1 project ………………………………………..................................</t>
  </si>
  <si>
    <r>
      <t xml:space="preserve">Total investments </t>
    </r>
    <r>
      <rPr>
        <sz val="9"/>
        <rFont val="Arial"/>
        <family val="2"/>
      </rPr>
      <t>………………………………………………………………………...</t>
    </r>
  </si>
  <si>
    <t xml:space="preserve">Total investments in transportation infrastructure including </t>
  </si>
  <si>
    <r>
      <t xml:space="preserve">Port Mann Bridge/Highway 1 project </t>
    </r>
    <r>
      <rPr>
        <sz val="9"/>
        <rFont val="Arial"/>
        <family val="2"/>
      </rPr>
      <t>……………………………………………………………………….......................................</t>
    </r>
  </si>
  <si>
    <t>investments from the Transportation Investment Corporation</t>
  </si>
  <si>
    <t>1</t>
  </si>
  <si>
    <t>Total investments include operating and capital spending.</t>
  </si>
  <si>
    <r>
      <t>Table 1.21</t>
    </r>
    <r>
      <rPr>
        <b/>
        <sz val="10"/>
        <color rgb="FFFF0000"/>
        <rFont val="Arial"/>
        <family val="2"/>
      </rPr>
      <t xml:space="preserve">  </t>
    </r>
    <r>
      <rPr>
        <b/>
        <sz val="10"/>
        <rFont val="Arial"/>
        <family val="2"/>
      </rPr>
      <t xml:space="preserve">Capital Expenditure Projects Greater Than $50 million </t>
    </r>
    <r>
      <rPr>
        <b/>
        <vertAlign val="superscript"/>
        <sz val="8"/>
        <rFont val="Arial"/>
        <family val="2"/>
      </rPr>
      <t>1</t>
    </r>
  </si>
  <si>
    <r>
      <t xml:space="preserve">Note: Information in bold type denotes changes from the 2017/18 second </t>
    </r>
    <r>
      <rPr>
        <b/>
        <i/>
        <sz val="8"/>
        <rFont val="Arial"/>
        <family val="2"/>
      </rPr>
      <t xml:space="preserve">Quarterly Report </t>
    </r>
    <r>
      <rPr>
        <b/>
        <sz val="8"/>
        <rFont val="Arial"/>
        <family val="2"/>
      </rPr>
      <t>released on November 28, 2017.</t>
    </r>
  </si>
  <si>
    <t>Project</t>
  </si>
  <si>
    <t>Estimated</t>
  </si>
  <si>
    <t>Anticipated</t>
  </si>
  <si>
    <t>Project Financing</t>
  </si>
  <si>
    <t>Year of</t>
  </si>
  <si>
    <t>Cost to</t>
  </si>
  <si>
    <t>Internal/</t>
  </si>
  <si>
    <t>P3</t>
  </si>
  <si>
    <t>Federal</t>
  </si>
  <si>
    <t>Other</t>
  </si>
  <si>
    <t>Completion</t>
  </si>
  <si>
    <t>Dec 31, 2017</t>
  </si>
  <si>
    <t>Complete</t>
  </si>
  <si>
    <t>Cost</t>
  </si>
  <si>
    <t>Borrowing</t>
  </si>
  <si>
    <t>Liability</t>
  </si>
  <si>
    <t>Gov't</t>
  </si>
  <si>
    <t xml:space="preserve"> Contrib'ns</t>
  </si>
  <si>
    <t>School districts</t>
  </si>
  <si>
    <t>Centennial Secondary ………………………………………………………………………………………………..</t>
  </si>
  <si>
    <t>Kitsilano Secondary ………………………………………………………………………………………………..</t>
  </si>
  <si>
    <t>CPS - Total Proj $63.161, Prov $59.247  EDUC approved to leave $50M Table at $65M and adjust at the end</t>
  </si>
  <si>
    <t>Salish Secondary ………………………………………………………………………………………………..</t>
  </si>
  <si>
    <t>Grandview Heights Secondary ………………………………………………………………………………………………..</t>
  </si>
  <si>
    <t>Reduced spending to date from $1M to $0M.  EDUC to confirm</t>
  </si>
  <si>
    <t>New Westminster Secondary ………………………………………………………………………………………………..</t>
  </si>
  <si>
    <t>2021</t>
  </si>
  <si>
    <t>Willoughby Slope Secondary ………………………………………….</t>
  </si>
  <si>
    <t>Handsworth Secondary ………………………………………….</t>
  </si>
  <si>
    <t>Seismic mitigation program ………………………………………………………………………………………………..</t>
  </si>
  <si>
    <t>2030</t>
  </si>
  <si>
    <t>Total school districts ………………………………………………………………………………………………………..</t>
  </si>
  <si>
    <t>Post-secondary institutions</t>
  </si>
  <si>
    <t>Emily Carr University of Art and Design –</t>
  </si>
  <si>
    <r>
      <t xml:space="preserve">  Campus redevelopment at Great Northern Way </t>
    </r>
    <r>
      <rPr>
        <vertAlign val="superscript"/>
        <sz val="8"/>
        <rFont val="Arial"/>
        <family val="2"/>
      </rPr>
      <t>2</t>
    </r>
  </si>
  <si>
    <t>– Direct procurement ………………………………………………………………………………………………………………………..</t>
  </si>
  <si>
    <t>– P3 contract ……………………………………………………………………………………………………………………………………………..</t>
  </si>
  <si>
    <t>University of British Columbia –</t>
  </si>
  <si>
    <t xml:space="preserve">Undergraduate Life Science Teaching </t>
  </si>
  <si>
    <t>Laboratories Redevelopment ………………………....</t>
  </si>
  <si>
    <t>Simon Fraser University –</t>
  </si>
  <si>
    <r>
      <t xml:space="preserve">Energy Systems Engineering Building </t>
    </r>
    <r>
      <rPr>
        <vertAlign val="superscript"/>
        <sz val="8"/>
        <rFont val="Arial"/>
        <family val="2"/>
      </rPr>
      <t>3</t>
    </r>
    <r>
      <rPr>
        <sz val="8"/>
        <rFont val="Arial"/>
        <family val="2"/>
      </rPr>
      <t>………………</t>
    </r>
  </si>
  <si>
    <t xml:space="preserve">British Columbia Institute of Technology – </t>
  </si>
  <si>
    <t>Health Sciences Centre for Advanced Simulation …………………..</t>
  </si>
  <si>
    <t>$36M Other not in CPS.   To be added in CPS 17/18 Q1 Agency Funds</t>
  </si>
  <si>
    <t>Total post secondary institutions ………………………………………………………………………………………………………..</t>
  </si>
  <si>
    <t>Health facilities</t>
  </si>
  <si>
    <r>
      <t xml:space="preserve">Queen Charlotte/Haida Gwaii Hospital </t>
    </r>
    <r>
      <rPr>
        <vertAlign val="superscript"/>
        <sz val="8"/>
        <rFont val="Arial"/>
        <family val="2"/>
      </rPr>
      <t>2</t>
    </r>
    <r>
      <rPr>
        <sz val="8"/>
        <rFont val="Arial"/>
        <family val="2"/>
      </rPr>
      <t>…………………………………………………………………………………………………………</t>
    </r>
  </si>
  <si>
    <t>2016</t>
  </si>
  <si>
    <t>Surrey Emergency/Critical Care Tower</t>
  </si>
  <si>
    <t>2014</t>
  </si>
  <si>
    <t>Royal Inland Hospital Clinical Services</t>
  </si>
  <si>
    <r>
      <t xml:space="preserve">Building </t>
    </r>
    <r>
      <rPr>
        <vertAlign val="superscript"/>
        <sz val="8"/>
        <rFont val="Arial"/>
        <family val="2"/>
      </rPr>
      <t>2</t>
    </r>
    <r>
      <rPr>
        <sz val="8"/>
        <rFont val="Arial"/>
        <family val="2"/>
      </rPr>
      <t>……………………………………………….</t>
    </r>
  </si>
  <si>
    <t>Savings - Transferred to Care Tower?</t>
  </si>
  <si>
    <t>Royal Inland Hospital Patient Care Tower ………………………………………….</t>
  </si>
  <si>
    <t>2024</t>
  </si>
  <si>
    <t>Vancouver General Hospital - Jim Pattison</t>
  </si>
  <si>
    <t>Pavilion Operating Rooms ………………………….</t>
  </si>
  <si>
    <r>
      <t>North Island Hospitals</t>
    </r>
    <r>
      <rPr>
        <vertAlign val="superscript"/>
        <sz val="8"/>
        <rFont val="Arial"/>
        <family val="2"/>
      </rPr>
      <t xml:space="preserve"> 2</t>
    </r>
  </si>
  <si>
    <t xml:space="preserve">  </t>
  </si>
  <si>
    <t>Interior Heart and Surgical Centre</t>
  </si>
  <si>
    <t>2015</t>
  </si>
  <si>
    <t xml:space="preserve">Vancouver General Hospital – Joseph and </t>
  </si>
  <si>
    <r>
      <t>Rosalie Segal Family Health Centre</t>
    </r>
    <r>
      <rPr>
        <vertAlign val="superscript"/>
        <sz val="8"/>
        <rFont val="Arial"/>
        <family val="2"/>
      </rPr>
      <t xml:space="preserve"> 2</t>
    </r>
    <r>
      <rPr>
        <sz val="8"/>
        <rFont val="Arial"/>
        <family val="2"/>
      </rPr>
      <t xml:space="preserve"> …………………………………………………………………………………………………………</t>
    </r>
  </si>
  <si>
    <t>Children's and Women's Hospital</t>
  </si>
  <si>
    <t xml:space="preserve">Penticton Regional Hospital – Patient Care </t>
  </si>
  <si>
    <t xml:space="preserve">Tower </t>
  </si>
  <si>
    <t>Royal Columbian Hospital – Phase 1 …………..……..</t>
  </si>
  <si>
    <t>Name Change to separate Phase 2&amp;3</t>
  </si>
  <si>
    <t>Royal Columbian Hospital – Phases 2 &amp; 3 …….…….</t>
  </si>
  <si>
    <t>2026</t>
  </si>
  <si>
    <t>New Project</t>
  </si>
  <si>
    <t>Peace Arch Hospital Renewal …………………………………</t>
  </si>
  <si>
    <t>Centre for Mental Health and Addictions ……………………………………………………..</t>
  </si>
  <si>
    <r>
      <t>Clinical and systems transformation</t>
    </r>
    <r>
      <rPr>
        <vertAlign val="superscript"/>
        <sz val="8"/>
        <rFont val="Arial"/>
        <family val="2"/>
      </rPr>
      <t>4</t>
    </r>
    <r>
      <rPr>
        <sz val="8"/>
        <rFont val="Arial"/>
        <family val="2"/>
      </rPr>
      <t xml:space="preserve"> …………………………………………………………………………………………………………</t>
    </r>
  </si>
  <si>
    <t>2023</t>
  </si>
  <si>
    <t>`</t>
  </si>
  <si>
    <t>iHealth Project – Vancouver Island Health</t>
  </si>
  <si>
    <r>
      <t xml:space="preserve">Authority </t>
    </r>
    <r>
      <rPr>
        <vertAlign val="superscript"/>
        <sz val="8"/>
        <rFont val="Arial"/>
        <family val="2"/>
      </rPr>
      <t>4</t>
    </r>
    <r>
      <rPr>
        <sz val="8"/>
        <rFont val="Arial"/>
        <family val="2"/>
      </rPr>
      <t xml:space="preserve"> …………………………………...…………….</t>
    </r>
  </si>
  <si>
    <t>Project completion date corrected to 2020 to align with the IHealth project schedule</t>
  </si>
  <si>
    <t>Total health facilities ………………………………………………………………………………………………………..</t>
  </si>
  <si>
    <r>
      <t>Table 1.21</t>
    </r>
    <r>
      <rPr>
        <b/>
        <sz val="10"/>
        <color rgb="FFFF0000"/>
        <rFont val="Arial"/>
        <family val="2"/>
      </rPr>
      <t xml:space="preserve">  </t>
    </r>
    <r>
      <rPr>
        <b/>
        <sz val="10"/>
        <rFont val="Arial"/>
        <family val="2"/>
      </rPr>
      <t xml:space="preserve"> Capital Expenditure Projects Greater Than $50 million </t>
    </r>
    <r>
      <rPr>
        <b/>
        <vertAlign val="superscript"/>
        <sz val="8"/>
        <rFont val="Arial"/>
        <family val="2"/>
      </rPr>
      <t>1</t>
    </r>
  </si>
  <si>
    <t>Transportation</t>
  </si>
  <si>
    <r>
      <t xml:space="preserve">Evergreen Line Rapid Transit </t>
    </r>
    <r>
      <rPr>
        <vertAlign val="superscript"/>
        <sz val="8"/>
        <rFont val="Arial"/>
        <family val="2"/>
      </rPr>
      <t>2</t>
    </r>
  </si>
  <si>
    <t>– P3 contract ……………………………………………………………………………………………………………………………………..</t>
  </si>
  <si>
    <t>Highway 97 widening from Highway 33 to</t>
  </si>
  <si>
    <t>Edwards Road …………………………..……………………………………………………..</t>
  </si>
  <si>
    <t>Highway 91 Alex Fraser Bridge Capacity</t>
  </si>
  <si>
    <t xml:space="preserve"> Improvements …………………………..………………………………….</t>
  </si>
  <si>
    <t xml:space="preserve">Highway 1 – Admirals Road/McKenzie Avenue </t>
  </si>
  <si>
    <t>Interchange ……………………………………………………..</t>
  </si>
  <si>
    <t>CPS - Project Cost to Mar/17 $28.96 - fix in CPS in 17/18 Q1 to match $50M Table</t>
  </si>
  <si>
    <t>Highway 1 widening and 216th Street</t>
  </si>
  <si>
    <t xml:space="preserve"> Interchange …………………………..……………………………………………………..</t>
  </si>
  <si>
    <t>Highway 7 Corridor Improvements ……………………………………..…………..</t>
  </si>
  <si>
    <t>Highway 99 10-Mile Slide ……………………………………..…………..</t>
  </si>
  <si>
    <t xml:space="preserve">Highway 1 Lower Lynn Corridor </t>
  </si>
  <si>
    <t>Improvements ……………………………..……………………………</t>
  </si>
  <si>
    <t>Highway 91 to Highway 17 and Deltaport Way</t>
  </si>
  <si>
    <t>Corridor Improvements ………………………………..</t>
  </si>
  <si>
    <t>2022</t>
  </si>
  <si>
    <t>Highway 1 Hoffmans Bluff to Jade Mountain …………………….</t>
  </si>
  <si>
    <t>Highway 1 Salmon Arm West …………………………………………</t>
  </si>
  <si>
    <t>CPS - Project Cost to Mar/17 $21.451M - Fix in CPS 17/18 Q1 to match $50M Table</t>
  </si>
  <si>
    <r>
      <t xml:space="preserve">Pattullo Bridge Replacement </t>
    </r>
    <r>
      <rPr>
        <b/>
        <vertAlign val="superscript"/>
        <sz val="8"/>
        <rFont val="Arial"/>
        <family val="2"/>
      </rPr>
      <t>5</t>
    </r>
    <r>
      <rPr>
        <b/>
        <sz val="8"/>
        <rFont val="Arial"/>
        <family val="2"/>
      </rPr>
      <t>………………………………….</t>
    </r>
  </si>
  <si>
    <t>Highway 1 Kicking Horse Canyon Phase 4 ………………………………………………………………………………..</t>
  </si>
  <si>
    <t xml:space="preserve">   </t>
  </si>
  <si>
    <t>Total transportation …………………………………………………………………………………………………………</t>
  </si>
  <si>
    <t>Other taxpayer-supported</t>
  </si>
  <si>
    <t>Abbotsford courthouse ……………………………………...…………….</t>
  </si>
  <si>
    <r>
      <t xml:space="preserve">Natural Resource Permitting Project </t>
    </r>
    <r>
      <rPr>
        <vertAlign val="superscript"/>
        <sz val="8"/>
        <rFont val="Arial"/>
        <family val="2"/>
      </rPr>
      <t>6</t>
    </r>
    <r>
      <rPr>
        <sz val="8"/>
        <rFont val="Arial"/>
        <family val="2"/>
      </rPr>
      <t>………………………………………………</t>
    </r>
  </si>
  <si>
    <t>Maples Adolescent Treatment Centre</t>
  </si>
  <si>
    <t>and Provincial Assessment Centre …………………………..……………………………………………………..</t>
  </si>
  <si>
    <t>Total other ………………………………………………………………………………………………………………………………………..</t>
  </si>
  <si>
    <r>
      <t>Total taxpayer-supported</t>
    </r>
    <r>
      <rPr>
        <sz val="8"/>
        <rFont val="Arial"/>
        <family val="2"/>
      </rPr>
      <t xml:space="preserve"> ............................................................................</t>
    </r>
  </si>
  <si>
    <r>
      <t>Table 1.21</t>
    </r>
    <r>
      <rPr>
        <b/>
        <sz val="10"/>
        <color rgb="FFFF0000"/>
        <rFont val="Arial"/>
        <family val="2"/>
      </rPr>
      <t xml:space="preserve">   </t>
    </r>
    <r>
      <rPr>
        <b/>
        <sz val="10"/>
        <rFont val="Arial"/>
        <family val="2"/>
      </rPr>
      <t xml:space="preserve">Capital Expenditure Projects Greater Than $50 million </t>
    </r>
    <r>
      <rPr>
        <b/>
        <vertAlign val="superscript"/>
        <sz val="8"/>
        <rFont val="Arial"/>
        <family val="2"/>
      </rPr>
      <t>1</t>
    </r>
  </si>
  <si>
    <t>Power generation and transmission</t>
  </si>
  <si>
    <r>
      <t xml:space="preserve">BC Hydro </t>
    </r>
    <r>
      <rPr>
        <vertAlign val="superscript"/>
        <sz val="8"/>
        <rFont val="Arial"/>
        <family val="2"/>
      </rPr>
      <t>7</t>
    </r>
  </si>
  <si>
    <r>
      <t>– Mica SF</t>
    </r>
    <r>
      <rPr>
        <vertAlign val="subscript"/>
        <sz val="8"/>
        <rFont val="Arial"/>
        <family val="2"/>
      </rPr>
      <t>6</t>
    </r>
    <r>
      <rPr>
        <sz val="8"/>
        <rFont val="Arial"/>
        <family val="2"/>
      </rPr>
      <t xml:space="preserve"> gas insulated switchgear</t>
    </r>
  </si>
  <si>
    <r>
      <t xml:space="preserve">replacement </t>
    </r>
    <r>
      <rPr>
        <vertAlign val="superscript"/>
        <sz val="8"/>
        <rFont val="Arial"/>
        <family val="2"/>
      </rPr>
      <t xml:space="preserve">2 </t>
    </r>
    <r>
      <rPr>
        <sz val="8"/>
        <rFont val="Arial"/>
        <family val="2"/>
      </rPr>
      <t>……………........................................</t>
    </r>
  </si>
  <si>
    <r>
      <t xml:space="preserve">– Northwest transmission line </t>
    </r>
    <r>
      <rPr>
        <vertAlign val="superscript"/>
        <sz val="8"/>
        <rFont val="Arial"/>
        <family val="2"/>
      </rPr>
      <t>2</t>
    </r>
    <r>
      <rPr>
        <sz val="8"/>
        <rFont val="Arial"/>
        <family val="2"/>
      </rPr>
      <t>……………..................</t>
    </r>
  </si>
  <si>
    <r>
      <t xml:space="preserve">– Merritt area transmission </t>
    </r>
    <r>
      <rPr>
        <vertAlign val="superscript"/>
        <sz val="8"/>
        <rFont val="Arial"/>
        <family val="2"/>
      </rPr>
      <t xml:space="preserve">2 </t>
    </r>
    <r>
      <rPr>
        <sz val="8"/>
        <rFont val="Arial"/>
        <family val="2"/>
      </rPr>
      <t>…………………………………………………………………………</t>
    </r>
  </si>
  <si>
    <r>
      <t xml:space="preserve">– Smart metering and infrastructure program </t>
    </r>
    <r>
      <rPr>
        <vertAlign val="superscript"/>
        <sz val="8"/>
        <rFont val="Arial"/>
        <family val="2"/>
      </rPr>
      <t>2</t>
    </r>
    <r>
      <rPr>
        <sz val="8"/>
        <rFont val="Arial"/>
        <family val="2"/>
      </rPr>
      <t xml:space="preserve"> …….....</t>
    </r>
  </si>
  <si>
    <r>
      <t xml:space="preserve">– Interior to Lower Mainland Transmission Line </t>
    </r>
    <r>
      <rPr>
        <vertAlign val="superscript"/>
        <sz val="8"/>
        <rFont val="Arial"/>
        <family val="2"/>
      </rPr>
      <t>2</t>
    </r>
    <r>
      <rPr>
        <sz val="8"/>
        <rFont val="Arial"/>
        <family val="2"/>
      </rPr>
      <t>…………………………………………………………………………</t>
    </r>
  </si>
  <si>
    <r>
      <t xml:space="preserve">– G.M. Shrum units 1 to 5 turbine replacement </t>
    </r>
    <r>
      <rPr>
        <vertAlign val="superscript"/>
        <sz val="8"/>
        <rFont val="Arial"/>
        <family val="2"/>
      </rPr>
      <t>2</t>
    </r>
    <r>
      <rPr>
        <sz val="8"/>
        <rFont val="Arial"/>
        <family val="2"/>
      </rPr>
      <t>…………………………………………………………………………</t>
    </r>
  </si>
  <si>
    <t xml:space="preserve">– Hugh Keenleyside spillway gate reliability </t>
  </si>
  <si>
    <r>
      <t xml:space="preserve">upgrade </t>
    </r>
    <r>
      <rPr>
        <vertAlign val="superscript"/>
        <sz val="8"/>
        <rFont val="Arial"/>
        <family val="2"/>
      </rPr>
      <t>2</t>
    </r>
    <r>
      <rPr>
        <sz val="8"/>
        <rFont val="Arial"/>
        <family val="2"/>
      </rPr>
      <t>……………………………………………………………………….</t>
    </r>
  </si>
  <si>
    <t xml:space="preserve">– Upper Columbia capacity additions at </t>
  </si>
  <si>
    <r>
      <t>Mica units 5 and 6 project</t>
    </r>
    <r>
      <rPr>
        <vertAlign val="superscript"/>
        <sz val="8"/>
        <rFont val="Arial"/>
        <family val="2"/>
      </rPr>
      <t xml:space="preserve"> 2 </t>
    </r>
    <r>
      <rPr>
        <sz val="8"/>
        <rFont val="Arial"/>
        <family val="2"/>
      </rPr>
      <t>………………………….....</t>
    </r>
  </si>
  <si>
    <r>
      <t xml:space="preserve">– Long Beach area reinforcement </t>
    </r>
    <r>
      <rPr>
        <vertAlign val="superscript"/>
        <sz val="8"/>
        <rFont val="Arial"/>
        <family val="2"/>
      </rPr>
      <t>2</t>
    </r>
    <r>
      <rPr>
        <sz val="8"/>
        <rFont val="Arial"/>
        <family val="2"/>
      </rPr>
      <t>…………………………………………………………………………</t>
    </r>
  </si>
  <si>
    <r>
      <t xml:space="preserve">– Dawson Creek/Chetwynd area transmission </t>
    </r>
    <r>
      <rPr>
        <vertAlign val="superscript"/>
        <sz val="8"/>
        <rFont val="Arial"/>
        <family val="2"/>
      </rPr>
      <t>2</t>
    </r>
    <r>
      <rPr>
        <sz val="8"/>
        <rFont val="Arial"/>
        <family val="2"/>
      </rPr>
      <t>…………………………………………………………………………</t>
    </r>
  </si>
  <si>
    <r>
      <t xml:space="preserve">– Surrey area substation project </t>
    </r>
    <r>
      <rPr>
        <vertAlign val="superscript"/>
        <sz val="8"/>
        <rFont val="Arial"/>
        <family val="2"/>
      </rPr>
      <t>2</t>
    </r>
    <r>
      <rPr>
        <sz val="8"/>
        <rFont val="Arial"/>
        <family val="2"/>
      </rPr>
      <t>…………………………………………………………………………</t>
    </r>
  </si>
  <si>
    <r>
      <t>– Big Bend substation</t>
    </r>
    <r>
      <rPr>
        <vertAlign val="superscript"/>
        <sz val="8"/>
        <rFont val="Arial"/>
        <family val="2"/>
      </rPr>
      <t xml:space="preserve"> 2</t>
    </r>
    <r>
      <rPr>
        <sz val="8"/>
        <rFont val="Arial"/>
        <family val="2"/>
      </rPr>
      <t xml:space="preserve"> …………………………………………………………………………</t>
    </r>
  </si>
  <si>
    <t>– Ruskin Dam safety and powerhouse upgrade …………………………………………………………………………</t>
  </si>
  <si>
    <t>– Horne Payne substation upgrade project……………....</t>
  </si>
  <si>
    <t>– Kamloops substation…….......……………................</t>
  </si>
  <si>
    <t>– John Hart generating station replacement …………………………………………………………………………</t>
  </si>
  <si>
    <t xml:space="preserve">– Cheakamus unit 1 and 2 generator </t>
  </si>
  <si>
    <t xml:space="preserve">    replacement …………………………………………………………………………</t>
  </si>
  <si>
    <t>– Fort St. John and Taylor Electric Supply.....................</t>
  </si>
  <si>
    <t>– W.A.C. Bennett Dam riprap upgrade project...............</t>
  </si>
  <si>
    <r>
      <t xml:space="preserve">– South Fraser transmission relocation project </t>
    </r>
    <r>
      <rPr>
        <vertAlign val="superscript"/>
        <sz val="8"/>
        <rFont val="Arial"/>
        <family val="2"/>
      </rPr>
      <t>4</t>
    </r>
    <r>
      <rPr>
        <sz val="8"/>
        <rFont val="Arial"/>
        <family val="2"/>
      </rPr>
      <t>…………..</t>
    </r>
  </si>
  <si>
    <t>TBD</t>
  </si>
  <si>
    <t>– Bridge River 2 units 5 and 6 upgrade project ...................</t>
  </si>
  <si>
    <t>– G.M. Shrum G1-G10 control system</t>
  </si>
  <si>
    <t xml:space="preserve">   upgrade - Phases I - III …………………………………………..............................</t>
  </si>
  <si>
    <t>– UBC load increase stage 2 project .........................</t>
  </si>
  <si>
    <t>– Mica replace units 1-4 transformers project ………........</t>
  </si>
  <si>
    <r>
      <t>– Site C project</t>
    </r>
    <r>
      <rPr>
        <vertAlign val="superscript"/>
        <sz val="8"/>
        <rFont val="Arial"/>
        <family val="2"/>
      </rPr>
      <t xml:space="preserve"> </t>
    </r>
    <r>
      <rPr>
        <sz val="8"/>
        <rFont val="Arial"/>
        <family val="2"/>
      </rPr>
      <t>…………………………………………………………………………</t>
    </r>
  </si>
  <si>
    <r>
      <t xml:space="preserve">Columbia River power projects </t>
    </r>
    <r>
      <rPr>
        <vertAlign val="superscript"/>
        <sz val="8"/>
        <rFont val="Arial"/>
        <family val="2"/>
      </rPr>
      <t>7</t>
    </r>
  </si>
  <si>
    <r>
      <t>– Waneta Dam power expansion</t>
    </r>
    <r>
      <rPr>
        <vertAlign val="superscript"/>
        <sz val="8"/>
        <rFont val="Arial"/>
        <family val="2"/>
      </rPr>
      <t xml:space="preserve"> 2, 8</t>
    </r>
    <r>
      <rPr>
        <sz val="8"/>
        <rFont val="Arial"/>
        <family val="2"/>
      </rPr>
      <t>……………………………………………………………………………………….</t>
    </r>
  </si>
  <si>
    <t>Total power generation and transmission ……………………………………………………………………………………………………</t>
  </si>
  <si>
    <t>Other self-supported</t>
  </si>
  <si>
    <t>Liquor Distribution Branch Warehouse ……………………………….…….</t>
  </si>
  <si>
    <t xml:space="preserve">Removed ICBC Business Transformation Project </t>
  </si>
  <si>
    <r>
      <t>Total self-supported</t>
    </r>
    <r>
      <rPr>
        <sz val="8"/>
        <rFont val="Arial"/>
        <family val="2"/>
      </rPr>
      <t xml:space="preserve"> ............................................................................</t>
    </r>
  </si>
  <si>
    <r>
      <t>Total $50 million projects</t>
    </r>
    <r>
      <rPr>
        <sz val="8"/>
        <rFont val="Arial"/>
        <family val="2"/>
      </rPr>
      <t xml:space="preserve"> ............................................................................</t>
    </r>
  </si>
  <si>
    <t xml:space="preserve">Only projects that receive provincial funding and have been approved by Treasury Board and/or Crown corporation boards are included in this table.  Ministry service plans may highlight projects that still require final approval. Capital costs reflect current government accounting policy. </t>
  </si>
  <si>
    <t>Assets have been put into service and only trailing costs remain.</t>
  </si>
  <si>
    <t>Simon Fraser University and private donors will contribute $26 million toward the project, and the university is also contributing land valued at $10 million.</t>
  </si>
  <si>
    <t>The project and estimated budget are currently under review.</t>
  </si>
  <si>
    <t>Forecasted amount reflects total expenditures including capitalized and expensed items.  This amount may change once contracts are finalized.</t>
  </si>
  <si>
    <t>Reflects approved capital costs to date, subject to change if future scope components are approved by government.</t>
  </si>
  <si>
    <t>Does not include the purchase of the remaining two-thirds interest in the Waneta Dam and Generating Station.  Completing this transaction is subject to a number of conditions, including approval of the BC Utilities Commission.</t>
  </si>
  <si>
    <t>Reflects the combined shares of Columbia Power Corporation (32.5 per cent) and Columbia Basin Trust (16.5 per cent) in their partnership with Fortis Inc. for the development of an electricity generating expansion facility at the Waneta Dam south of Trail.</t>
  </si>
  <si>
    <r>
      <t>Table 1.22  Provincial Debt Summary</t>
    </r>
    <r>
      <rPr>
        <b/>
        <vertAlign val="superscript"/>
        <sz val="8"/>
        <rFont val="Arial"/>
        <family val="2"/>
      </rPr>
      <t>1</t>
    </r>
  </si>
  <si>
    <t>($ millions unless otherwise indicated)</t>
  </si>
  <si>
    <t>Taxpayer-supported debt</t>
  </si>
  <si>
    <r>
      <t xml:space="preserve">Provincial government direct operating </t>
    </r>
    <r>
      <rPr>
        <sz val="9"/>
        <rFont val="Arial"/>
        <family val="2"/>
      </rPr>
      <t>.........................................</t>
    </r>
  </si>
  <si>
    <t>Other taxpayer-supported debt (mainly capital)</t>
  </si>
  <si>
    <r>
      <t>Education</t>
    </r>
    <r>
      <rPr>
        <vertAlign val="superscript"/>
        <sz val="9"/>
        <rFont val="Arial"/>
        <family val="2"/>
      </rPr>
      <t>2</t>
    </r>
    <r>
      <rPr>
        <sz val="9"/>
        <rFont val="Arial"/>
        <family val="2"/>
      </rPr>
      <t>………………………………………………………</t>
    </r>
  </si>
  <si>
    <r>
      <t>Health</t>
    </r>
    <r>
      <rPr>
        <vertAlign val="superscript"/>
        <sz val="8"/>
        <rFont val="Arial"/>
        <family val="2"/>
      </rPr>
      <t>3</t>
    </r>
    <r>
      <rPr>
        <sz val="9"/>
        <rFont val="Arial"/>
        <family val="2"/>
      </rPr>
      <t>……………………………………………………………….</t>
    </r>
  </si>
  <si>
    <r>
      <t>Highways and public transit</t>
    </r>
    <r>
      <rPr>
        <vertAlign val="superscript"/>
        <sz val="8"/>
        <rFont val="Arial"/>
        <family val="2"/>
      </rPr>
      <t>4</t>
    </r>
    <r>
      <rPr>
        <sz val="9"/>
        <rFont val="Arial"/>
        <family val="2"/>
      </rPr>
      <t xml:space="preserve"> ……………………………………………..</t>
    </r>
  </si>
  <si>
    <r>
      <t>Other</t>
    </r>
    <r>
      <rPr>
        <vertAlign val="superscript"/>
        <sz val="8"/>
        <rFont val="Arial"/>
        <family val="2"/>
      </rPr>
      <t>5</t>
    </r>
    <r>
      <rPr>
        <sz val="9"/>
        <rFont val="Arial"/>
        <family val="2"/>
      </rPr>
      <t xml:space="preserve"> …………………………………………………………………………………</t>
    </r>
  </si>
  <si>
    <r>
      <t xml:space="preserve">Total other taxpayer-supported debt </t>
    </r>
    <r>
      <rPr>
        <sz val="9"/>
        <rFont val="Arial"/>
        <family val="2"/>
      </rPr>
      <t>…………………………………………</t>
    </r>
  </si>
  <si>
    <r>
      <t xml:space="preserve">Provision for compensation agreements </t>
    </r>
    <r>
      <rPr>
        <sz val="9"/>
        <rFont val="Arial"/>
        <family val="2"/>
      </rPr>
      <t>………………………………….</t>
    </r>
  </si>
  <si>
    <r>
      <t xml:space="preserve">Total taxpayer-supported debt </t>
    </r>
    <r>
      <rPr>
        <sz val="9"/>
        <rFont val="Arial"/>
        <family val="2"/>
      </rPr>
      <t>…………………………………………….</t>
    </r>
  </si>
  <si>
    <r>
      <t xml:space="preserve">Self-supported debt </t>
    </r>
    <r>
      <rPr>
        <sz val="9"/>
        <rFont val="Arial"/>
        <family val="2"/>
      </rPr>
      <t>……..........................................................……………………………………………………..</t>
    </r>
  </si>
  <si>
    <r>
      <t xml:space="preserve">Warehouse borrowing program </t>
    </r>
    <r>
      <rPr>
        <sz val="9"/>
        <rFont val="Arial"/>
        <family val="2"/>
      </rPr>
      <t>…………………………………………………..</t>
    </r>
  </si>
  <si>
    <r>
      <t xml:space="preserve">Total self-supported debt </t>
    </r>
    <r>
      <rPr>
        <sz val="9"/>
        <rFont val="Arial"/>
        <family val="2"/>
      </rPr>
      <t>…………………………………………….</t>
    </r>
  </si>
  <si>
    <r>
      <t xml:space="preserve">Total debt before forecast allowance </t>
    </r>
    <r>
      <rPr>
        <sz val="9"/>
        <rFont val="Arial"/>
        <family val="2"/>
      </rPr>
      <t>………………………………………………………..</t>
    </r>
  </si>
  <si>
    <r>
      <t>Forecast allowance</t>
    </r>
    <r>
      <rPr>
        <b/>
        <vertAlign val="superscript"/>
        <sz val="8"/>
        <rFont val="Arial"/>
        <family val="2"/>
      </rPr>
      <t>6</t>
    </r>
    <r>
      <rPr>
        <sz val="9"/>
        <rFont val="Arial"/>
        <family val="2"/>
      </rPr>
      <t>………………………………………………………………...</t>
    </r>
  </si>
  <si>
    <r>
      <t xml:space="preserve">Total provincial debt </t>
    </r>
    <r>
      <rPr>
        <sz val="9"/>
        <rFont val="Arial"/>
        <family val="2"/>
      </rPr>
      <t>……………………………………………………………...</t>
    </r>
  </si>
  <si>
    <t>Debt as a per cent of GDP</t>
  </si>
  <si>
    <t>Provincial government direct operating …………………...………………………………….</t>
  </si>
  <si>
    <t>Taxpayer-supported ………………………………………….……………………………….</t>
  </si>
  <si>
    <t>Total provincial ………………………………………….………………………………….</t>
  </si>
  <si>
    <r>
      <t xml:space="preserve">Taxpayer-supported debt per capita ($) </t>
    </r>
    <r>
      <rPr>
        <sz val="9"/>
        <rFont val="Arial"/>
        <family val="2"/>
      </rPr>
      <t>……………………………………..</t>
    </r>
  </si>
  <si>
    <t>Taxpayer-supported interest bite (cents per</t>
  </si>
  <si>
    <r>
      <t>dollar of revenue)</t>
    </r>
    <r>
      <rPr>
        <sz val="9"/>
        <rFont val="Arial"/>
        <family val="2"/>
      </rPr>
      <t xml:space="preserve"> ………………………………………………….</t>
    </r>
  </si>
  <si>
    <r>
      <t xml:space="preserve">Provincial debt is prepared in accordance with Generally Accepted Accounting Principles and presented consistent with the Debt Summary Report included in the </t>
    </r>
    <r>
      <rPr>
        <i/>
        <sz val="7"/>
        <rFont val="Arial"/>
        <family val="2"/>
      </rPr>
      <t>Public Accounts</t>
    </r>
    <r>
      <rPr>
        <sz val="7"/>
        <rFont val="Arial"/>
        <family val="2"/>
      </rPr>
      <t>.  Debt is shown net of sinking funds and unamortized discounts, excludes accrued interest, and includes non-guaranteed debt directly incurred by commercial Crown corporations and debt guaranteed by the Province.</t>
    </r>
  </si>
  <si>
    <t>Table 1.23  Provincial Borrowing Requirements</t>
  </si>
  <si>
    <t>Updated 
Forecast 
2017/18</t>
  </si>
  <si>
    <t>Budget 
Estimate 
2018/19</t>
  </si>
  <si>
    <t>Plan 
2019/20</t>
  </si>
  <si>
    <t>Plan 
2020/21</t>
  </si>
  <si>
    <r>
      <t>Total provincial debt</t>
    </r>
    <r>
      <rPr>
        <vertAlign val="superscript"/>
        <sz val="8"/>
        <rFont val="Arial"/>
        <family val="2"/>
      </rPr>
      <t>1</t>
    </r>
    <r>
      <rPr>
        <b/>
        <sz val="9"/>
        <rFont val="Arial"/>
        <family val="2"/>
      </rPr>
      <t xml:space="preserve"> at beginning of year </t>
    </r>
    <r>
      <rPr>
        <sz val="9"/>
        <rFont val="Arial"/>
        <family val="2"/>
      </rPr>
      <t>………………………………………………………………………</t>
    </r>
  </si>
  <si>
    <r>
      <t>New borrowing</t>
    </r>
    <r>
      <rPr>
        <vertAlign val="superscript"/>
        <sz val="8"/>
        <rFont val="Arial"/>
        <family val="2"/>
      </rPr>
      <t>2</t>
    </r>
    <r>
      <rPr>
        <sz val="9"/>
        <rFont val="Arial"/>
        <family val="2"/>
      </rPr>
      <t xml:space="preserve"> ……………………………………………………………………………….</t>
    </r>
  </si>
  <si>
    <t>Direct borrowing by Crown corporations and agencies ...............................................</t>
  </si>
  <si>
    <r>
      <t>Retirement provision</t>
    </r>
    <r>
      <rPr>
        <vertAlign val="superscript"/>
        <sz val="8"/>
        <rFont val="Arial"/>
        <family val="2"/>
      </rPr>
      <t>3</t>
    </r>
    <r>
      <rPr>
        <sz val="9"/>
        <rFont val="Arial"/>
        <family val="2"/>
      </rPr>
      <t xml:space="preserve"> requiring refinancing…………………………………………………………….</t>
    </r>
  </si>
  <si>
    <r>
      <t>Retirement provision</t>
    </r>
    <r>
      <rPr>
        <vertAlign val="superscript"/>
        <sz val="8"/>
        <rFont val="Arial"/>
        <family val="2"/>
      </rPr>
      <t>3</t>
    </r>
    <r>
      <rPr>
        <sz val="9"/>
        <rFont val="Arial"/>
        <family val="2"/>
      </rPr>
      <t xml:space="preserve"> funded internally…………………………………………………………….</t>
    </r>
  </si>
  <si>
    <t>Change in forecast allowance .............................................</t>
  </si>
  <si>
    <t>Net change in total debt ……………..……………………………………………………………….</t>
  </si>
  <si>
    <r>
      <t>Total provincial debt</t>
    </r>
    <r>
      <rPr>
        <vertAlign val="superscript"/>
        <sz val="8"/>
        <rFont val="Arial"/>
        <family val="2"/>
      </rPr>
      <t>1</t>
    </r>
    <r>
      <rPr>
        <b/>
        <sz val="9"/>
        <rFont val="Arial"/>
        <family val="2"/>
      </rPr>
      <t xml:space="preserve"> at year end </t>
    </r>
    <r>
      <rPr>
        <sz val="9"/>
        <rFont val="Arial"/>
        <family val="2"/>
      </rPr>
      <t>………………………………………………………………………</t>
    </r>
  </si>
  <si>
    <r>
      <t>Annual growth in debt (per cent)</t>
    </r>
    <r>
      <rPr>
        <sz val="9"/>
        <rFont val="Arial"/>
        <family val="2"/>
      </rPr>
      <t xml:space="preserve"> .....................................................................................</t>
    </r>
  </si>
  <si>
    <t>New long-term borrowing plus net change in short-term debt.</t>
  </si>
  <si>
    <t>Sinking fund contributions, sinking fund earnings and net maturities of long-term debt (after deduction of sinking fund balances for maturing issues).</t>
  </si>
  <si>
    <t>Table 1.24  Reconciliation of Summary Results to Provincial Debt Changes</t>
  </si>
  <si>
    <t>Taxpayer-supported debt:</t>
  </si>
  <si>
    <t>Annual surplus (before forecast allowance) …………………………………………………..</t>
  </si>
  <si>
    <t>Reduction in cash balances ........................................................................</t>
  </si>
  <si>
    <t>Other working capital changes ........................................................................................</t>
  </si>
  <si>
    <r>
      <t>Net increase in capital and other assets</t>
    </r>
    <r>
      <rPr>
        <vertAlign val="superscript"/>
        <sz val="9"/>
        <rFont val="Arial"/>
        <family val="2"/>
      </rPr>
      <t>1</t>
    </r>
    <r>
      <rPr>
        <sz val="9"/>
        <rFont val="Arial"/>
        <family val="2"/>
      </rPr>
      <t xml:space="preserve"> ..................................</t>
    </r>
  </si>
  <si>
    <t>Self-supported debt:</t>
  </si>
  <si>
    <r>
      <t>Commercial Crown corporation capital financing</t>
    </r>
    <r>
      <rPr>
        <vertAlign val="superscript"/>
        <sz val="9"/>
        <rFont val="Arial"/>
        <family val="2"/>
      </rPr>
      <t>1</t>
    </r>
    <r>
      <rPr>
        <sz val="9"/>
        <rFont val="Arial"/>
        <family val="2"/>
      </rPr>
      <t xml:space="preserve"> ............................................</t>
    </r>
  </si>
  <si>
    <t>Other commercial debt ……………………………………………………………………………………</t>
  </si>
  <si>
    <r>
      <rPr>
        <b/>
        <sz val="9"/>
        <rFont val="Arial"/>
        <family val="2"/>
      </rPr>
      <t>Annual change in forecast allowance</t>
    </r>
    <r>
      <rPr>
        <sz val="9"/>
        <rFont val="Arial"/>
        <family val="2"/>
      </rPr>
      <t xml:space="preserve"> ........................................................</t>
    </r>
  </si>
  <si>
    <r>
      <t xml:space="preserve">Annual increase in total provincial debt </t>
    </r>
    <r>
      <rPr>
        <sz val="9"/>
        <rFont val="Arial"/>
        <family val="2"/>
      </rPr>
      <t>………………………………………………………………………</t>
    </r>
  </si>
  <si>
    <t>Includes a onetime shift of $3.5 billion in 2017/18 related to the classification of Port Mann Bridge debt from self-supported to taxpayer-supported due to the elimination of tolls effective September 1, 2017.</t>
  </si>
  <si>
    <t>Table 1.25  Key Fiscal Sensitivities</t>
  </si>
  <si>
    <t>Annual Fiscal Impact</t>
  </si>
  <si>
    <t>Variable</t>
  </si>
  <si>
    <t>Increases of</t>
  </si>
  <si>
    <t>Nominal GDP ………………………………………………..</t>
  </si>
  <si>
    <t>$150 – $250</t>
  </si>
  <si>
    <t>Lumber prices (US$/thousand board feet) ……………………………………………………..</t>
  </si>
  <si>
    <r>
      <t xml:space="preserve">$150 – $200 </t>
    </r>
    <r>
      <rPr>
        <vertAlign val="superscript"/>
        <sz val="8"/>
        <color theme="1"/>
        <rFont val="Arial"/>
        <family val="2"/>
      </rPr>
      <t>1</t>
    </r>
    <r>
      <rPr>
        <sz val="9"/>
        <color theme="1"/>
        <rFont val="Arial"/>
        <family val="2"/>
      </rPr>
      <t xml:space="preserve"> </t>
    </r>
  </si>
  <si>
    <t>Natural gas prices (Cdn$/gigajoule) ………………………………………….</t>
  </si>
  <si>
    <t>25 cents</t>
  </si>
  <si>
    <r>
      <t xml:space="preserve">$30  – $50 </t>
    </r>
    <r>
      <rPr>
        <vertAlign val="superscript"/>
        <sz val="8"/>
        <color theme="1"/>
        <rFont val="Arial"/>
        <family val="2"/>
      </rPr>
      <t>2</t>
    </r>
  </si>
  <si>
    <t>US exchange rate (US cent/Cdn $) ……………………………………….</t>
  </si>
  <si>
    <t>1 cent</t>
  </si>
  <si>
    <t>-$25 to -$50</t>
  </si>
  <si>
    <t>Interest rates …………………………………………….</t>
  </si>
  <si>
    <t>1 percentage point</t>
  </si>
  <si>
    <t>-$82</t>
  </si>
  <si>
    <t>Debt ……………………………………………………….</t>
  </si>
  <si>
    <t>$500 million</t>
  </si>
  <si>
    <t>-$14 to -$16</t>
  </si>
  <si>
    <r>
      <t>1</t>
    </r>
    <r>
      <rPr>
        <sz val="7"/>
        <rFont val="Arial"/>
        <family val="2"/>
      </rPr>
      <t xml:space="preserve"> </t>
    </r>
  </si>
  <si>
    <t xml:space="preserve">Sensitivity relates to stumpage revenue only. </t>
  </si>
  <si>
    <t xml:space="preserve">Sensitivities can vary significantly especially at lower prices.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41" formatCode="_-* #,##0_-;\-* #,##0_-;_-* &quot;-&quot;_-;_-@_-"/>
    <numFmt numFmtId="44" formatCode="_-&quot;$&quot;* #,##0.00_-;\-&quot;$&quot;* #,##0.00_-;_-&quot;$&quot;* &quot;-&quot;??_-;_-@_-"/>
    <numFmt numFmtId="43" formatCode="_-* #,##0.00_-;\-* #,##0.00_-;_-* &quot;-&quot;??_-;_-@_-"/>
    <numFmt numFmtId="164" formatCode="&quot;$&quot;#,##0_);[Red]\(&quot;$&quot;#,##0\)"/>
    <numFmt numFmtId="165" formatCode="_(* #,##0_);_(* \(#,##0\);_(* &quot;-&quot;_);_(@_)"/>
    <numFmt numFmtId="166" formatCode="_(* #,##0.0_);_(* \(#,##0.0\);_(* &quot;-&quot;?_);_(@_)"/>
    <numFmt numFmtId="167" formatCode="0.0%"/>
    <numFmt numFmtId="168" formatCode="0.0"/>
    <numFmt numFmtId="170" formatCode="&quot;$&quot;#,##0"/>
    <numFmt numFmtId="171" formatCode="&quot;$&quot;#,##0.00"/>
    <numFmt numFmtId="172" formatCode="_ * #,##0_ ;_ * \(#,##0\);_ * &quot;-&quot;_ ;_ @_ "/>
    <numFmt numFmtId="173" formatCode="_-* #,##0_-;\-* #,##0_-;_-* &quot;-&quot;??_-;_-@_-"/>
    <numFmt numFmtId="174" formatCode="_(* #,##0.0000_);_(* \(#,##0.0000\);_(* &quot;-&quot;_);_(@_)"/>
    <numFmt numFmtId="175" formatCode="#,##0.0_);\(#,##0.0\)"/>
    <numFmt numFmtId="176" formatCode="hh:mm\ AM/PM_)"/>
  </numFmts>
  <fonts count="94" x14ac:knownFonts="1">
    <font>
      <sz val="10"/>
      <name val="Arial"/>
    </font>
    <font>
      <sz val="11"/>
      <color theme="1"/>
      <name val="Calibri"/>
      <family val="2"/>
      <scheme val="minor"/>
    </font>
    <font>
      <vertAlign val="superscript"/>
      <sz val="8"/>
      <name val="Arial"/>
      <family val="2"/>
    </font>
    <font>
      <sz val="8"/>
      <name val="Arial"/>
      <family val="2"/>
    </font>
    <font>
      <b/>
      <sz val="10"/>
      <name val="Arial"/>
      <family val="2"/>
    </font>
    <font>
      <sz val="9"/>
      <name val="Arial"/>
      <family val="2"/>
    </font>
    <font>
      <b/>
      <vertAlign val="superscript"/>
      <sz val="8"/>
      <name val="Arial"/>
      <family val="2"/>
    </font>
    <font>
      <b/>
      <i/>
      <vertAlign val="superscript"/>
      <sz val="8"/>
      <name val="Arial"/>
      <family val="2"/>
    </font>
    <font>
      <i/>
      <vertAlign val="superscript"/>
      <sz val="8"/>
      <name val="Arial"/>
      <family val="2"/>
    </font>
    <font>
      <i/>
      <vertAlign val="superscript"/>
      <sz val="9"/>
      <name val="Arial"/>
      <family val="2"/>
    </font>
    <font>
      <vertAlign val="superscript"/>
      <sz val="9"/>
      <name val="Arial"/>
      <family val="2"/>
    </font>
    <font>
      <vertAlign val="superscript"/>
      <sz val="7"/>
      <name val="Arial"/>
      <family val="2"/>
    </font>
    <font>
      <sz val="7"/>
      <name val="Arial"/>
      <family val="2"/>
    </font>
    <font>
      <b/>
      <sz val="9"/>
      <name val="Arial"/>
      <family val="2"/>
    </font>
    <font>
      <b/>
      <vertAlign val="superscript"/>
      <sz val="9"/>
      <name val="Arial"/>
      <family val="2"/>
    </font>
    <font>
      <b/>
      <i/>
      <vertAlign val="superscript"/>
      <sz val="9"/>
      <name val="Arial"/>
      <family val="2"/>
    </font>
    <font>
      <u val="singleAccounting"/>
      <sz val="9"/>
      <name val="Arial"/>
      <family val="2"/>
    </font>
    <font>
      <b/>
      <u val="doubleAccounting"/>
      <sz val="9"/>
      <name val="Arial"/>
      <family val="2"/>
    </font>
    <font>
      <vertAlign val="superscript"/>
      <sz val="8"/>
      <color rgb="FF002060"/>
      <name val="Arial"/>
      <family val="2"/>
    </font>
    <font>
      <sz val="9"/>
      <color rgb="FF002060"/>
      <name val="Arial"/>
      <family val="2"/>
    </font>
    <font>
      <sz val="10"/>
      <color rgb="FF002060"/>
      <name val="Arial"/>
      <family val="2"/>
    </font>
    <font>
      <sz val="8"/>
      <color rgb="FF002060"/>
      <name val="Arial"/>
      <family val="2"/>
    </font>
    <font>
      <sz val="7"/>
      <color rgb="FF002060"/>
      <name val="Arial"/>
      <family val="2"/>
    </font>
    <font>
      <sz val="10"/>
      <name val="Arial"/>
      <family val="2"/>
    </font>
    <font>
      <b/>
      <u val="singleAccounting"/>
      <sz val="9"/>
      <name val="Arial"/>
      <family val="2"/>
    </font>
    <font>
      <sz val="10"/>
      <name val="Arial"/>
      <family val="2"/>
    </font>
    <font>
      <b/>
      <i/>
      <sz val="10"/>
      <name val="Arial"/>
      <family val="2"/>
    </font>
    <font>
      <b/>
      <i/>
      <sz val="9"/>
      <name val="Arial"/>
      <family val="2"/>
    </font>
    <font>
      <i/>
      <sz val="9"/>
      <name val="Arial"/>
      <family val="2"/>
    </font>
    <font>
      <u val="doubleAccounting"/>
      <sz val="9"/>
      <name val="Arial"/>
      <family val="2"/>
    </font>
    <font>
      <sz val="9"/>
      <color theme="1"/>
      <name val="Calibri"/>
      <family val="2"/>
      <scheme val="minor"/>
    </font>
    <font>
      <sz val="8"/>
      <color theme="1"/>
      <name val="Arial"/>
      <family val="2"/>
    </font>
    <font>
      <sz val="9"/>
      <color theme="1"/>
      <name val="Arial"/>
      <family val="2"/>
    </font>
    <font>
      <b/>
      <i/>
      <sz val="9"/>
      <color theme="1"/>
      <name val="Arial"/>
      <family val="2"/>
    </font>
    <font>
      <i/>
      <sz val="9"/>
      <color theme="1"/>
      <name val="Calibri"/>
      <family val="2"/>
      <scheme val="minor"/>
    </font>
    <font>
      <u val="singleAccounting"/>
      <sz val="11"/>
      <color theme="1"/>
      <name val="Calibri"/>
      <family val="2"/>
      <scheme val="minor"/>
    </font>
    <font>
      <b/>
      <sz val="10"/>
      <color theme="1"/>
      <name val="Arial"/>
      <family val="2"/>
    </font>
    <font>
      <i/>
      <sz val="8"/>
      <name val="Arial"/>
      <family val="2"/>
    </font>
    <font>
      <sz val="10"/>
      <name val="Helv"/>
    </font>
    <font>
      <u/>
      <sz val="8"/>
      <name val="Arial"/>
      <family val="2"/>
    </font>
    <font>
      <u/>
      <sz val="9"/>
      <name val="Arial"/>
      <family val="2"/>
    </font>
    <font>
      <b/>
      <sz val="11"/>
      <color theme="1"/>
      <name val="Calibri"/>
      <family val="2"/>
      <scheme val="minor"/>
    </font>
    <font>
      <b/>
      <sz val="8"/>
      <name val="Arial"/>
      <family val="2"/>
    </font>
    <font>
      <b/>
      <sz val="8"/>
      <color rgb="FFFF0000"/>
      <name val="Arial"/>
      <family val="2"/>
    </font>
    <font>
      <sz val="10"/>
      <name val="Tahoma"/>
      <family val="2"/>
    </font>
    <font>
      <u val="singleAccounting"/>
      <sz val="8"/>
      <name val="Arial"/>
      <family val="2"/>
    </font>
    <font>
      <b/>
      <u val="singleAccounting"/>
      <sz val="8"/>
      <name val="Arial"/>
      <family val="2"/>
    </font>
    <font>
      <sz val="7"/>
      <color indexed="12"/>
      <name val="Arial"/>
      <family val="2"/>
    </font>
    <font>
      <sz val="9"/>
      <color rgb="FFFF0000"/>
      <name val="Arial"/>
      <family val="2"/>
    </font>
    <font>
      <sz val="8"/>
      <color rgb="FFFF0000"/>
      <name val="Arial"/>
      <family val="2"/>
    </font>
    <font>
      <b/>
      <sz val="10"/>
      <color rgb="FF002060"/>
      <name val="Arial"/>
      <family val="2"/>
    </font>
    <font>
      <sz val="10"/>
      <color rgb="FF002060"/>
      <name val="Helv"/>
    </font>
    <font>
      <sz val="7"/>
      <name val="Helv"/>
    </font>
    <font>
      <i/>
      <sz val="7"/>
      <name val="Arial"/>
      <family val="2"/>
    </font>
    <font>
      <b/>
      <sz val="9"/>
      <color theme="1"/>
      <name val="Arial"/>
      <family val="2"/>
    </font>
    <font>
      <sz val="9"/>
      <color rgb="FF000000"/>
      <name val="Arial"/>
      <family val="2"/>
    </font>
    <font>
      <i/>
      <sz val="9"/>
      <color theme="1"/>
      <name val="Arial"/>
      <family val="2"/>
    </font>
    <font>
      <b/>
      <sz val="11"/>
      <color theme="1"/>
      <name val="Arial"/>
      <family val="2"/>
    </font>
    <font>
      <i/>
      <sz val="11"/>
      <color theme="1"/>
      <name val="Arial"/>
      <family val="2"/>
    </font>
    <font>
      <vertAlign val="superscript"/>
      <sz val="11"/>
      <color theme="1"/>
      <name val="Calibri"/>
      <family val="2"/>
      <scheme val="minor"/>
    </font>
    <font>
      <b/>
      <vertAlign val="superscript"/>
      <sz val="11"/>
      <color theme="1"/>
      <name val="Arial"/>
      <family val="2"/>
    </font>
    <font>
      <b/>
      <u val="singleAccounting"/>
      <sz val="11"/>
      <color theme="1"/>
      <name val="Arial"/>
      <family val="2"/>
    </font>
    <font>
      <sz val="11"/>
      <color theme="1"/>
      <name val="Arial"/>
      <family val="2"/>
    </font>
    <font>
      <vertAlign val="superscript"/>
      <sz val="11"/>
      <color theme="1"/>
      <name val="Arial"/>
      <family val="2"/>
    </font>
    <font>
      <u val="singleAccounting"/>
      <sz val="11"/>
      <color theme="1"/>
      <name val="Arial"/>
      <family val="2"/>
    </font>
    <font>
      <b/>
      <u val="double"/>
      <sz val="11"/>
      <color theme="1"/>
      <name val="Arial"/>
      <family val="2"/>
    </font>
    <font>
      <b/>
      <u val="double"/>
      <sz val="9"/>
      <color theme="1"/>
      <name val="Arial"/>
      <family val="2"/>
    </font>
    <font>
      <u val="singleAccounting"/>
      <sz val="9"/>
      <color theme="1"/>
      <name val="Arial"/>
      <family val="2"/>
    </font>
    <font>
      <sz val="7"/>
      <name val="Tahoma"/>
      <family val="2"/>
    </font>
    <font>
      <b/>
      <sz val="10"/>
      <color rgb="FFFF0000"/>
      <name val="Arial"/>
      <family val="2"/>
    </font>
    <font>
      <sz val="8"/>
      <color rgb="FF002060"/>
      <name val="Tahoma"/>
      <family val="2"/>
    </font>
    <font>
      <b/>
      <i/>
      <sz val="8"/>
      <name val="Arial"/>
      <family val="2"/>
    </font>
    <font>
      <sz val="10"/>
      <color rgb="FFFF0000"/>
      <name val="Tahoma"/>
      <family val="2"/>
    </font>
    <font>
      <sz val="8"/>
      <name val="Tahoma"/>
      <family val="2"/>
    </font>
    <font>
      <b/>
      <sz val="7"/>
      <name val="Arial"/>
      <family val="2"/>
    </font>
    <font>
      <b/>
      <sz val="8"/>
      <color rgb="FF002060"/>
      <name val="Arial"/>
      <family val="2"/>
    </font>
    <font>
      <u val="singleAccounting"/>
      <vertAlign val="superscript"/>
      <sz val="8"/>
      <name val="Arial"/>
      <family val="2"/>
    </font>
    <font>
      <b/>
      <sz val="8"/>
      <color rgb="FF002060"/>
      <name val="Tahoma"/>
      <family val="2"/>
    </font>
    <font>
      <vertAlign val="subscript"/>
      <sz val="8"/>
      <name val="Arial"/>
      <family val="2"/>
    </font>
    <font>
      <strike/>
      <sz val="8"/>
      <name val="Arial"/>
      <family val="2"/>
    </font>
    <font>
      <b/>
      <u val="doubleAccounting"/>
      <sz val="8"/>
      <name val="Arial"/>
      <family val="2"/>
    </font>
    <font>
      <u val="singleAccounting"/>
      <vertAlign val="superscript"/>
      <sz val="9"/>
      <name val="Arial"/>
      <family val="2"/>
    </font>
    <font>
      <u val="doubleAccounting"/>
      <sz val="10"/>
      <name val="Arial"/>
      <family val="2"/>
    </font>
    <font>
      <sz val="10"/>
      <color indexed="8"/>
      <name val="Arial"/>
      <family val="2"/>
    </font>
    <font>
      <sz val="12"/>
      <name val="Arial"/>
      <family val="2"/>
    </font>
    <font>
      <vertAlign val="superscript"/>
      <sz val="7"/>
      <color indexed="8"/>
      <name val="Arial"/>
      <family val="2"/>
    </font>
    <font>
      <sz val="7"/>
      <color indexed="8"/>
      <name val="Arial"/>
      <family val="2"/>
    </font>
    <font>
      <b/>
      <sz val="10"/>
      <color indexed="8"/>
      <name val="Arial"/>
      <family val="2"/>
    </font>
    <font>
      <u val="singleAccounting"/>
      <sz val="9"/>
      <color rgb="FFFF0000"/>
      <name val="Arial"/>
      <family val="2"/>
    </font>
    <font>
      <sz val="9"/>
      <color indexed="8"/>
      <name val="Arial"/>
      <family val="2"/>
    </font>
    <font>
      <sz val="8"/>
      <color indexed="8"/>
      <name val="Arial"/>
      <family val="2"/>
    </font>
    <font>
      <b/>
      <sz val="9"/>
      <color indexed="8"/>
      <name val="Arial"/>
      <family val="2"/>
    </font>
    <font>
      <vertAlign val="superscript"/>
      <sz val="8"/>
      <color theme="1"/>
      <name val="Arial"/>
      <family val="2"/>
    </font>
    <font>
      <sz val="8"/>
      <color theme="1"/>
      <name val="Calibri"/>
      <family val="2"/>
      <scheme val="minor"/>
    </font>
  </fonts>
  <fills count="6">
    <fill>
      <patternFill patternType="none"/>
    </fill>
    <fill>
      <patternFill patternType="gray125"/>
    </fill>
    <fill>
      <patternFill patternType="solid">
        <fgColor indexed="42"/>
        <bgColor indexed="64"/>
      </patternFill>
    </fill>
    <fill>
      <patternFill patternType="solid">
        <fgColor rgb="FFCCFFCC"/>
        <bgColor indexed="64"/>
      </patternFill>
    </fill>
    <fill>
      <patternFill patternType="solid">
        <fgColor theme="0"/>
        <bgColor indexed="64"/>
      </patternFill>
    </fill>
    <fill>
      <patternFill patternType="solid">
        <fgColor indexed="9"/>
        <bgColor indexed="9"/>
      </patternFill>
    </fill>
  </fills>
  <borders count="7">
    <border>
      <left/>
      <right/>
      <top/>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bottom/>
      <diagonal/>
    </border>
  </borders>
  <cellStyleXfs count="13">
    <xf numFmtId="0" fontId="0" fillId="0" borderId="0"/>
    <xf numFmtId="43" fontId="25" fillId="0" borderId="0" applyFont="0" applyFill="0" applyBorder="0" applyAlignment="0" applyProtection="0"/>
    <xf numFmtId="44" fontId="25" fillId="0" borderId="0" applyFont="0" applyFill="0" applyBorder="0" applyAlignment="0" applyProtection="0"/>
    <xf numFmtId="9" fontId="25" fillId="0" borderId="0" applyFont="0" applyFill="0" applyBorder="0" applyAlignment="0" applyProtection="0"/>
    <xf numFmtId="0" fontId="23" fillId="0" borderId="0"/>
    <xf numFmtId="0" fontId="1" fillId="0" borderId="0"/>
    <xf numFmtId="0" fontId="23" fillId="0" borderId="0"/>
    <xf numFmtId="0" fontId="23" fillId="0" borderId="0"/>
    <xf numFmtId="0" fontId="44" fillId="0" borderId="0"/>
    <xf numFmtId="0" fontId="44" fillId="0" borderId="0"/>
    <xf numFmtId="175" fontId="38" fillId="0" borderId="0"/>
    <xf numFmtId="0" fontId="44" fillId="0" borderId="0"/>
    <xf numFmtId="0" fontId="23" fillId="0" borderId="0"/>
  </cellStyleXfs>
  <cellXfs count="923">
    <xf numFmtId="0" fontId="0" fillId="0" borderId="0" xfId="0"/>
    <xf numFmtId="0" fontId="2" fillId="0" borderId="0" xfId="0" applyNumberFormat="1" applyFont="1" applyBorder="1" applyAlignment="1">
      <alignment horizontal="center" vertical="center"/>
    </xf>
    <xf numFmtId="0" fontId="9" fillId="0" borderId="0" xfId="0" applyNumberFormat="1" applyFont="1" applyBorder="1" applyAlignment="1">
      <alignment horizontal="centerContinuous" vertical="center"/>
    </xf>
    <xf numFmtId="49" fontId="5" fillId="0" borderId="0" xfId="0" applyNumberFormat="1" applyFont="1" applyBorder="1" applyAlignment="1">
      <alignment horizontal="centerContinuous" vertical="center"/>
    </xf>
    <xf numFmtId="49" fontId="10" fillId="0" borderId="0" xfId="0" applyNumberFormat="1" applyFont="1" applyBorder="1" applyAlignment="1">
      <alignment horizontal="centerContinuous" vertical="center"/>
    </xf>
    <xf numFmtId="0" fontId="5" fillId="0" borderId="0" xfId="0" applyFont="1" applyFill="1" applyBorder="1" applyAlignment="1">
      <alignment horizontal="centerContinuous" vertical="center"/>
    </xf>
    <xf numFmtId="0" fontId="10" fillId="0" borderId="0" xfId="0" applyNumberFormat="1" applyFont="1" applyBorder="1" applyAlignment="1">
      <alignment horizontal="centerContinuous" vertical="center"/>
    </xf>
    <xf numFmtId="0" fontId="5" fillId="2" borderId="0" xfId="0" applyFont="1" applyFill="1" applyBorder="1" applyAlignment="1">
      <alignment horizontal="centerContinuous" vertical="center"/>
    </xf>
    <xf numFmtId="0" fontId="5" fillId="0" borderId="0" xfId="0" applyFont="1" applyBorder="1" applyAlignment="1">
      <alignment horizontal="centerContinuous" vertical="center"/>
    </xf>
    <xf numFmtId="0" fontId="2" fillId="0" borderId="0" xfId="0" applyNumberFormat="1" applyFont="1" applyBorder="1" applyAlignment="1">
      <alignment vertical="center"/>
    </xf>
    <xf numFmtId="0" fontId="5" fillId="0" borderId="0" xfId="0" applyFont="1" applyBorder="1" applyAlignment="1">
      <alignment vertical="center"/>
    </xf>
    <xf numFmtId="0" fontId="3" fillId="0" borderId="0" xfId="0" applyFont="1" applyBorder="1" applyAlignment="1">
      <alignment vertical="center"/>
    </xf>
    <xf numFmtId="0" fontId="13" fillId="0" borderId="0" xfId="0" applyFont="1" applyBorder="1" applyAlignment="1">
      <alignment vertical="center"/>
    </xf>
    <xf numFmtId="165" fontId="10" fillId="0" borderId="0" xfId="0" applyNumberFormat="1" applyFont="1" applyBorder="1" applyAlignment="1">
      <alignment vertical="center"/>
    </xf>
    <xf numFmtId="165" fontId="5" fillId="0" borderId="0" xfId="0" applyNumberFormat="1" applyFont="1" applyBorder="1" applyAlignment="1">
      <alignment vertical="center"/>
    </xf>
    <xf numFmtId="165" fontId="14" fillId="0" borderId="0" xfId="0" applyNumberFormat="1" applyFont="1" applyBorder="1" applyAlignment="1">
      <alignment vertical="center"/>
    </xf>
    <xf numFmtId="0" fontId="15" fillId="0" borderId="0" xfId="0" applyNumberFormat="1" applyFont="1" applyBorder="1" applyAlignment="1">
      <alignment vertical="center"/>
    </xf>
    <xf numFmtId="0" fontId="11" fillId="0" borderId="0" xfId="0" applyFont="1" applyBorder="1" applyAlignment="1">
      <alignment vertical="center"/>
    </xf>
    <xf numFmtId="0" fontId="12" fillId="0" borderId="0" xfId="0" applyFont="1" applyBorder="1" applyAlignment="1">
      <alignment vertical="center"/>
    </xf>
    <xf numFmtId="166" fontId="12" fillId="0" borderId="0" xfId="0" applyNumberFormat="1" applyFont="1" applyBorder="1" applyAlignment="1">
      <alignment vertical="center"/>
    </xf>
    <xf numFmtId="166" fontId="11" fillId="0" borderId="0" xfId="0" applyNumberFormat="1" applyFont="1" applyBorder="1" applyAlignment="1">
      <alignment vertical="center"/>
    </xf>
    <xf numFmtId="166" fontId="12" fillId="0" borderId="0" xfId="0" applyNumberFormat="1" applyFont="1" applyFill="1" applyBorder="1" applyAlignment="1">
      <alignment vertical="center"/>
    </xf>
    <xf numFmtId="0" fontId="11" fillId="0" borderId="0" xfId="0" applyNumberFormat="1" applyFont="1" applyBorder="1" applyAlignment="1">
      <alignment vertical="center"/>
    </xf>
    <xf numFmtId="0" fontId="8" fillId="0" borderId="0" xfId="0" applyNumberFormat="1" applyFont="1" applyBorder="1" applyAlignment="1">
      <alignment vertical="center"/>
    </xf>
    <xf numFmtId="0" fontId="0" fillId="0" borderId="0" xfId="0" applyBorder="1" applyAlignment="1">
      <alignment vertical="center"/>
    </xf>
    <xf numFmtId="0" fontId="2" fillId="0" borderId="0" xfId="0" applyFont="1" applyBorder="1" applyAlignment="1">
      <alignment vertical="center"/>
    </xf>
    <xf numFmtId="0" fontId="4" fillId="0" borderId="1" xfId="0" applyFont="1" applyBorder="1" applyAlignment="1">
      <alignment vertical="center"/>
    </xf>
    <xf numFmtId="0" fontId="7" fillId="0" borderId="1" xfId="0" applyNumberFormat="1" applyFont="1" applyBorder="1" applyAlignment="1">
      <alignment vertical="center"/>
    </xf>
    <xf numFmtId="0" fontId="6" fillId="0" borderId="1" xfId="0" applyFont="1" applyBorder="1" applyAlignment="1">
      <alignment vertical="center"/>
    </xf>
    <xf numFmtId="0" fontId="6" fillId="0" borderId="1" xfId="0" applyNumberFormat="1" applyFont="1" applyBorder="1" applyAlignment="1">
      <alignment vertical="center"/>
    </xf>
    <xf numFmtId="0" fontId="2" fillId="0" borderId="1" xfId="0" applyNumberFormat="1" applyFont="1" applyBorder="1" applyAlignment="1">
      <alignment vertical="center"/>
    </xf>
    <xf numFmtId="0" fontId="5" fillId="0" borderId="1" xfId="0" applyFont="1" applyBorder="1" applyAlignment="1">
      <alignment vertical="center"/>
    </xf>
    <xf numFmtId="0" fontId="9" fillId="0" borderId="1" xfId="0" applyNumberFormat="1" applyFont="1" applyBorder="1" applyAlignment="1">
      <alignment vertical="center"/>
    </xf>
    <xf numFmtId="166" fontId="5" fillId="0" borderId="1" xfId="0" applyNumberFormat="1" applyFont="1" applyBorder="1" applyAlignment="1">
      <alignment vertical="center"/>
    </xf>
    <xf numFmtId="166" fontId="10" fillId="0" borderId="1" xfId="0" applyNumberFormat="1" applyFont="1" applyBorder="1" applyAlignment="1">
      <alignment vertical="center"/>
    </xf>
    <xf numFmtId="166" fontId="5" fillId="0" borderId="1" xfId="0" applyNumberFormat="1" applyFont="1" applyFill="1" applyBorder="1" applyAlignment="1">
      <alignment vertical="center"/>
    </xf>
    <xf numFmtId="0" fontId="10" fillId="0" borderId="1" xfId="0" applyNumberFormat="1" applyFont="1" applyBorder="1" applyAlignment="1">
      <alignment vertical="center"/>
    </xf>
    <xf numFmtId="165" fontId="16" fillId="0" borderId="0" xfId="0" applyNumberFormat="1" applyFont="1" applyBorder="1" applyAlignment="1">
      <alignment vertical="center"/>
    </xf>
    <xf numFmtId="165" fontId="17" fillId="0" borderId="0" xfId="0" applyNumberFormat="1" applyFont="1" applyBorder="1" applyAlignment="1">
      <alignment vertical="center"/>
    </xf>
    <xf numFmtId="0" fontId="13" fillId="0" borderId="0" xfId="0" applyFont="1" applyAlignment="1">
      <alignment vertical="center"/>
    </xf>
    <xf numFmtId="0" fontId="5" fillId="0" borderId="0" xfId="0" applyFont="1" applyAlignment="1">
      <alignment vertical="center"/>
    </xf>
    <xf numFmtId="0" fontId="12" fillId="0" borderId="0" xfId="0" applyFont="1" applyAlignment="1">
      <alignment vertical="center"/>
    </xf>
    <xf numFmtId="0" fontId="11" fillId="0" borderId="0" xfId="0" applyNumberFormat="1" applyFont="1" applyAlignment="1">
      <alignment vertical="center"/>
    </xf>
    <xf numFmtId="0" fontId="5" fillId="0" borderId="0" xfId="0" applyNumberFormat="1" applyFont="1" applyAlignment="1">
      <alignment vertical="center"/>
    </xf>
    <xf numFmtId="0" fontId="12" fillId="2" borderId="1" xfId="0" applyFont="1" applyFill="1" applyBorder="1" applyAlignment="1">
      <alignment vertical="center"/>
    </xf>
    <xf numFmtId="0" fontId="5" fillId="0" borderId="0" xfId="0" applyNumberFormat="1" applyFont="1" applyAlignment="1"/>
    <xf numFmtId="0" fontId="5" fillId="0" borderId="0" xfId="0" applyFont="1" applyAlignment="1"/>
    <xf numFmtId="49" fontId="3" fillId="0" borderId="0" xfId="0" applyNumberFormat="1" applyFont="1" applyBorder="1" applyAlignment="1">
      <alignment horizontal="center"/>
    </xf>
    <xf numFmtId="0" fontId="13" fillId="0" borderId="1" xfId="0" applyFont="1" applyBorder="1" applyAlignment="1">
      <alignment vertical="center"/>
    </xf>
    <xf numFmtId="0" fontId="9" fillId="0" borderId="1" xfId="0" applyNumberFormat="1" applyFont="1" applyBorder="1" applyAlignment="1">
      <alignment horizontal="centerContinuous" vertical="center"/>
    </xf>
    <xf numFmtId="49" fontId="5" fillId="0" borderId="1" xfId="0" applyNumberFormat="1" applyFont="1" applyBorder="1" applyAlignment="1">
      <alignment horizontal="centerContinuous" vertical="center"/>
    </xf>
    <xf numFmtId="49" fontId="10" fillId="0" borderId="1" xfId="0" applyNumberFormat="1" applyFont="1" applyBorder="1" applyAlignment="1">
      <alignment horizontal="centerContinuous" vertical="center"/>
    </xf>
    <xf numFmtId="0" fontId="5" fillId="0" borderId="1" xfId="0" applyFont="1" applyFill="1" applyBorder="1" applyAlignment="1">
      <alignment horizontal="centerContinuous" vertical="center"/>
    </xf>
    <xf numFmtId="0" fontId="10" fillId="0" borderId="1" xfId="0" applyNumberFormat="1" applyFont="1" applyBorder="1" applyAlignment="1">
      <alignment horizontal="centerContinuous" vertical="center"/>
    </xf>
    <xf numFmtId="0" fontId="5" fillId="2" borderId="1" xfId="0" applyFont="1" applyFill="1" applyBorder="1" applyAlignment="1">
      <alignment horizontal="centerContinuous" vertical="center"/>
    </xf>
    <xf numFmtId="0" fontId="5" fillId="0" borderId="1" xfId="0" applyFont="1" applyBorder="1" applyAlignment="1">
      <alignment horizontal="centerContinuous" vertical="center"/>
    </xf>
    <xf numFmtId="165" fontId="5" fillId="3" borderId="0" xfId="0" applyNumberFormat="1" applyFont="1" applyFill="1" applyBorder="1" applyAlignment="1">
      <alignment vertical="center"/>
    </xf>
    <xf numFmtId="165" fontId="16" fillId="3" borderId="0" xfId="0" applyNumberFormat="1" applyFont="1" applyFill="1" applyBorder="1" applyAlignment="1">
      <alignment vertical="center"/>
    </xf>
    <xf numFmtId="165" fontId="17" fillId="3" borderId="0" xfId="0" applyNumberFormat="1" applyFont="1" applyFill="1" applyBorder="1" applyAlignment="1">
      <alignment vertical="center"/>
    </xf>
    <xf numFmtId="0" fontId="12" fillId="3" borderId="0" xfId="0" applyFont="1" applyFill="1" applyAlignment="1">
      <alignment vertical="center"/>
    </xf>
    <xf numFmtId="0" fontId="18" fillId="0" borderId="0" xfId="0" applyNumberFormat="1" applyFont="1" applyBorder="1" applyAlignment="1">
      <alignment vertical="center"/>
    </xf>
    <xf numFmtId="0" fontId="19" fillId="0" borderId="0" xfId="0" applyFont="1" applyBorder="1" applyAlignment="1">
      <alignment vertical="center"/>
    </xf>
    <xf numFmtId="165" fontId="19" fillId="0" borderId="0" xfId="0" applyNumberFormat="1" applyFont="1" applyBorder="1" applyAlignment="1">
      <alignment vertical="center"/>
    </xf>
    <xf numFmtId="0" fontId="20" fillId="0" borderId="0" xfId="0" applyFont="1" applyBorder="1" applyAlignment="1">
      <alignment vertical="center"/>
    </xf>
    <xf numFmtId="0" fontId="21" fillId="0" borderId="0" xfId="0" applyFont="1" applyBorder="1" applyAlignment="1">
      <alignment vertical="center"/>
    </xf>
    <xf numFmtId="0" fontId="22" fillId="0" borderId="0" xfId="0" applyFont="1" applyAlignment="1">
      <alignment vertical="center"/>
    </xf>
    <xf numFmtId="0" fontId="3" fillId="0" borderId="2" xfId="0" applyFont="1" applyBorder="1" applyAlignment="1">
      <alignment horizontal="center" wrapText="1"/>
    </xf>
    <xf numFmtId="0" fontId="0" fillId="0" borderId="2" xfId="0" applyBorder="1" applyAlignment="1">
      <alignment wrapText="1"/>
    </xf>
    <xf numFmtId="0" fontId="3" fillId="2" borderId="2" xfId="0" applyFont="1" applyFill="1" applyBorder="1" applyAlignment="1">
      <alignment horizontal="center" wrapText="1"/>
    </xf>
    <xf numFmtId="0" fontId="3" fillId="0" borderId="2" xfId="0" applyFont="1" applyFill="1" applyBorder="1" applyAlignment="1">
      <alignment horizontal="center" wrapText="1"/>
    </xf>
    <xf numFmtId="49" fontId="3" fillId="0" borderId="0" xfId="0" applyNumberFormat="1" applyFont="1" applyBorder="1" applyAlignment="1"/>
    <xf numFmtId="167" fontId="13" fillId="0" borderId="0" xfId="0" applyNumberFormat="1" applyFont="1" applyFill="1" applyAlignment="1">
      <alignment horizontal="right"/>
    </xf>
    <xf numFmtId="0" fontId="6" fillId="0" borderId="0" xfId="0" applyNumberFormat="1" applyFont="1" applyFill="1" applyBorder="1" applyAlignment="1">
      <alignment horizontal="right"/>
    </xf>
    <xf numFmtId="167" fontId="14" fillId="0" borderId="0" xfId="0" applyNumberFormat="1" applyFont="1" applyFill="1" applyAlignment="1">
      <alignment horizontal="right"/>
    </xf>
    <xf numFmtId="167" fontId="13" fillId="3" borderId="0" xfId="0" applyNumberFormat="1" applyFont="1" applyFill="1" applyAlignment="1">
      <alignment horizontal="right"/>
    </xf>
    <xf numFmtId="165" fontId="23" fillId="0" borderId="0" xfId="0" applyNumberFormat="1" applyFont="1" applyBorder="1" applyAlignment="1">
      <alignment vertical="center"/>
    </xf>
    <xf numFmtId="165" fontId="24" fillId="0" borderId="0" xfId="0" applyNumberFormat="1" applyFont="1" applyBorder="1" applyAlignment="1">
      <alignment vertical="center"/>
    </xf>
    <xf numFmtId="165" fontId="24" fillId="3" borderId="0" xfId="0" applyNumberFormat="1" applyFont="1" applyFill="1" applyBorder="1" applyAlignment="1">
      <alignment vertical="center"/>
    </xf>
    <xf numFmtId="165" fontId="16" fillId="0" borderId="0" xfId="0" applyNumberFormat="1" applyFont="1" applyBorder="1" applyAlignment="1">
      <alignment horizontal="center" vertical="center"/>
    </xf>
    <xf numFmtId="0" fontId="4" fillId="0" borderId="0" xfId="4" applyFont="1" applyFill="1" applyAlignment="1">
      <alignment vertical="center"/>
    </xf>
    <xf numFmtId="43" fontId="4" fillId="0" borderId="1" xfId="1" applyFont="1" applyBorder="1" applyAlignment="1">
      <alignment vertical="center"/>
    </xf>
    <xf numFmtId="0" fontId="20" fillId="0" borderId="0" xfId="0" applyFont="1" applyBorder="1" applyAlignment="1">
      <alignment horizontal="center" vertical="center"/>
    </xf>
    <xf numFmtId="0" fontId="23" fillId="0" borderId="0" xfId="0" applyFont="1" applyBorder="1" applyAlignment="1">
      <alignment vertical="center"/>
    </xf>
    <xf numFmtId="43" fontId="3" fillId="0" borderId="3" xfId="1" applyFont="1" applyBorder="1" applyAlignment="1">
      <alignment vertical="center"/>
    </xf>
    <xf numFmtId="43" fontId="3" fillId="0" borderId="3" xfId="1" applyFont="1" applyBorder="1" applyAlignment="1">
      <alignment horizontal="center" vertical="center"/>
    </xf>
    <xf numFmtId="49" fontId="3" fillId="0" borderId="3" xfId="0" quotePrefix="1" applyNumberFormat="1" applyFont="1" applyFill="1" applyBorder="1" applyAlignment="1">
      <alignment horizontal="center" vertical="center"/>
    </xf>
    <xf numFmtId="49" fontId="21" fillId="0" borderId="0" xfId="0" quotePrefix="1" applyNumberFormat="1" applyFont="1" applyFill="1" applyBorder="1" applyAlignment="1">
      <alignment horizontal="center" vertical="center"/>
    </xf>
    <xf numFmtId="0" fontId="21" fillId="0" borderId="0" xfId="0" applyFont="1" applyBorder="1" applyAlignment="1">
      <alignment horizontal="center" vertical="center"/>
    </xf>
    <xf numFmtId="0" fontId="3" fillId="0" borderId="0" xfId="0" applyFont="1" applyBorder="1" applyAlignment="1">
      <alignment horizontal="center" vertical="center"/>
    </xf>
    <xf numFmtId="43" fontId="3" fillId="0" borderId="0" xfId="1" applyFont="1" applyBorder="1" applyAlignment="1">
      <alignment vertical="center"/>
    </xf>
    <xf numFmtId="43" fontId="3" fillId="0" borderId="0" xfId="1" applyFont="1" applyBorder="1" applyAlignment="1">
      <alignment horizontal="center" vertical="center"/>
    </xf>
    <xf numFmtId="49" fontId="3" fillId="0" borderId="0" xfId="0" quotePrefix="1" applyNumberFormat="1" applyFont="1" applyFill="1" applyBorder="1" applyAlignment="1">
      <alignment horizontal="center" vertical="center"/>
    </xf>
    <xf numFmtId="43" fontId="27" fillId="0" borderId="0" xfId="1" applyFont="1" applyBorder="1" applyAlignment="1"/>
    <xf numFmtId="43" fontId="5" fillId="0" borderId="0" xfId="1" applyFont="1" applyBorder="1" applyAlignment="1">
      <alignment vertical="center"/>
    </xf>
    <xf numFmtId="165" fontId="5" fillId="0" borderId="0" xfId="0" applyNumberFormat="1" applyFont="1" applyFill="1" applyBorder="1" applyAlignment="1">
      <alignment vertical="center"/>
    </xf>
    <xf numFmtId="43" fontId="13" fillId="0" borderId="0" xfId="1" applyFont="1" applyBorder="1" applyAlignment="1">
      <alignment vertical="center"/>
    </xf>
    <xf numFmtId="165" fontId="16" fillId="0" borderId="0" xfId="0" applyNumberFormat="1" applyFont="1" applyBorder="1" applyAlignment="1">
      <alignment vertical="top"/>
    </xf>
    <xf numFmtId="43" fontId="28" fillId="0" borderId="0" xfId="1" applyFont="1" applyBorder="1" applyAlignment="1">
      <alignment vertical="center"/>
    </xf>
    <xf numFmtId="165" fontId="5" fillId="4" borderId="0" xfId="0" applyNumberFormat="1" applyFont="1" applyFill="1" applyBorder="1" applyAlignment="1">
      <alignment vertical="center"/>
    </xf>
    <xf numFmtId="165" fontId="16" fillId="0" borderId="0" xfId="0" applyNumberFormat="1" applyFont="1" applyFill="1" applyBorder="1" applyAlignment="1">
      <alignment vertical="center"/>
    </xf>
    <xf numFmtId="165" fontId="16" fillId="0" borderId="0" xfId="0" applyNumberFormat="1" applyFont="1" applyFill="1" applyBorder="1" applyAlignment="1">
      <alignment vertical="top"/>
    </xf>
    <xf numFmtId="165" fontId="5" fillId="0" borderId="0" xfId="0" applyNumberFormat="1" applyFont="1" applyFill="1" applyBorder="1" applyAlignment="1">
      <alignment vertical="top"/>
    </xf>
    <xf numFmtId="165" fontId="5" fillId="0" borderId="1" xfId="0" applyNumberFormat="1" applyFont="1" applyBorder="1" applyAlignment="1">
      <alignment vertical="center"/>
    </xf>
    <xf numFmtId="165" fontId="29" fillId="0" borderId="0" xfId="0" applyNumberFormat="1" applyFont="1" applyFill="1" applyBorder="1" applyAlignment="1">
      <alignment vertical="center"/>
    </xf>
    <xf numFmtId="43" fontId="13" fillId="0" borderId="1" xfId="1" applyFont="1" applyBorder="1" applyAlignment="1">
      <alignment vertical="center"/>
    </xf>
    <xf numFmtId="43" fontId="5" fillId="0" borderId="1" xfId="1" applyFont="1" applyBorder="1" applyAlignment="1">
      <alignment vertical="center"/>
    </xf>
    <xf numFmtId="165" fontId="5" fillId="0" borderId="1" xfId="0" applyNumberFormat="1" applyFont="1" applyFill="1" applyBorder="1" applyAlignment="1">
      <alignment vertical="center"/>
    </xf>
    <xf numFmtId="0" fontId="0" fillId="4" borderId="0" xfId="0" applyFill="1" applyBorder="1"/>
    <xf numFmtId="0" fontId="0" fillId="0" borderId="0" xfId="0" applyFont="1"/>
    <xf numFmtId="0" fontId="30" fillId="4" borderId="0" xfId="0" applyFont="1" applyFill="1"/>
    <xf numFmtId="0" fontId="0" fillId="0" borderId="0" xfId="0" applyFont="1" applyBorder="1"/>
    <xf numFmtId="0" fontId="0" fillId="0" borderId="0" xfId="0" applyBorder="1"/>
    <xf numFmtId="0" fontId="31" fillId="4" borderId="0" xfId="0" applyFont="1" applyFill="1" applyBorder="1" applyAlignment="1">
      <alignment horizontal="center"/>
    </xf>
    <xf numFmtId="0" fontId="30" fillId="4" borderId="0" xfId="0" applyFont="1" applyFill="1" applyBorder="1"/>
    <xf numFmtId="0" fontId="32" fillId="4" borderId="0" xfId="0" applyFont="1" applyFill="1" applyBorder="1" applyAlignment="1">
      <alignment horizontal="left" indent="1"/>
    </xf>
    <xf numFmtId="165" fontId="5" fillId="4" borderId="0" xfId="0" applyNumberFormat="1" applyFont="1" applyFill="1" applyBorder="1" applyAlignment="1">
      <alignment horizontal="right" vertical="center"/>
    </xf>
    <xf numFmtId="0" fontId="33" fillId="4" borderId="0" xfId="0" applyFont="1" applyFill="1" applyBorder="1"/>
    <xf numFmtId="0" fontId="34" fillId="4" borderId="0" xfId="0" applyFont="1" applyFill="1" applyBorder="1"/>
    <xf numFmtId="0" fontId="32" fillId="4" borderId="0" xfId="0" applyFont="1" applyFill="1" applyBorder="1"/>
    <xf numFmtId="43" fontId="0" fillId="0" borderId="0" xfId="1" applyFont="1" applyBorder="1" applyAlignment="1">
      <alignment vertical="center"/>
    </xf>
    <xf numFmtId="0" fontId="32" fillId="4" borderId="0" xfId="0" applyFont="1" applyFill="1" applyBorder="1" applyAlignment="1">
      <alignment horizontal="left"/>
    </xf>
    <xf numFmtId="165" fontId="17" fillId="0" borderId="0" xfId="0" applyNumberFormat="1" applyFont="1" applyFill="1" applyBorder="1" applyAlignment="1">
      <alignment vertical="center"/>
    </xf>
    <xf numFmtId="165" fontId="13" fillId="0" borderId="0" xfId="0" applyNumberFormat="1" applyFont="1" applyFill="1" applyBorder="1" applyAlignment="1">
      <alignment vertical="center"/>
    </xf>
    <xf numFmtId="165" fontId="24" fillId="0" borderId="0" xfId="0" applyNumberFormat="1" applyFont="1" applyFill="1" applyBorder="1" applyAlignment="1">
      <alignment vertical="center"/>
    </xf>
    <xf numFmtId="0" fontId="35" fillId="0" borderId="0" xfId="0" applyFont="1" applyBorder="1"/>
    <xf numFmtId="43" fontId="3" fillId="0" borderId="3" xfId="1" applyFont="1" applyBorder="1" applyAlignment="1">
      <alignment horizontal="left" vertical="center" indent="1"/>
    </xf>
    <xf numFmtId="43" fontId="5" fillId="0" borderId="0" xfId="1" applyFont="1" applyBorder="1" applyAlignment="1">
      <alignment horizontal="left" vertical="center"/>
    </xf>
    <xf numFmtId="0" fontId="31" fillId="4" borderId="0" xfId="0" applyFont="1" applyFill="1" applyBorder="1"/>
    <xf numFmtId="0" fontId="36" fillId="4" borderId="0" xfId="0" applyFont="1" applyFill="1" applyBorder="1" applyAlignment="1">
      <alignment vertical="center"/>
    </xf>
    <xf numFmtId="165" fontId="16" fillId="4" borderId="0" xfId="0" applyNumberFormat="1" applyFont="1" applyFill="1" applyBorder="1" applyAlignment="1">
      <alignment vertical="center"/>
    </xf>
    <xf numFmtId="165" fontId="16" fillId="4" borderId="0" xfId="0" applyNumberFormat="1" applyFont="1" applyFill="1" applyBorder="1" applyAlignment="1">
      <alignment horizontal="right" vertical="center"/>
    </xf>
    <xf numFmtId="0" fontId="13" fillId="0" borderId="0" xfId="1" quotePrefix="1" applyNumberFormat="1" applyFont="1" applyBorder="1" applyAlignment="1">
      <alignment vertical="center"/>
    </xf>
    <xf numFmtId="165" fontId="16" fillId="0" borderId="1" xfId="0" applyNumberFormat="1" applyFont="1" applyFill="1" applyBorder="1" applyAlignment="1">
      <alignment vertical="center"/>
    </xf>
    <xf numFmtId="165" fontId="5" fillId="0" borderId="0" xfId="0" applyNumberFormat="1" applyFont="1" applyFill="1" applyBorder="1" applyAlignment="1">
      <alignment horizontal="right" vertical="center"/>
    </xf>
    <xf numFmtId="43" fontId="5" fillId="0" borderId="0" xfId="1" applyFont="1" applyFill="1" applyBorder="1" applyAlignment="1">
      <alignment vertical="center"/>
    </xf>
    <xf numFmtId="0" fontId="5" fillId="0" borderId="0" xfId="4" applyFont="1" applyFill="1" applyAlignment="1">
      <alignment horizontal="left" vertical="center"/>
    </xf>
    <xf numFmtId="165" fontId="13" fillId="0" borderId="1" xfId="0" applyNumberFormat="1" applyFont="1" applyBorder="1" applyAlignment="1">
      <alignment vertical="center"/>
    </xf>
    <xf numFmtId="43" fontId="23" fillId="0" borderId="0" xfId="1" applyFont="1" applyBorder="1" applyAlignment="1">
      <alignment horizontal="right" vertical="center"/>
    </xf>
    <xf numFmtId="165" fontId="0" fillId="0" borderId="0" xfId="0" applyNumberFormat="1" applyBorder="1" applyAlignment="1">
      <alignment vertical="center"/>
    </xf>
    <xf numFmtId="0" fontId="4" fillId="0" borderId="1" xfId="0" applyFont="1" applyBorder="1" applyAlignment="1" applyProtection="1">
      <alignment vertical="center"/>
      <protection locked="0"/>
    </xf>
    <xf numFmtId="0" fontId="4" fillId="0" borderId="1" xfId="0" applyFont="1" applyBorder="1" applyAlignment="1" applyProtection="1">
      <alignment vertical="top"/>
      <protection locked="0"/>
    </xf>
    <xf numFmtId="0" fontId="2" fillId="0" borderId="1" xfId="0" applyNumberFormat="1" applyFont="1" applyBorder="1" applyAlignment="1" applyProtection="1">
      <alignment vertical="top"/>
      <protection locked="0"/>
    </xf>
    <xf numFmtId="0" fontId="23" fillId="0" borderId="1" xfId="0" applyFont="1" applyBorder="1" applyAlignment="1">
      <alignment vertical="top"/>
    </xf>
    <xf numFmtId="0" fontId="23" fillId="0" borderId="0" xfId="0" applyFont="1" applyAlignment="1">
      <alignment vertical="top"/>
    </xf>
    <xf numFmtId="0" fontId="3" fillId="0" borderId="0" xfId="0" applyFont="1" applyBorder="1" applyAlignment="1" applyProtection="1">
      <protection locked="0"/>
    </xf>
    <xf numFmtId="0" fontId="3" fillId="2" borderId="0" xfId="0" applyFont="1" applyFill="1" applyAlignment="1"/>
    <xf numFmtId="0" fontId="3" fillId="0" borderId="0" xfId="0" applyFont="1" applyFill="1" applyAlignment="1"/>
    <xf numFmtId="0" fontId="3" fillId="0" borderId="0" xfId="0" applyFont="1" applyAlignment="1"/>
    <xf numFmtId="0" fontId="3" fillId="0" borderId="1" xfId="0" applyFont="1" applyFill="1" applyBorder="1" applyAlignment="1" applyProtection="1">
      <alignment horizontal="left"/>
      <protection locked="0"/>
    </xf>
    <xf numFmtId="0" fontId="3" fillId="0" borderId="1" xfId="0" applyFont="1" applyBorder="1" applyAlignment="1" applyProtection="1">
      <protection locked="0"/>
    </xf>
    <xf numFmtId="49" fontId="3" fillId="0" borderId="1" xfId="0" applyNumberFormat="1" applyFont="1" applyBorder="1" applyAlignment="1" applyProtection="1">
      <alignment horizontal="center"/>
      <protection locked="0"/>
    </xf>
    <xf numFmtId="49" fontId="2" fillId="2" borderId="0" xfId="0" quotePrefix="1" applyNumberFormat="1" applyFont="1" applyFill="1" applyBorder="1" applyAlignment="1" applyProtection="1">
      <alignment horizontal="center" vertical="center"/>
      <protection locked="0"/>
    </xf>
    <xf numFmtId="49" fontId="2" fillId="0" borderId="1" xfId="0" quotePrefix="1" applyNumberFormat="1" applyFont="1" applyFill="1" applyBorder="1" applyAlignment="1" applyProtection="1">
      <alignment horizontal="center" vertical="center"/>
      <protection locked="0"/>
    </xf>
    <xf numFmtId="0" fontId="3" fillId="0" borderId="0" xfId="0" applyFont="1" applyBorder="1" applyAlignment="1" applyProtection="1">
      <alignment horizontal="center" vertical="center"/>
      <protection locked="0"/>
    </xf>
    <xf numFmtId="0" fontId="2" fillId="2" borderId="0" xfId="0" applyNumberFormat="1" applyFont="1" applyFill="1" applyBorder="1" applyAlignment="1" applyProtection="1">
      <alignment horizontal="center" vertical="center"/>
      <protection locked="0"/>
    </xf>
    <xf numFmtId="0" fontId="2" fillId="0" borderId="0" xfId="0" applyNumberFormat="1" applyFont="1" applyFill="1" applyBorder="1" applyAlignment="1" applyProtection="1">
      <alignment horizontal="center" vertical="center"/>
      <protection locked="0"/>
    </xf>
    <xf numFmtId="0" fontId="5" fillId="0" borderId="0" xfId="0" applyNumberFormat="1" applyFont="1" applyProtection="1">
      <protection locked="0"/>
    </xf>
    <xf numFmtId="0" fontId="5" fillId="0" borderId="0" xfId="0" applyFont="1" applyProtection="1">
      <protection locked="0"/>
    </xf>
    <xf numFmtId="0" fontId="5" fillId="0" borderId="0" xfId="0" applyFont="1" applyFill="1"/>
    <xf numFmtId="168" fontId="5" fillId="2" borderId="0" xfId="1" applyNumberFormat="1" applyFont="1" applyFill="1"/>
    <xf numFmtId="168" fontId="5" fillId="0" borderId="0" xfId="1" applyNumberFormat="1" applyFont="1" applyFill="1"/>
    <xf numFmtId="0" fontId="5" fillId="0" borderId="0" xfId="0" applyFont="1"/>
    <xf numFmtId="0" fontId="5" fillId="0" borderId="0" xfId="0" applyNumberFormat="1" applyFont="1" applyFill="1" applyProtection="1">
      <protection locked="0"/>
    </xf>
    <xf numFmtId="0" fontId="5" fillId="0" borderId="0" xfId="0" applyFont="1" applyFill="1" applyProtection="1">
      <protection locked="0"/>
    </xf>
    <xf numFmtId="170" fontId="5" fillId="0" borderId="0" xfId="2" applyNumberFormat="1" applyFont="1" applyFill="1" applyBorder="1"/>
    <xf numFmtId="170" fontId="5" fillId="2" borderId="0" xfId="2" applyNumberFormat="1" applyFont="1" applyFill="1"/>
    <xf numFmtId="170" fontId="5" fillId="0" borderId="0" xfId="2" applyNumberFormat="1" applyFont="1" applyFill="1"/>
    <xf numFmtId="0" fontId="0" fillId="0" borderId="0" xfId="0" applyProtection="1">
      <protection locked="0"/>
    </xf>
    <xf numFmtId="168" fontId="5" fillId="2" borderId="0" xfId="0" applyNumberFormat="1" applyFont="1" applyFill="1" applyProtection="1">
      <protection locked="0"/>
    </xf>
    <xf numFmtId="168" fontId="5" fillId="0" borderId="0" xfId="0" applyNumberFormat="1" applyFont="1" applyFill="1" applyProtection="1">
      <protection locked="0"/>
    </xf>
    <xf numFmtId="0" fontId="3" fillId="0" borderId="1" xfId="0" applyFont="1" applyBorder="1" applyProtection="1">
      <protection locked="0"/>
    </xf>
    <xf numFmtId="0" fontId="0" fillId="0" borderId="1" xfId="0" applyBorder="1" applyProtection="1">
      <protection locked="0"/>
    </xf>
    <xf numFmtId="0" fontId="38" fillId="0" borderId="1" xfId="0" applyFont="1" applyBorder="1" applyProtection="1">
      <protection locked="0"/>
    </xf>
    <xf numFmtId="0" fontId="38" fillId="2" borderId="1" xfId="0" applyFont="1" applyFill="1" applyBorder="1" applyProtection="1">
      <protection locked="0"/>
    </xf>
    <xf numFmtId="0" fontId="38" fillId="0" borderId="1" xfId="0" applyFont="1" applyFill="1" applyBorder="1" applyProtection="1">
      <protection locked="0"/>
    </xf>
    <xf numFmtId="0" fontId="3" fillId="0" borderId="0" xfId="0" quotePrefix="1" applyFont="1" applyBorder="1" applyAlignment="1" applyProtection="1">
      <alignment horizontal="center"/>
      <protection locked="0"/>
    </xf>
    <xf numFmtId="0" fontId="2" fillId="2" borderId="0" xfId="0" applyNumberFormat="1" applyFont="1" applyFill="1" applyBorder="1" applyAlignment="1" applyProtection="1">
      <alignment horizontal="centerContinuous"/>
      <protection locked="0"/>
    </xf>
    <xf numFmtId="0" fontId="2" fillId="0" borderId="0" xfId="0" applyNumberFormat="1" applyFont="1" applyFill="1" applyBorder="1" applyAlignment="1" applyProtection="1">
      <alignment horizontal="centerContinuous"/>
      <protection locked="0"/>
    </xf>
    <xf numFmtId="0" fontId="39" fillId="0" borderId="0" xfId="0" applyFont="1" applyBorder="1" applyAlignment="1" applyProtection="1">
      <alignment horizontal="left"/>
      <protection locked="0"/>
    </xf>
    <xf numFmtId="0" fontId="3" fillId="0" borderId="1" xfId="0" quotePrefix="1" applyFont="1" applyBorder="1" applyAlignment="1" applyProtection="1">
      <alignment horizontal="center"/>
      <protection locked="0"/>
    </xf>
    <xf numFmtId="0" fontId="2" fillId="2" borderId="0" xfId="0" quotePrefix="1" applyNumberFormat="1" applyFont="1" applyFill="1" applyBorder="1" applyAlignment="1" applyProtection="1">
      <alignment horizontal="center" vertical="center"/>
      <protection locked="0"/>
    </xf>
    <xf numFmtId="0" fontId="2" fillId="0" borderId="1" xfId="0" quotePrefix="1" applyNumberFormat="1" applyFont="1" applyFill="1" applyBorder="1" applyAlignment="1" applyProtection="1">
      <alignment horizontal="center" vertical="center"/>
      <protection locked="0"/>
    </xf>
    <xf numFmtId="171" fontId="5" fillId="0" borderId="0" xfId="2" applyNumberFormat="1" applyFont="1" applyFill="1"/>
    <xf numFmtId="4" fontId="5" fillId="0" borderId="0" xfId="2" applyNumberFormat="1" applyFont="1" applyFill="1" applyAlignment="1" applyProtection="1">
      <alignment horizontal="right"/>
      <protection locked="0"/>
    </xf>
    <xf numFmtId="1" fontId="5" fillId="0" borderId="0" xfId="0" applyNumberFormat="1" applyFont="1" applyFill="1" applyAlignment="1" applyProtection="1">
      <alignment horizontal="right"/>
      <protection locked="0"/>
    </xf>
    <xf numFmtId="171" fontId="5" fillId="0" borderId="0" xfId="0" applyNumberFormat="1" applyFont="1" applyFill="1"/>
    <xf numFmtId="49" fontId="5" fillId="0" borderId="0" xfId="0" applyNumberFormat="1" applyFont="1" applyFill="1" applyBorder="1" applyAlignment="1"/>
    <xf numFmtId="49" fontId="40" fillId="0" borderId="0" xfId="0" applyNumberFormat="1" applyFont="1" applyFill="1" applyBorder="1" applyAlignment="1"/>
    <xf numFmtId="168" fontId="5" fillId="0" borderId="0" xfId="0" applyNumberFormat="1" applyFont="1" applyFill="1"/>
    <xf numFmtId="0" fontId="38" fillId="0" borderId="0" xfId="0" applyFont="1" applyFill="1" applyProtection="1">
      <protection locked="0"/>
    </xf>
    <xf numFmtId="49" fontId="5" fillId="0" borderId="1" xfId="0" applyNumberFormat="1" applyFont="1" applyFill="1" applyBorder="1" applyAlignment="1"/>
    <xf numFmtId="0" fontId="0" fillId="0" borderId="1" xfId="0" applyBorder="1"/>
    <xf numFmtId="0" fontId="11" fillId="0" borderId="0" xfId="0" applyFont="1" applyProtection="1">
      <protection locked="0"/>
    </xf>
    <xf numFmtId="0" fontId="38" fillId="0" borderId="0" xfId="0" applyFont="1" applyProtection="1">
      <protection locked="0"/>
    </xf>
    <xf numFmtId="0" fontId="38" fillId="0" borderId="0" xfId="0" applyFont="1"/>
    <xf numFmtId="0" fontId="23" fillId="0" borderId="1" xfId="0" applyFont="1" applyBorder="1" applyAlignment="1">
      <alignment vertical="center"/>
    </xf>
    <xf numFmtId="0" fontId="23" fillId="0" borderId="0" xfId="0" applyFont="1" applyAlignment="1">
      <alignment vertical="center"/>
    </xf>
    <xf numFmtId="49" fontId="3" fillId="0" borderId="3" xfId="0" applyNumberFormat="1" applyFont="1" applyBorder="1" applyAlignment="1">
      <alignment horizontal="left" vertical="center"/>
    </xf>
    <xf numFmtId="0" fontId="3" fillId="0" borderId="3" xfId="0" applyFont="1" applyBorder="1" applyAlignment="1">
      <alignment vertical="center"/>
    </xf>
    <xf numFmtId="0" fontId="3" fillId="0" borderId="0" xfId="0" applyFont="1" applyAlignment="1">
      <alignment vertical="center"/>
    </xf>
    <xf numFmtId="0" fontId="13" fillId="0" borderId="0" xfId="0" applyFont="1" applyAlignment="1">
      <alignment horizontal="left" vertical="center"/>
    </xf>
    <xf numFmtId="165" fontId="6" fillId="0" borderId="0" xfId="0" applyNumberFormat="1" applyFont="1" applyFill="1" applyBorder="1" applyAlignment="1">
      <alignment vertical="center"/>
    </xf>
    <xf numFmtId="165" fontId="2" fillId="0" borderId="0" xfId="0" applyNumberFormat="1" applyFont="1" applyFill="1" applyBorder="1" applyAlignment="1">
      <alignment vertical="center"/>
    </xf>
    <xf numFmtId="0" fontId="27" fillId="0" borderId="0" xfId="0" applyFont="1" applyAlignment="1">
      <alignment vertical="center"/>
    </xf>
    <xf numFmtId="167" fontId="5" fillId="0" borderId="0" xfId="3" applyNumberFormat="1" applyFont="1" applyFill="1" applyBorder="1" applyAlignment="1">
      <alignment vertical="center"/>
    </xf>
    <xf numFmtId="0" fontId="2" fillId="0" borderId="0" xfId="0" applyNumberFormat="1" applyFont="1" applyFill="1" applyBorder="1" applyAlignment="1">
      <alignment vertical="center"/>
    </xf>
    <xf numFmtId="167" fontId="5" fillId="0" borderId="0" xfId="3" applyNumberFormat="1" applyFont="1" applyBorder="1" applyAlignment="1">
      <alignment vertical="center"/>
    </xf>
    <xf numFmtId="167" fontId="2" fillId="0" borderId="0" xfId="3" applyNumberFormat="1" applyFont="1" applyBorder="1" applyAlignment="1">
      <alignment vertical="center"/>
    </xf>
    <xf numFmtId="168" fontId="5" fillId="0" borderId="0" xfId="3" applyNumberFormat="1" applyFont="1" applyFill="1" applyBorder="1" applyAlignment="1">
      <alignment vertical="center"/>
    </xf>
    <xf numFmtId="168" fontId="2" fillId="0" borderId="0" xfId="3" applyNumberFormat="1" applyFont="1" applyFill="1" applyBorder="1" applyAlignment="1">
      <alignment vertical="center"/>
    </xf>
    <xf numFmtId="0" fontId="0" fillId="0" borderId="1" xfId="0" applyBorder="1" applyAlignment="1">
      <alignment vertical="center"/>
    </xf>
    <xf numFmtId="0" fontId="0" fillId="0" borderId="0" xfId="0" applyAlignment="1">
      <alignment vertical="center"/>
    </xf>
    <xf numFmtId="0" fontId="11" fillId="0" borderId="0" xfId="0" applyFont="1" applyAlignment="1">
      <alignment horizontal="center" vertical="center"/>
    </xf>
    <xf numFmtId="0" fontId="2" fillId="0" borderId="0" xfId="0" applyNumberFormat="1" applyFont="1" applyAlignment="1">
      <alignment vertical="center"/>
    </xf>
    <xf numFmtId="167" fontId="0" fillId="0" borderId="0" xfId="3" applyNumberFormat="1" applyFont="1" applyAlignment="1">
      <alignment vertical="center"/>
    </xf>
    <xf numFmtId="49" fontId="3" fillId="0" borderId="3" xfId="0" applyNumberFormat="1" applyFont="1" applyBorder="1" applyAlignment="1">
      <alignment horizontal="left" vertical="center" indent="1"/>
    </xf>
    <xf numFmtId="0" fontId="5" fillId="0" borderId="0" xfId="0" applyFont="1" applyFill="1" applyBorder="1" applyAlignment="1">
      <alignment vertical="center"/>
    </xf>
    <xf numFmtId="0" fontId="28" fillId="0" borderId="0" xfId="0" applyFont="1" applyBorder="1" applyAlignment="1">
      <alignment vertical="center"/>
    </xf>
    <xf numFmtId="165" fontId="2" fillId="0" borderId="0" xfId="0" applyNumberFormat="1" applyFont="1" applyBorder="1" applyAlignment="1">
      <alignment vertical="center"/>
    </xf>
    <xf numFmtId="0" fontId="13" fillId="0" borderId="0" xfId="0" applyFont="1" applyBorder="1" applyAlignment="1">
      <alignment horizontal="left" vertical="center"/>
    </xf>
    <xf numFmtId="165" fontId="6" fillId="0" borderId="0" xfId="0" applyNumberFormat="1" applyFont="1" applyBorder="1" applyAlignment="1">
      <alignment vertical="center"/>
    </xf>
    <xf numFmtId="0" fontId="4" fillId="0" borderId="1" xfId="0" applyFont="1" applyFill="1" applyBorder="1" applyAlignment="1">
      <alignment vertical="center"/>
    </xf>
    <xf numFmtId="0" fontId="6" fillId="0" borderId="1" xfId="0" applyFont="1" applyFill="1" applyBorder="1" applyAlignment="1">
      <alignment vertical="center"/>
    </xf>
    <xf numFmtId="0" fontId="4" fillId="0" borderId="0" xfId="0" applyFont="1" applyFill="1" applyBorder="1" applyAlignment="1">
      <alignment vertical="center"/>
    </xf>
    <xf numFmtId="0" fontId="6" fillId="0" borderId="0" xfId="0" applyFont="1" applyFill="1" applyBorder="1" applyAlignment="1">
      <alignment vertical="center"/>
    </xf>
    <xf numFmtId="0" fontId="23" fillId="0" borderId="0" xfId="0" applyFont="1" applyFill="1" applyAlignment="1">
      <alignment vertical="center"/>
    </xf>
    <xf numFmtId="0" fontId="5" fillId="0" borderId="0" xfId="4" applyFont="1" applyFill="1" applyAlignment="1">
      <alignment horizontal="center" vertical="center"/>
    </xf>
    <xf numFmtId="0" fontId="3" fillId="0" borderId="0" xfId="4" applyFont="1" applyFill="1" applyAlignment="1">
      <alignment vertical="center"/>
    </xf>
    <xf numFmtId="0" fontId="8" fillId="0" borderId="0" xfId="4" applyNumberFormat="1" applyFont="1" applyFill="1" applyBorder="1" applyAlignment="1">
      <alignment horizontal="center" vertical="center"/>
    </xf>
    <xf numFmtId="0" fontId="3" fillId="0" borderId="0" xfId="4" applyFont="1" applyFill="1" applyBorder="1" applyAlignment="1">
      <alignment horizontal="center" vertical="center"/>
    </xf>
    <xf numFmtId="0" fontId="13" fillId="0" borderId="0" xfId="4" applyNumberFormat="1" applyFont="1" applyFill="1" applyAlignment="1">
      <alignment horizontal="left" vertical="center"/>
    </xf>
    <xf numFmtId="0" fontId="13" fillId="0" borderId="0" xfId="4" applyFont="1" applyFill="1" applyAlignment="1">
      <alignment vertical="center"/>
    </xf>
    <xf numFmtId="165" fontId="13" fillId="0" borderId="0" xfId="4" applyNumberFormat="1" applyFont="1" applyFill="1" applyBorder="1" applyAlignment="1">
      <alignment vertical="center"/>
    </xf>
    <xf numFmtId="0" fontId="23" fillId="0" borderId="1" xfId="4" applyFill="1" applyBorder="1" applyAlignment="1">
      <alignment vertical="center"/>
    </xf>
    <xf numFmtId="0" fontId="38" fillId="0" borderId="1" xfId="4" applyFont="1" applyFill="1" applyBorder="1" applyAlignment="1">
      <alignment vertical="center"/>
    </xf>
    <xf numFmtId="0" fontId="23" fillId="0" borderId="0" xfId="4" applyFill="1" applyAlignment="1">
      <alignment vertical="center"/>
    </xf>
    <xf numFmtId="0" fontId="38" fillId="0" borderId="0" xfId="4" applyFont="1" applyFill="1" applyAlignment="1">
      <alignment vertical="center"/>
    </xf>
    <xf numFmtId="0" fontId="5" fillId="0" borderId="1" xfId="4" applyFont="1" applyFill="1" applyBorder="1" applyAlignment="1">
      <alignment horizontal="center" vertical="center"/>
    </xf>
    <xf numFmtId="49" fontId="3" fillId="0" borderId="1" xfId="4" applyNumberFormat="1" applyFont="1" applyFill="1" applyBorder="1" applyAlignment="1">
      <alignment horizontal="left" vertical="center" indent="1"/>
    </xf>
    <xf numFmtId="0" fontId="3" fillId="0" borderId="1" xfId="4" quotePrefix="1" applyFont="1" applyFill="1" applyBorder="1" applyAlignment="1">
      <alignment horizontal="right" vertical="center"/>
    </xf>
    <xf numFmtId="0" fontId="5" fillId="0" borderId="0" xfId="4" applyFont="1" applyFill="1" applyBorder="1" applyAlignment="1">
      <alignment horizontal="center" vertical="center"/>
    </xf>
    <xf numFmtId="167" fontId="5" fillId="0" borderId="0" xfId="3" applyNumberFormat="1" applyFont="1" applyFill="1" applyAlignment="1">
      <alignment vertical="center"/>
    </xf>
    <xf numFmtId="0" fontId="3" fillId="0" borderId="0" xfId="4" quotePrefix="1" applyFont="1" applyFill="1" applyBorder="1" applyAlignment="1">
      <alignment horizontal="right" vertical="center"/>
    </xf>
    <xf numFmtId="0" fontId="5" fillId="0" borderId="0" xfId="4" applyFont="1" applyFill="1" applyAlignment="1">
      <alignment vertical="center"/>
    </xf>
    <xf numFmtId="0" fontId="23" fillId="0" borderId="0" xfId="4" applyFont="1" applyFill="1" applyAlignment="1"/>
    <xf numFmtId="0" fontId="4" fillId="0" borderId="0" xfId="4" applyFont="1" applyFill="1" applyBorder="1" applyAlignment="1">
      <alignment vertical="center"/>
    </xf>
    <xf numFmtId="0" fontId="2" fillId="0" borderId="0" xfId="4" applyNumberFormat="1" applyFont="1" applyFill="1" applyBorder="1" applyAlignment="1">
      <alignment vertical="center"/>
    </xf>
    <xf numFmtId="0" fontId="3" fillId="0" borderId="0" xfId="4" applyFont="1" applyFill="1" applyAlignment="1"/>
    <xf numFmtId="0" fontId="3" fillId="0" borderId="0" xfId="4" applyFont="1" applyFill="1" applyBorder="1" applyAlignment="1">
      <alignment vertical="center"/>
    </xf>
    <xf numFmtId="49" fontId="3" fillId="0" borderId="0" xfId="4" applyNumberFormat="1" applyFont="1" applyFill="1" applyBorder="1" applyAlignment="1">
      <alignment horizontal="center" vertical="center"/>
    </xf>
    <xf numFmtId="0" fontId="42" fillId="0" borderId="0" xfId="4" applyFont="1" applyFill="1" applyAlignment="1">
      <alignment horizontal="center"/>
    </xf>
    <xf numFmtId="0" fontId="7" fillId="0" borderId="3" xfId="4" applyNumberFormat="1" applyFont="1" applyFill="1" applyBorder="1" applyAlignment="1">
      <alignment horizontal="center" vertical="center"/>
    </xf>
    <xf numFmtId="49" fontId="3" fillId="0" borderId="3" xfId="4" applyNumberFormat="1" applyFont="1" applyFill="1" applyBorder="1" applyAlignment="1">
      <alignment horizontal="left" vertical="center"/>
    </xf>
    <xf numFmtId="0" fontId="6" fillId="0" borderId="3" xfId="4" applyNumberFormat="1" applyFont="1" applyFill="1" applyBorder="1" applyAlignment="1">
      <alignment horizontal="center" vertical="center"/>
    </xf>
    <xf numFmtId="0" fontId="3" fillId="0" borderId="3" xfId="4" quotePrefix="1" applyFont="1" applyFill="1" applyBorder="1" applyAlignment="1">
      <alignment horizontal="center" vertical="center"/>
    </xf>
    <xf numFmtId="0" fontId="2" fillId="0" borderId="0" xfId="4" applyFont="1" applyFill="1" applyBorder="1" applyAlignment="1">
      <alignment horizontal="center" vertical="center"/>
    </xf>
    <xf numFmtId="0" fontId="13" fillId="0" borderId="0" xfId="4" applyFont="1" applyFill="1" applyAlignment="1"/>
    <xf numFmtId="0" fontId="5" fillId="0" borderId="0" xfId="4" applyNumberFormat="1" applyFont="1" applyFill="1" applyAlignment="1">
      <alignment horizontal="left"/>
    </xf>
    <xf numFmtId="172" fontId="5" fillId="0" borderId="0" xfId="4" applyNumberFormat="1" applyFont="1" applyFill="1" applyAlignment="1"/>
    <xf numFmtId="41" fontId="5" fillId="0" borderId="0" xfId="4" applyNumberFormat="1" applyFont="1" applyFill="1" applyBorder="1" applyAlignment="1"/>
    <xf numFmtId="0" fontId="5" fillId="0" borderId="0" xfId="4" applyFont="1" applyFill="1" applyAlignment="1"/>
    <xf numFmtId="41" fontId="16" fillId="0" borderId="0" xfId="4" applyNumberFormat="1" applyFont="1" applyFill="1" applyBorder="1" applyAlignment="1"/>
    <xf numFmtId="41" fontId="16" fillId="0" borderId="0" xfId="4" applyNumberFormat="1" applyFont="1" applyFill="1" applyBorder="1" applyAlignment="1">
      <alignment vertical="center"/>
    </xf>
    <xf numFmtId="172" fontId="13" fillId="0" borderId="0" xfId="4" applyNumberFormat="1" applyFont="1" applyFill="1" applyAlignment="1"/>
    <xf numFmtId="0" fontId="5" fillId="0" borderId="0" xfId="4" applyNumberFormat="1" applyFont="1" applyFill="1" applyAlignment="1">
      <alignment horizontal="left" vertical="center"/>
    </xf>
    <xf numFmtId="0" fontId="13" fillId="0" borderId="0" xfId="4" applyFont="1" applyFill="1" applyAlignment="1">
      <alignment horizontal="left"/>
    </xf>
    <xf numFmtId="41" fontId="29" fillId="0" borderId="0" xfId="4" applyNumberFormat="1" applyFont="1" applyFill="1" applyBorder="1" applyAlignment="1">
      <alignment vertical="center"/>
    </xf>
    <xf numFmtId="41" fontId="5" fillId="0" borderId="0" xfId="4" applyNumberFormat="1" applyFont="1" applyFill="1" applyBorder="1" applyAlignment="1">
      <alignment vertical="center"/>
    </xf>
    <xf numFmtId="0" fontId="3" fillId="0" borderId="0" xfId="4" applyFont="1" applyAlignment="1">
      <alignment wrapText="1"/>
    </xf>
    <xf numFmtId="0" fontId="28" fillId="0" borderId="0" xfId="4" applyFont="1" applyFill="1"/>
    <xf numFmtId="0" fontId="5" fillId="0" borderId="0" xfId="4" applyFont="1" applyFill="1" applyBorder="1" applyAlignment="1">
      <alignment horizontal="right" vertical="center"/>
    </xf>
    <xf numFmtId="172" fontId="5" fillId="0" borderId="0" xfId="4" applyNumberFormat="1" applyFont="1" applyFill="1" applyBorder="1" applyAlignment="1">
      <alignment vertical="center"/>
    </xf>
    <xf numFmtId="41" fontId="13" fillId="0" borderId="0" xfId="3" applyNumberFormat="1" applyFont="1" applyFill="1" applyBorder="1" applyAlignment="1">
      <alignment vertical="center"/>
    </xf>
    <xf numFmtId="41" fontId="17" fillId="0" borderId="0" xfId="4" applyNumberFormat="1" applyFont="1" applyFill="1" applyBorder="1" applyAlignment="1">
      <alignment vertical="center"/>
    </xf>
    <xf numFmtId="0" fontId="23" fillId="0" borderId="1" xfId="4" applyFill="1" applyBorder="1"/>
    <xf numFmtId="0" fontId="38" fillId="0" borderId="1" xfId="4" applyFont="1" applyFill="1" applyBorder="1"/>
    <xf numFmtId="0" fontId="23" fillId="0" borderId="0" xfId="4" applyFill="1"/>
    <xf numFmtId="0" fontId="38" fillId="0" borderId="0" xfId="4" applyFont="1" applyFill="1"/>
    <xf numFmtId="0" fontId="5" fillId="0" borderId="3" xfId="4" quotePrefix="1" applyFont="1" applyFill="1" applyBorder="1" applyAlignment="1">
      <alignment horizontal="center" vertical="center"/>
    </xf>
    <xf numFmtId="0" fontId="16" fillId="0" borderId="0" xfId="0" applyFont="1" applyBorder="1" applyAlignment="1">
      <alignment horizontal="center" vertical="center"/>
    </xf>
    <xf numFmtId="0" fontId="27" fillId="0" borderId="0" xfId="0" applyFont="1" applyBorder="1" applyAlignment="1">
      <alignment horizontal="left" vertical="center"/>
    </xf>
    <xf numFmtId="167" fontId="5" fillId="0" borderId="1" xfId="3" applyNumberFormat="1" applyFont="1" applyBorder="1" applyAlignment="1">
      <alignment vertical="center"/>
    </xf>
    <xf numFmtId="165" fontId="2" fillId="0" borderId="1" xfId="0" applyNumberFormat="1" applyFont="1" applyBorder="1" applyAlignment="1">
      <alignment vertical="center"/>
    </xf>
    <xf numFmtId="0" fontId="5" fillId="0" borderId="3" xfId="0" applyFont="1" applyFill="1" applyBorder="1" applyAlignment="1">
      <alignment horizontal="center" vertical="center"/>
    </xf>
    <xf numFmtId="0" fontId="10" fillId="0" borderId="3" xfId="0" applyNumberFormat="1" applyFont="1" applyBorder="1" applyAlignment="1">
      <alignment horizontal="center" vertical="center"/>
    </xf>
    <xf numFmtId="0" fontId="5" fillId="0" borderId="3" xfId="4" quotePrefix="1" applyFont="1" applyFill="1" applyBorder="1" applyAlignment="1">
      <alignment horizontal="right" vertical="center"/>
    </xf>
    <xf numFmtId="0" fontId="4" fillId="0" borderId="0" xfId="0" applyFont="1" applyBorder="1" applyAlignment="1">
      <alignment vertical="center"/>
    </xf>
    <xf numFmtId="0" fontId="8" fillId="0" borderId="0" xfId="0" applyNumberFormat="1" applyFont="1" applyBorder="1" applyAlignment="1">
      <alignment horizontal="center" vertical="center"/>
    </xf>
    <xf numFmtId="0" fontId="2" fillId="0" borderId="2" xfId="0" applyNumberFormat="1" applyFont="1" applyBorder="1" applyAlignment="1">
      <alignment horizontal="center"/>
    </xf>
    <xf numFmtId="49" fontId="3" fillId="0" borderId="2" xfId="0" applyNumberFormat="1" applyFont="1" applyBorder="1" applyAlignment="1">
      <alignment horizontal="center"/>
    </xf>
    <xf numFmtId="0" fontId="2" fillId="0" borderId="0" xfId="0" applyFont="1" applyBorder="1" applyAlignment="1">
      <alignment horizontal="center"/>
    </xf>
    <xf numFmtId="0" fontId="2" fillId="0" borderId="0" xfId="0" applyNumberFormat="1" applyFont="1" applyBorder="1" applyAlignment="1">
      <alignment horizontal="center"/>
    </xf>
    <xf numFmtId="0" fontId="2" fillId="0" borderId="0" xfId="0" quotePrefix="1" applyNumberFormat="1" applyFont="1" applyBorder="1" applyAlignment="1">
      <alignment horizontal="center"/>
    </xf>
    <xf numFmtId="49" fontId="3" fillId="0" borderId="0" xfId="0" applyNumberFormat="1" applyFont="1" applyBorder="1" applyAlignment="1">
      <alignment horizontal="center" vertical="center"/>
    </xf>
    <xf numFmtId="0" fontId="8" fillId="0" borderId="1" xfId="0" applyNumberFormat="1" applyFont="1" applyBorder="1" applyAlignment="1">
      <alignment horizontal="center" vertical="center"/>
    </xf>
    <xf numFmtId="0" fontId="3" fillId="0" borderId="1" xfId="0" applyFont="1" applyFill="1" applyBorder="1" applyAlignment="1">
      <alignment horizontal="left" vertical="center"/>
    </xf>
    <xf numFmtId="0" fontId="3" fillId="0" borderId="1" xfId="0" applyFont="1" applyBorder="1" applyAlignment="1">
      <alignment horizontal="center" vertical="center" wrapText="1"/>
    </xf>
    <xf numFmtId="0" fontId="2" fillId="0" borderId="1" xfId="0" applyFont="1" applyBorder="1" applyAlignment="1">
      <alignment horizontal="center" vertical="center"/>
    </xf>
    <xf numFmtId="0" fontId="3" fillId="0" borderId="1" xfId="0" applyFont="1" applyFill="1" applyBorder="1" applyAlignment="1">
      <alignment horizontal="center" vertical="center" wrapText="1"/>
    </xf>
    <xf numFmtId="0" fontId="2" fillId="0" borderId="1" xfId="0" applyNumberFormat="1" applyFont="1" applyBorder="1" applyAlignment="1">
      <alignment horizontal="center" vertical="center"/>
    </xf>
    <xf numFmtId="0" fontId="0" fillId="3" borderId="1" xfId="0" applyFill="1" applyBorder="1" applyAlignment="1">
      <alignment horizontal="center" vertical="center" wrapText="1"/>
    </xf>
    <xf numFmtId="0" fontId="2" fillId="0" borderId="1" xfId="0" quotePrefix="1" applyNumberFormat="1" applyFont="1" applyBorder="1" applyAlignment="1">
      <alignment horizontal="center" vertical="center"/>
    </xf>
    <xf numFmtId="0" fontId="0" fillId="0" borderId="1" xfId="0" applyBorder="1" applyAlignment="1">
      <alignment horizontal="center" vertical="center" wrapText="1"/>
    </xf>
    <xf numFmtId="0" fontId="3" fillId="0" borderId="0" xfId="0" applyFont="1" applyFill="1" applyBorder="1" applyAlignment="1">
      <alignment horizontal="left" vertical="center"/>
    </xf>
    <xf numFmtId="0" fontId="3" fillId="0" borderId="0" xfId="0" applyFont="1" applyBorder="1" applyAlignment="1">
      <alignment horizontal="center" vertical="center" wrapText="1"/>
    </xf>
    <xf numFmtId="0" fontId="2" fillId="0" borderId="0" xfId="0" applyFont="1" applyBorder="1" applyAlignment="1">
      <alignment horizontal="center" vertical="center"/>
    </xf>
    <xf numFmtId="0" fontId="3" fillId="0" borderId="0" xfId="0" applyFont="1" applyFill="1" applyBorder="1" applyAlignment="1">
      <alignment horizontal="center" vertical="center" wrapText="1"/>
    </xf>
    <xf numFmtId="0" fontId="0" fillId="3" borderId="0" xfId="0" applyFill="1" applyBorder="1" applyAlignment="1">
      <alignment horizontal="center" vertical="center" wrapText="1"/>
    </xf>
    <xf numFmtId="0" fontId="2" fillId="0" borderId="0" xfId="0" quotePrefix="1" applyNumberFormat="1" applyFont="1" applyBorder="1" applyAlignment="1">
      <alignment horizontal="center" vertical="center"/>
    </xf>
    <xf numFmtId="0" fontId="0" fillId="0" borderId="0" xfId="0" applyBorder="1" applyAlignment="1">
      <alignment horizontal="center" vertical="center" wrapText="1"/>
    </xf>
    <xf numFmtId="0" fontId="13" fillId="0" borderId="0" xfId="0" applyFont="1" applyFill="1" applyBorder="1" applyAlignment="1">
      <alignment vertical="center"/>
    </xf>
    <xf numFmtId="0" fontId="13" fillId="2" borderId="0" xfId="0" applyFont="1" applyFill="1" applyBorder="1" applyAlignment="1">
      <alignment vertical="center"/>
    </xf>
    <xf numFmtId="172" fontId="5" fillId="0" borderId="0" xfId="0" applyNumberFormat="1" applyFont="1" applyFill="1" applyBorder="1" applyAlignment="1">
      <alignment horizontal="right" vertical="center"/>
    </xf>
    <xf numFmtId="172" fontId="5" fillId="0" borderId="0" xfId="0" applyNumberFormat="1" applyFont="1" applyBorder="1" applyAlignment="1">
      <alignment vertical="center"/>
    </xf>
    <xf numFmtId="172" fontId="5" fillId="3" borderId="0" xfId="0" applyNumberFormat="1" applyFont="1" applyFill="1" applyBorder="1" applyAlignment="1">
      <alignment horizontal="right" vertical="center"/>
    </xf>
    <xf numFmtId="37" fontId="13" fillId="0" borderId="0" xfId="0" applyNumberFormat="1" applyFont="1" applyFill="1" applyBorder="1" applyAlignment="1">
      <alignment horizontal="right" vertical="center"/>
    </xf>
    <xf numFmtId="0" fontId="5" fillId="0" borderId="0" xfId="3" applyNumberFormat="1" applyFont="1" applyFill="1" applyBorder="1" applyAlignment="1">
      <alignment horizontal="right" vertical="center"/>
    </xf>
    <xf numFmtId="172" fontId="16" fillId="0" borderId="0" xfId="0" applyNumberFormat="1" applyFont="1" applyFill="1" applyBorder="1" applyAlignment="1">
      <alignment horizontal="right" vertical="center"/>
    </xf>
    <xf numFmtId="172" fontId="16" fillId="3" borderId="0" xfId="0" applyNumberFormat="1" applyFont="1" applyFill="1" applyBorder="1" applyAlignment="1">
      <alignment horizontal="right" vertical="center"/>
    </xf>
    <xf numFmtId="172" fontId="24" fillId="0" borderId="0" xfId="0" applyNumberFormat="1" applyFont="1" applyFill="1" applyBorder="1" applyAlignment="1">
      <alignment horizontal="right" vertical="center"/>
    </xf>
    <xf numFmtId="172" fontId="24" fillId="3" borderId="0" xfId="0" applyNumberFormat="1" applyFont="1" applyFill="1" applyBorder="1" applyAlignment="1">
      <alignment horizontal="right" vertical="center"/>
    </xf>
    <xf numFmtId="172" fontId="24" fillId="0" borderId="0" xfId="0" applyNumberFormat="1" applyFont="1" applyBorder="1" applyAlignment="1">
      <alignment horizontal="right" vertical="center"/>
    </xf>
    <xf numFmtId="172" fontId="5" fillId="0" borderId="0" xfId="0" applyNumberFormat="1" applyFont="1" applyFill="1" applyBorder="1" applyAlignment="1">
      <alignment vertical="center"/>
    </xf>
    <xf numFmtId="172" fontId="5" fillId="3" borderId="0" xfId="0" applyNumberFormat="1" applyFont="1" applyFill="1" applyBorder="1" applyAlignment="1">
      <alignment vertical="center"/>
    </xf>
    <xf numFmtId="37" fontId="13" fillId="0" borderId="0" xfId="0" applyNumberFormat="1" applyFont="1" applyFill="1" applyBorder="1" applyAlignment="1">
      <alignment vertical="center"/>
    </xf>
    <xf numFmtId="172" fontId="16" fillId="0" borderId="0" xfId="0" applyNumberFormat="1" applyFont="1" applyFill="1" applyBorder="1" applyAlignment="1">
      <alignment vertical="center"/>
    </xf>
    <xf numFmtId="172" fontId="16" fillId="3" borderId="0" xfId="0" applyNumberFormat="1" applyFont="1" applyFill="1" applyBorder="1" applyAlignment="1">
      <alignment vertical="center"/>
    </xf>
    <xf numFmtId="172" fontId="16" fillId="0" borderId="0" xfId="0" applyNumberFormat="1" applyFont="1" applyBorder="1" applyAlignment="1">
      <alignment vertical="center"/>
    </xf>
    <xf numFmtId="172" fontId="24" fillId="0" borderId="0" xfId="0" applyNumberFormat="1" applyFont="1" applyFill="1" applyBorder="1" applyAlignment="1">
      <alignment vertical="center"/>
    </xf>
    <xf numFmtId="172" fontId="24" fillId="3" borderId="0" xfId="0" applyNumberFormat="1" applyFont="1" applyFill="1" applyBorder="1" applyAlignment="1">
      <alignment vertical="center"/>
    </xf>
    <xf numFmtId="172" fontId="24" fillId="0" borderId="0" xfId="0" applyNumberFormat="1" applyFont="1" applyBorder="1" applyAlignment="1">
      <alignment vertical="center"/>
    </xf>
    <xf numFmtId="0" fontId="5" fillId="0" borderId="0" xfId="0" applyNumberFormat="1" applyFont="1" applyBorder="1" applyAlignment="1">
      <alignment vertical="center"/>
    </xf>
    <xf numFmtId="37" fontId="13" fillId="0" borderId="0" xfId="0" applyNumberFormat="1" applyFont="1" applyBorder="1" applyAlignment="1">
      <alignment vertical="center"/>
    </xf>
    <xf numFmtId="168" fontId="5" fillId="0" borderId="0" xfId="3" applyNumberFormat="1" applyFont="1" applyFill="1" applyBorder="1" applyAlignment="1">
      <alignment horizontal="right" vertical="center"/>
    </xf>
    <xf numFmtId="0" fontId="5" fillId="3" borderId="0" xfId="0" applyFont="1" applyFill="1" applyBorder="1" applyAlignment="1">
      <alignment vertical="center"/>
    </xf>
    <xf numFmtId="165" fontId="13" fillId="0" borderId="0" xfId="0" applyNumberFormat="1" applyFont="1" applyFill="1" applyBorder="1" applyAlignment="1" applyProtection="1">
      <alignment vertical="center"/>
    </xf>
    <xf numFmtId="165" fontId="17" fillId="0" borderId="0" xfId="0" applyNumberFormat="1" applyFont="1" applyFill="1" applyBorder="1" applyAlignment="1" applyProtection="1">
      <alignment vertical="center"/>
    </xf>
    <xf numFmtId="165" fontId="17" fillId="2" borderId="0" xfId="0" applyNumberFormat="1" applyFont="1" applyFill="1" applyBorder="1" applyAlignment="1" applyProtection="1">
      <alignment vertical="center"/>
    </xf>
    <xf numFmtId="0" fontId="5" fillId="0" borderId="1" xfId="0" applyFont="1" applyFill="1" applyBorder="1" applyAlignment="1">
      <alignment vertical="center"/>
    </xf>
    <xf numFmtId="172" fontId="10" fillId="0" borderId="1" xfId="0" applyNumberFormat="1" applyFont="1" applyFill="1" applyBorder="1" applyAlignment="1">
      <alignment vertical="center"/>
    </xf>
    <xf numFmtId="172" fontId="5" fillId="0" borderId="1" xfId="0" applyNumberFormat="1" applyFont="1" applyFill="1" applyBorder="1" applyAlignment="1">
      <alignment vertical="center"/>
    </xf>
    <xf numFmtId="166" fontId="5" fillId="0" borderId="0" xfId="0" applyNumberFormat="1" applyFont="1" applyFill="1" applyBorder="1" applyAlignment="1">
      <alignment vertical="center"/>
    </xf>
    <xf numFmtId="0" fontId="12" fillId="0" borderId="0" xfId="0" applyFont="1" applyFill="1" applyBorder="1" applyAlignment="1">
      <alignment vertical="center"/>
    </xf>
    <xf numFmtId="0" fontId="11" fillId="0" borderId="0" xfId="0" applyNumberFormat="1" applyFont="1" applyFill="1" applyBorder="1" applyAlignment="1">
      <alignment vertical="center"/>
    </xf>
    <xf numFmtId="0" fontId="11" fillId="0" borderId="0" xfId="0" applyFont="1" applyFill="1" applyBorder="1" applyAlignment="1">
      <alignment vertical="center"/>
    </xf>
    <xf numFmtId="0" fontId="11" fillId="0" borderId="0" xfId="0" quotePrefix="1" applyNumberFormat="1" applyFont="1" applyBorder="1" applyAlignment="1">
      <alignment horizontal="right" vertical="top"/>
    </xf>
    <xf numFmtId="0" fontId="47" fillId="0" borderId="0" xfId="0" applyFont="1" applyBorder="1" applyAlignment="1">
      <alignment vertical="center"/>
    </xf>
    <xf numFmtId="0" fontId="0" fillId="0" borderId="0" xfId="0" applyAlignment="1"/>
    <xf numFmtId="0" fontId="3" fillId="0" borderId="0" xfId="0" applyFont="1"/>
    <xf numFmtId="0" fontId="11" fillId="0" borderId="0" xfId="0" applyNumberFormat="1" applyFont="1" applyAlignment="1">
      <alignment vertical="top"/>
    </xf>
    <xf numFmtId="49" fontId="11" fillId="0" borderId="0" xfId="0" applyNumberFormat="1" applyFont="1" applyBorder="1" applyAlignment="1">
      <alignment vertical="center"/>
    </xf>
    <xf numFmtId="0" fontId="0" fillId="0" borderId="0" xfId="0" applyAlignment="1">
      <alignment vertical="center" wrapText="1"/>
    </xf>
    <xf numFmtId="167" fontId="12" fillId="0" borderId="0" xfId="3" applyNumberFormat="1" applyFont="1" applyBorder="1" applyAlignment="1">
      <alignment vertical="center"/>
    </xf>
    <xf numFmtId="0" fontId="38" fillId="0" borderId="0" xfId="0" applyFont="1" applyBorder="1" applyAlignment="1">
      <alignment vertical="center"/>
    </xf>
    <xf numFmtId="167" fontId="38" fillId="0" borderId="0" xfId="3" applyNumberFormat="1" applyFont="1" applyBorder="1" applyAlignment="1">
      <alignment vertical="center"/>
    </xf>
    <xf numFmtId="0" fontId="4" fillId="5" borderId="1" xfId="0" applyNumberFormat="1" applyFont="1" applyFill="1" applyBorder="1" applyAlignment="1" applyProtection="1">
      <alignment vertical="center"/>
    </xf>
    <xf numFmtId="0" fontId="3" fillId="0" borderId="2" xfId="0" applyFont="1" applyFill="1" applyBorder="1" applyAlignment="1"/>
    <xf numFmtId="0" fontId="3" fillId="0" borderId="1" xfId="0" applyFont="1" applyFill="1" applyBorder="1" applyAlignment="1">
      <alignment horizontal="center" wrapText="1"/>
    </xf>
    <xf numFmtId="0" fontId="2" fillId="0" borderId="1" xfId="0" applyNumberFormat="1" applyFont="1" applyBorder="1" applyAlignment="1">
      <alignment horizontal="center"/>
    </xf>
    <xf numFmtId="0" fontId="3" fillId="2" borderId="1" xfId="0" applyFont="1" applyFill="1" applyBorder="1" applyAlignment="1">
      <alignment wrapText="1"/>
    </xf>
    <xf numFmtId="0" fontId="0" fillId="3" borderId="0" xfId="0" applyFont="1" applyFill="1" applyBorder="1" applyAlignment="1">
      <alignment horizontal="center" vertical="center" wrapText="1"/>
    </xf>
    <xf numFmtId="0" fontId="0" fillId="0" borderId="0" xfId="0" applyFont="1" applyBorder="1" applyAlignment="1">
      <alignment horizontal="center" vertical="center" wrapText="1"/>
    </xf>
    <xf numFmtId="0" fontId="3" fillId="0" borderId="0" xfId="0" applyNumberFormat="1" applyFont="1" applyAlignment="1"/>
    <xf numFmtId="165" fontId="5" fillId="0" borderId="0" xfId="0" applyNumberFormat="1" applyFont="1" applyFill="1" applyBorder="1" applyAlignment="1"/>
    <xf numFmtId="165" fontId="5" fillId="0" borderId="0" xfId="0" applyNumberFormat="1" applyFont="1" applyBorder="1" applyAlignment="1"/>
    <xf numFmtId="165" fontId="5" fillId="3" borderId="0" xfId="0" applyNumberFormat="1" applyFont="1" applyFill="1" applyBorder="1" applyAlignment="1"/>
    <xf numFmtId="165" fontId="48" fillId="0" borderId="0" xfId="0" applyNumberFormat="1" applyFont="1" applyBorder="1" applyAlignment="1"/>
    <xf numFmtId="0" fontId="20" fillId="0" borderId="0" xfId="0" applyNumberFormat="1" applyFont="1" applyAlignment="1">
      <alignment vertical="center"/>
    </xf>
    <xf numFmtId="0" fontId="20" fillId="0" borderId="0" xfId="3" applyNumberFormat="1" applyFont="1" applyAlignment="1">
      <alignment vertical="center"/>
    </xf>
    <xf numFmtId="165" fontId="20" fillId="0" borderId="0" xfId="0" applyNumberFormat="1" applyFont="1" applyAlignment="1">
      <alignment vertical="center"/>
    </xf>
    <xf numFmtId="165" fontId="48" fillId="0" borderId="0" xfId="0" applyNumberFormat="1" applyFont="1" applyBorder="1" applyAlignment="1">
      <alignment vertical="center"/>
    </xf>
    <xf numFmtId="165" fontId="5" fillId="0" borderId="0" xfId="0" applyNumberFormat="1" applyFont="1" applyFill="1" applyAlignment="1">
      <alignment vertical="center"/>
    </xf>
    <xf numFmtId="165" fontId="5" fillId="0" borderId="0" xfId="0" applyNumberFormat="1" applyFont="1" applyAlignment="1">
      <alignment vertical="center"/>
    </xf>
    <xf numFmtId="165" fontId="5" fillId="3" borderId="0" xfId="0" applyNumberFormat="1" applyFont="1" applyFill="1" applyAlignment="1">
      <alignment vertical="center"/>
    </xf>
    <xf numFmtId="165" fontId="48" fillId="0" borderId="0" xfId="0" applyNumberFormat="1" applyFont="1" applyAlignment="1">
      <alignment vertical="center"/>
    </xf>
    <xf numFmtId="0" fontId="49" fillId="0" borderId="0" xfId="0" applyNumberFormat="1" applyFont="1" applyAlignment="1"/>
    <xf numFmtId="165" fontId="5" fillId="3" borderId="0" xfId="0" applyNumberFormat="1" applyFont="1" applyFill="1" applyBorder="1" applyAlignment="1">
      <alignment horizontal="right" vertical="center"/>
    </xf>
    <xf numFmtId="165" fontId="16" fillId="0" borderId="0" xfId="0" applyNumberFormat="1" applyFont="1" applyFill="1" applyBorder="1" applyAlignment="1">
      <alignment horizontal="right" vertical="center"/>
    </xf>
    <xf numFmtId="165" fontId="16" fillId="3" borderId="0" xfId="0" applyNumberFormat="1" applyFont="1" applyFill="1" applyBorder="1" applyAlignment="1">
      <alignment horizontal="right" vertical="center"/>
    </xf>
    <xf numFmtId="0" fontId="13" fillId="0" borderId="0" xfId="0" applyNumberFormat="1" applyFont="1" applyAlignment="1">
      <alignment vertical="center"/>
    </xf>
    <xf numFmtId="165" fontId="13" fillId="0" borderId="0" xfId="0" applyNumberFormat="1" applyFont="1" applyBorder="1" applyAlignment="1">
      <alignment vertical="center"/>
    </xf>
    <xf numFmtId="165" fontId="13" fillId="3" borderId="0" xfId="0" applyNumberFormat="1" applyFont="1" applyFill="1" applyBorder="1" applyAlignment="1">
      <alignment vertical="center"/>
    </xf>
    <xf numFmtId="0" fontId="20" fillId="0" borderId="0" xfId="0" applyNumberFormat="1" applyFont="1" applyFill="1" applyAlignment="1">
      <alignment vertical="center"/>
    </xf>
    <xf numFmtId="165" fontId="5" fillId="0" borderId="0" xfId="6" applyNumberFormat="1" applyFont="1" applyFill="1" applyAlignment="1"/>
    <xf numFmtId="165" fontId="20" fillId="0" borderId="0" xfId="0" applyNumberFormat="1" applyFont="1" applyFill="1" applyAlignment="1">
      <alignment vertical="center"/>
    </xf>
    <xf numFmtId="165" fontId="16" fillId="0" borderId="0" xfId="6" applyNumberFormat="1" applyFont="1" applyFill="1" applyAlignment="1"/>
    <xf numFmtId="165" fontId="13" fillId="0" borderId="0" xfId="6" applyNumberFormat="1" applyFont="1" applyFill="1" applyAlignment="1"/>
    <xf numFmtId="165" fontId="13" fillId="3" borderId="0" xfId="6" applyNumberFormat="1" applyFont="1" applyFill="1" applyAlignment="1"/>
    <xf numFmtId="165" fontId="24" fillId="0" borderId="0" xfId="0" applyNumberFormat="1" applyFont="1" applyFill="1" applyBorder="1" applyAlignment="1">
      <alignment horizontal="right" vertical="center"/>
    </xf>
    <xf numFmtId="165" fontId="24" fillId="3" borderId="0" xfId="0" applyNumberFormat="1" applyFont="1" applyFill="1" applyBorder="1" applyAlignment="1">
      <alignment horizontal="right" vertical="center"/>
    </xf>
    <xf numFmtId="165" fontId="50" fillId="0" borderId="0" xfId="0" applyNumberFormat="1" applyFont="1" applyAlignment="1">
      <alignment vertical="center"/>
    </xf>
    <xf numFmtId="165" fontId="13" fillId="0" borderId="0" xfId="0" applyNumberFormat="1" applyFont="1" applyAlignment="1">
      <alignment vertical="center"/>
    </xf>
    <xf numFmtId="0" fontId="13" fillId="0" borderId="0" xfId="0" applyNumberFormat="1" applyFont="1" applyBorder="1" applyAlignment="1">
      <alignment vertical="center"/>
    </xf>
    <xf numFmtId="165" fontId="5" fillId="0" borderId="0" xfId="7" applyNumberFormat="1" applyFont="1" applyFill="1" applyBorder="1" applyAlignment="1">
      <alignment vertical="center"/>
    </xf>
    <xf numFmtId="165" fontId="32" fillId="0" borderId="0" xfId="0" applyNumberFormat="1" applyFont="1" applyBorder="1" applyAlignment="1">
      <alignment vertical="center"/>
    </xf>
    <xf numFmtId="165" fontId="32" fillId="0" borderId="0" xfId="0" applyNumberFormat="1" applyFont="1" applyFill="1" applyBorder="1" applyAlignment="1">
      <alignment vertical="center"/>
    </xf>
    <xf numFmtId="165" fontId="16" fillId="0" borderId="0" xfId="7" applyNumberFormat="1" applyFont="1" applyFill="1" applyBorder="1" applyAlignment="1">
      <alignment vertical="center"/>
    </xf>
    <xf numFmtId="0" fontId="13" fillId="0" borderId="0" xfId="0" applyNumberFormat="1" applyFont="1" applyFill="1" applyBorder="1" applyAlignment="1">
      <alignment vertical="center"/>
    </xf>
    <xf numFmtId="165" fontId="23" fillId="0" borderId="0" xfId="0" applyNumberFormat="1" applyFont="1" applyAlignment="1">
      <alignment vertical="center"/>
    </xf>
    <xf numFmtId="165" fontId="5" fillId="0" borderId="0" xfId="7" applyNumberFormat="1" applyFont="1" applyFill="1" applyAlignment="1">
      <alignment vertical="center"/>
    </xf>
    <xf numFmtId="174" fontId="20" fillId="0" borderId="0" xfId="0" applyNumberFormat="1" applyFont="1" applyAlignment="1">
      <alignment vertical="center"/>
    </xf>
    <xf numFmtId="165" fontId="16" fillId="0" borderId="0" xfId="7" applyNumberFormat="1" applyFont="1" applyFill="1" applyBorder="1" applyAlignment="1">
      <alignment horizontal="right" vertical="center"/>
    </xf>
    <xf numFmtId="165" fontId="20" fillId="0" borderId="0" xfId="0" applyNumberFormat="1" applyFont="1" applyBorder="1" applyAlignment="1">
      <alignment vertical="center"/>
    </xf>
    <xf numFmtId="0" fontId="5" fillId="0" borderId="1" xfId="0" applyNumberFormat="1" applyFont="1" applyBorder="1" applyAlignment="1">
      <alignment vertical="center"/>
    </xf>
    <xf numFmtId="165" fontId="13" fillId="2" borderId="1" xfId="0" applyNumberFormat="1" applyFont="1" applyFill="1" applyBorder="1" applyAlignment="1">
      <alignment vertical="center"/>
    </xf>
    <xf numFmtId="165" fontId="13" fillId="0" borderId="1" xfId="0" applyNumberFormat="1" applyFont="1" applyFill="1" applyBorder="1" applyAlignment="1">
      <alignment vertical="center"/>
    </xf>
    <xf numFmtId="165" fontId="5" fillId="0" borderId="1" xfId="0" applyNumberFormat="1" applyFont="1" applyFill="1" applyBorder="1" applyAlignment="1" applyProtection="1">
      <alignment vertical="center"/>
    </xf>
    <xf numFmtId="165" fontId="5" fillId="0" borderId="0" xfId="0" applyNumberFormat="1" applyFont="1" applyFill="1" applyBorder="1" applyAlignment="1" applyProtection="1">
      <alignment vertical="center"/>
    </xf>
    <xf numFmtId="0" fontId="51" fillId="0" borderId="0" xfId="0" applyFont="1" applyBorder="1" applyAlignment="1"/>
    <xf numFmtId="37" fontId="11" fillId="0" borderId="0" xfId="0" quotePrefix="1" applyNumberFormat="1" applyFont="1" applyBorder="1" applyAlignment="1">
      <alignment horizontal="right" vertical="top"/>
    </xf>
    <xf numFmtId="0" fontId="51" fillId="0" borderId="0" xfId="0" applyFont="1" applyBorder="1" applyAlignment="1">
      <alignment vertical="center"/>
    </xf>
    <xf numFmtId="0" fontId="51" fillId="0" borderId="0" xfId="0" applyFont="1"/>
    <xf numFmtId="0" fontId="19" fillId="0" borderId="0" xfId="0" applyNumberFormat="1" applyFont="1" applyAlignment="1">
      <alignment vertical="center"/>
    </xf>
    <xf numFmtId="0" fontId="36" fillId="4" borderId="1" xfId="0" applyFont="1" applyFill="1" applyBorder="1" applyAlignment="1">
      <alignment vertical="center"/>
    </xf>
    <xf numFmtId="0" fontId="0" fillId="4" borderId="1" xfId="0" applyFill="1" applyBorder="1"/>
    <xf numFmtId="0" fontId="0" fillId="4" borderId="0" xfId="0" applyFill="1"/>
    <xf numFmtId="0" fontId="31" fillId="4" borderId="3" xfId="0" applyFont="1" applyFill="1" applyBorder="1"/>
    <xf numFmtId="0" fontId="0" fillId="4" borderId="3" xfId="0" applyFill="1" applyBorder="1"/>
    <xf numFmtId="0" fontId="31" fillId="4" borderId="3" xfId="0" applyFont="1" applyFill="1" applyBorder="1" applyAlignment="1">
      <alignment horizontal="center"/>
    </xf>
    <xf numFmtId="1" fontId="0" fillId="0" borderId="0" xfId="0" applyNumberFormat="1"/>
    <xf numFmtId="0" fontId="35" fillId="0" borderId="0" xfId="0" applyFont="1"/>
    <xf numFmtId="0" fontId="54" fillId="4" borderId="0" xfId="0" applyFont="1" applyFill="1" applyBorder="1" applyAlignment="1">
      <alignment horizontal="left" indent="2"/>
    </xf>
    <xf numFmtId="165" fontId="0" fillId="0" borderId="0" xfId="0" applyNumberFormat="1"/>
    <xf numFmtId="0" fontId="32" fillId="4" borderId="3" xfId="0" applyFont="1" applyFill="1" applyBorder="1" applyAlignment="1">
      <alignment horizontal="center"/>
    </xf>
    <xf numFmtId="0" fontId="30" fillId="0" borderId="0" xfId="0" applyFont="1"/>
    <xf numFmtId="0" fontId="33" fillId="0" borderId="0" xfId="0" applyFont="1" applyFill="1" applyBorder="1"/>
    <xf numFmtId="0" fontId="34" fillId="0" borderId="0" xfId="0" applyFont="1" applyFill="1" applyBorder="1"/>
    <xf numFmtId="0" fontId="30" fillId="0" borderId="0" xfId="0" applyFont="1" applyFill="1" applyBorder="1"/>
    <xf numFmtId="0" fontId="32" fillId="0" borderId="0" xfId="0" applyFont="1" applyFill="1" applyBorder="1"/>
    <xf numFmtId="0" fontId="30" fillId="0" borderId="0" xfId="0" applyFont="1" applyFill="1"/>
    <xf numFmtId="0" fontId="55" fillId="0" borderId="0" xfId="0" applyFont="1" applyFill="1" applyAlignment="1">
      <alignment horizontal="left" indent="1"/>
    </xf>
    <xf numFmtId="0" fontId="0" fillId="0" borderId="0" xfId="0" applyFill="1" applyBorder="1"/>
    <xf numFmtId="0" fontId="0" fillId="0" borderId="0" xfId="0" applyFont="1" applyFill="1" applyBorder="1"/>
    <xf numFmtId="0" fontId="55" fillId="0" borderId="0" xfId="0" applyFont="1" applyAlignment="1">
      <alignment horizontal="left" indent="1"/>
    </xf>
    <xf numFmtId="0" fontId="56" fillId="4" borderId="0" xfId="0" applyFont="1" applyFill="1" applyBorder="1"/>
    <xf numFmtId="0" fontId="32" fillId="4" borderId="0" xfId="0" applyFont="1" applyFill="1" applyBorder="1" applyAlignment="1">
      <alignment horizontal="left" vertical="top" indent="1"/>
    </xf>
    <xf numFmtId="0" fontId="57" fillId="0" borderId="0" xfId="0" applyFont="1"/>
    <xf numFmtId="0" fontId="58" fillId="4" borderId="3" xfId="0" applyFont="1" applyFill="1" applyBorder="1" applyAlignment="1">
      <alignment horizontal="left" vertical="center" wrapText="1" indent="2"/>
    </xf>
    <xf numFmtId="0" fontId="57" fillId="4" borderId="3" xfId="0" applyFont="1" applyFill="1" applyBorder="1" applyAlignment="1">
      <alignment horizontal="center" vertical="center" wrapText="1"/>
    </xf>
    <xf numFmtId="0" fontId="57" fillId="4" borderId="0" xfId="0" applyFont="1" applyFill="1" applyBorder="1" applyAlignment="1">
      <alignment horizontal="left" vertical="center"/>
    </xf>
    <xf numFmtId="173" fontId="61" fillId="4" borderId="0" xfId="0" applyNumberFormat="1" applyFont="1" applyFill="1" applyBorder="1" applyAlignment="1">
      <alignment vertical="center" wrapText="1"/>
    </xf>
    <xf numFmtId="0" fontId="62" fillId="0" borderId="0" xfId="0" applyFont="1" applyFill="1" applyBorder="1" applyAlignment="1">
      <alignment horizontal="left" vertical="center"/>
    </xf>
    <xf numFmtId="173" fontId="64" fillId="0" borderId="0" xfId="0" applyNumberFormat="1" applyFont="1" applyFill="1" applyBorder="1" applyAlignment="1">
      <alignment vertical="center" wrapText="1"/>
    </xf>
    <xf numFmtId="173" fontId="64" fillId="0" borderId="0" xfId="0" applyNumberFormat="1" applyFont="1" applyBorder="1" applyAlignment="1"/>
    <xf numFmtId="0" fontId="57" fillId="0" borderId="1" xfId="0" applyFont="1" applyBorder="1" applyAlignment="1">
      <alignment vertical="top"/>
    </xf>
    <xf numFmtId="173" fontId="65" fillId="0" borderId="1" xfId="0" applyNumberFormat="1" applyFont="1" applyBorder="1" applyAlignment="1">
      <alignment vertical="top"/>
    </xf>
    <xf numFmtId="0" fontId="59" fillId="0" borderId="0" xfId="0" applyFont="1" applyAlignment="1">
      <alignment vertical="top"/>
    </xf>
    <xf numFmtId="0" fontId="32" fillId="0" borderId="0" xfId="0" applyFont="1" applyBorder="1" applyAlignment="1"/>
    <xf numFmtId="173" fontId="66" fillId="0" borderId="0" xfId="0" applyNumberFormat="1" applyFont="1" applyBorder="1" applyAlignment="1">
      <alignment vertical="top"/>
    </xf>
    <xf numFmtId="0" fontId="54" fillId="4" borderId="0" xfId="0" applyFont="1" applyFill="1" applyBorder="1" applyAlignment="1">
      <alignment horizontal="left"/>
    </xf>
    <xf numFmtId="173" fontId="5" fillId="4" borderId="0" xfId="1" applyNumberFormat="1" applyFont="1" applyFill="1" applyBorder="1" applyAlignment="1">
      <alignment vertical="center"/>
    </xf>
    <xf numFmtId="173" fontId="32" fillId="4" borderId="0" xfId="1" applyNumberFormat="1" applyFont="1" applyFill="1"/>
    <xf numFmtId="173" fontId="16" fillId="4" borderId="0" xfId="1" applyNumberFormat="1" applyFont="1" applyFill="1" applyBorder="1" applyAlignment="1">
      <alignment vertical="center"/>
    </xf>
    <xf numFmtId="173" fontId="67" fillId="4" borderId="0" xfId="1" applyNumberFormat="1" applyFont="1" applyFill="1" applyBorder="1"/>
    <xf numFmtId="0" fontId="54" fillId="4" borderId="0" xfId="0" applyFont="1" applyFill="1" applyBorder="1" applyAlignment="1">
      <alignment horizontal="left" indent="1"/>
    </xf>
    <xf numFmtId="0" fontId="41" fillId="4" borderId="0" xfId="0" applyFont="1" applyFill="1" applyBorder="1"/>
    <xf numFmtId="173" fontId="17" fillId="0" borderId="0" xfId="1" applyNumberFormat="1" applyFont="1" applyFill="1" applyBorder="1" applyAlignment="1">
      <alignment vertical="center"/>
    </xf>
    <xf numFmtId="173" fontId="24" fillId="0" borderId="0" xfId="1" applyNumberFormat="1" applyFont="1" applyFill="1" applyBorder="1" applyAlignment="1">
      <alignment vertical="center"/>
    </xf>
    <xf numFmtId="173" fontId="32" fillId="4" borderId="0" xfId="1" applyNumberFormat="1" applyFont="1" applyFill="1" applyBorder="1"/>
    <xf numFmtId="173" fontId="30" fillId="4" borderId="0" xfId="1" applyNumberFormat="1" applyFont="1" applyFill="1"/>
    <xf numFmtId="173" fontId="5" fillId="4" borderId="0" xfId="1" applyNumberFormat="1" applyFont="1" applyFill="1" applyBorder="1" applyAlignment="1">
      <alignment horizontal="right" vertical="center"/>
    </xf>
    <xf numFmtId="173" fontId="16" fillId="4" borderId="0" xfId="1" applyNumberFormat="1" applyFont="1" applyFill="1" applyBorder="1" applyAlignment="1">
      <alignment horizontal="right" vertical="center"/>
    </xf>
    <xf numFmtId="173" fontId="67" fillId="4" borderId="0" xfId="1" applyNumberFormat="1" applyFont="1" applyFill="1"/>
    <xf numFmtId="0" fontId="0" fillId="4" borderId="6" xfId="0" applyFill="1" applyBorder="1"/>
    <xf numFmtId="0" fontId="0" fillId="0" borderId="6" xfId="0" applyFill="1" applyBorder="1"/>
    <xf numFmtId="165" fontId="24" fillId="0" borderId="6" xfId="0" applyNumberFormat="1" applyFont="1" applyFill="1" applyBorder="1" applyAlignment="1">
      <alignment vertical="center"/>
    </xf>
    <xf numFmtId="165" fontId="17" fillId="0" borderId="6" xfId="0" applyNumberFormat="1" applyFont="1" applyFill="1" applyBorder="1" applyAlignment="1">
      <alignment vertical="center"/>
    </xf>
    <xf numFmtId="0" fontId="0" fillId="4" borderId="4" xfId="0" applyFill="1" applyBorder="1"/>
    <xf numFmtId="0" fontId="0" fillId="0" borderId="1" xfId="0" applyFill="1" applyBorder="1" applyAlignment="1">
      <alignment vertical="center"/>
    </xf>
    <xf numFmtId="0" fontId="12" fillId="0" borderId="2" xfId="0" applyFont="1" applyBorder="1" applyAlignment="1">
      <alignment vertical="center"/>
    </xf>
    <xf numFmtId="0" fontId="3" fillId="0" borderId="0" xfId="0" applyFont="1" applyFill="1" applyBorder="1" applyAlignment="1"/>
    <xf numFmtId="0" fontId="12" fillId="0" borderId="2" xfId="0" applyFont="1" applyBorder="1" applyAlignment="1"/>
    <xf numFmtId="0" fontId="0" fillId="0" borderId="2" xfId="0" applyBorder="1" applyAlignment="1"/>
    <xf numFmtId="0" fontId="12" fillId="0" borderId="2" xfId="0" applyFont="1" applyFill="1" applyBorder="1" applyAlignment="1">
      <alignment horizontal="center"/>
    </xf>
    <xf numFmtId="0" fontId="3" fillId="0" borderId="0" xfId="0" applyFont="1" applyFill="1" applyBorder="1" applyAlignment="1">
      <alignment horizontal="center" wrapText="1"/>
    </xf>
    <xf numFmtId="0" fontId="12" fillId="0" borderId="2" xfId="0" applyFont="1" applyFill="1" applyBorder="1" applyAlignment="1">
      <alignment horizontal="center" wrapText="1"/>
    </xf>
    <xf numFmtId="0" fontId="12" fillId="0" borderId="0" xfId="0" applyFont="1" applyBorder="1" applyAlignment="1">
      <alignment horizontal="center" vertical="center"/>
    </xf>
    <xf numFmtId="0" fontId="12" fillId="0" borderId="1" xfId="0" applyFont="1" applyBorder="1" applyAlignment="1">
      <alignment vertical="center"/>
    </xf>
    <xf numFmtId="0" fontId="0" fillId="0" borderId="1" xfId="0" applyBorder="1" applyAlignment="1">
      <alignment vertical="center" wrapText="1"/>
    </xf>
    <xf numFmtId="0" fontId="12" fillId="0" borderId="1" xfId="0" applyFont="1" applyBorder="1" applyAlignment="1">
      <alignment horizontal="center" vertical="center"/>
    </xf>
    <xf numFmtId="0" fontId="12" fillId="0" borderId="1" xfId="0" applyFont="1" applyFill="1" applyBorder="1" applyAlignment="1">
      <alignment horizontal="center" vertical="center"/>
    </xf>
    <xf numFmtId="0" fontId="11" fillId="0" borderId="0" xfId="0" applyFont="1" applyBorder="1" applyAlignment="1">
      <alignment horizontal="left" vertical="center"/>
    </xf>
    <xf numFmtId="0" fontId="0" fillId="0" borderId="0" xfId="0" applyBorder="1" applyAlignment="1">
      <alignment vertical="center" wrapText="1"/>
    </xf>
    <xf numFmtId="0" fontId="12" fillId="0" borderId="0" xfId="0" applyFont="1" applyFill="1" applyBorder="1" applyAlignment="1">
      <alignment horizontal="center" vertical="center"/>
    </xf>
    <xf numFmtId="165" fontId="3" fillId="0" borderId="0" xfId="0" applyNumberFormat="1" applyFont="1" applyBorder="1" applyAlignment="1">
      <alignment vertical="center"/>
    </xf>
    <xf numFmtId="165" fontId="3" fillId="0" borderId="0" xfId="0" applyNumberFormat="1" applyFont="1" applyFill="1" applyBorder="1" applyAlignment="1">
      <alignment vertical="center"/>
    </xf>
    <xf numFmtId="165" fontId="3" fillId="2" borderId="0" xfId="0" applyNumberFormat="1" applyFont="1" applyFill="1" applyBorder="1" applyAlignment="1">
      <alignment vertical="center"/>
    </xf>
    <xf numFmtId="165" fontId="3" fillId="0" borderId="0" xfId="0" applyNumberFormat="1" applyFont="1" applyBorder="1" applyAlignment="1">
      <alignment horizontal="center" vertical="center"/>
    </xf>
    <xf numFmtId="0" fontId="10" fillId="0" borderId="0" xfId="0" applyFont="1" applyBorder="1" applyAlignment="1">
      <alignment horizontal="left" vertical="center"/>
    </xf>
    <xf numFmtId="165" fontId="5" fillId="2" borderId="0" xfId="0" applyNumberFormat="1" applyFont="1" applyFill="1" applyBorder="1" applyAlignment="1">
      <alignment vertical="center"/>
    </xf>
    <xf numFmtId="0" fontId="10" fillId="0" borderId="0" xfId="0" applyFont="1" applyBorder="1" applyAlignment="1">
      <alignment vertical="center"/>
    </xf>
    <xf numFmtId="0" fontId="2" fillId="0" borderId="0" xfId="0" applyFont="1" applyBorder="1" applyAlignment="1">
      <alignment horizontal="left" vertical="center"/>
    </xf>
    <xf numFmtId="0" fontId="2" fillId="0" borderId="0" xfId="0" applyNumberFormat="1" applyFont="1" applyBorder="1" applyAlignment="1">
      <alignment horizontal="left" vertical="top"/>
    </xf>
    <xf numFmtId="0" fontId="2" fillId="0" borderId="0" xfId="0" applyNumberFormat="1" applyFont="1" applyBorder="1" applyAlignment="1">
      <alignment horizontal="left" vertical="center"/>
    </xf>
    <xf numFmtId="165" fontId="42" fillId="0" borderId="0" xfId="0" applyNumberFormat="1" applyFont="1" applyFill="1" applyBorder="1" applyAlignment="1">
      <alignment vertical="center"/>
    </xf>
    <xf numFmtId="165" fontId="24" fillId="2" borderId="0" xfId="0" applyNumberFormat="1" applyFont="1" applyFill="1" applyBorder="1" applyAlignment="1">
      <alignment vertical="center"/>
    </xf>
    <xf numFmtId="165" fontId="16" fillId="2" borderId="0" xfId="0" applyNumberFormat="1" applyFont="1" applyFill="1" applyBorder="1" applyAlignment="1">
      <alignment vertical="center"/>
    </xf>
    <xf numFmtId="165" fontId="17" fillId="2" borderId="0" xfId="0" applyNumberFormat="1" applyFont="1" applyFill="1" applyBorder="1" applyAlignment="1">
      <alignment vertical="center"/>
    </xf>
    <xf numFmtId="0" fontId="3" fillId="0" borderId="1" xfId="0" applyFont="1" applyBorder="1" applyAlignment="1">
      <alignment vertical="center"/>
    </xf>
    <xf numFmtId="165" fontId="3" fillId="0" borderId="1" xfId="0" applyNumberFormat="1" applyFont="1" applyBorder="1" applyAlignment="1">
      <alignment vertical="center"/>
    </xf>
    <xf numFmtId="165" fontId="3" fillId="0" borderId="1" xfId="0" applyNumberFormat="1" applyFont="1" applyFill="1" applyBorder="1" applyAlignment="1">
      <alignment vertical="center"/>
    </xf>
    <xf numFmtId="0" fontId="11" fillId="0" borderId="0" xfId="0" applyFont="1" applyBorder="1" applyAlignment="1">
      <alignment vertical="top"/>
    </xf>
    <xf numFmtId="0" fontId="68" fillId="0" borderId="0" xfId="0" applyFont="1" applyBorder="1" applyAlignment="1">
      <alignment vertical="center"/>
    </xf>
    <xf numFmtId="0" fontId="4" fillId="0" borderId="1" xfId="8" applyFont="1" applyBorder="1" applyAlignment="1">
      <alignment vertical="center"/>
    </xf>
    <xf numFmtId="0" fontId="23" fillId="0" borderId="1" xfId="8" applyFont="1" applyBorder="1" applyAlignment="1">
      <alignment vertical="center"/>
    </xf>
    <xf numFmtId="0" fontId="23" fillId="0" borderId="1" xfId="8" applyFont="1" applyFill="1" applyBorder="1" applyAlignment="1">
      <alignment vertical="center"/>
    </xf>
    <xf numFmtId="0" fontId="23" fillId="0" borderId="0" xfId="8" applyFont="1" applyBorder="1" applyAlignment="1">
      <alignment vertical="center"/>
    </xf>
    <xf numFmtId="0" fontId="23" fillId="0" borderId="2" xfId="8" applyFont="1" applyBorder="1" applyAlignment="1">
      <alignment vertical="center"/>
    </xf>
    <xf numFmtId="0" fontId="3" fillId="2" borderId="2" xfId="8" applyFont="1" applyFill="1" applyBorder="1" applyAlignment="1">
      <alignment horizontal="center"/>
    </xf>
    <xf numFmtId="0" fontId="23" fillId="0" borderId="2" xfId="8" applyFont="1" applyBorder="1" applyAlignment="1"/>
    <xf numFmtId="0" fontId="3" fillId="2" borderId="0" xfId="8" applyFont="1" applyFill="1" applyBorder="1" applyAlignment="1">
      <alignment horizontal="center"/>
    </xf>
    <xf numFmtId="0" fontId="3" fillId="0" borderId="0" xfId="8" applyFont="1" applyFill="1" applyBorder="1" applyAlignment="1">
      <alignment horizontal="center"/>
    </xf>
    <xf numFmtId="0" fontId="3" fillId="0" borderId="1" xfId="8" applyFont="1" applyBorder="1" applyAlignment="1">
      <alignment horizontal="left" vertical="center"/>
    </xf>
    <xf numFmtId="0" fontId="3" fillId="0" borderId="1" xfId="8" applyFont="1" applyBorder="1" applyAlignment="1">
      <alignment horizontal="center" vertical="center" wrapText="1"/>
    </xf>
    <xf numFmtId="0" fontId="3" fillId="2" borderId="1" xfId="8" applyFont="1" applyFill="1" applyBorder="1" applyAlignment="1">
      <alignment horizontal="center" vertical="center"/>
    </xf>
    <xf numFmtId="0" fontId="3" fillId="0" borderId="1" xfId="8" applyFont="1" applyBorder="1" applyAlignment="1">
      <alignment horizontal="center" vertical="center"/>
    </xf>
    <xf numFmtId="0" fontId="3" fillId="0" borderId="1" xfId="8" applyFont="1" applyFill="1" applyBorder="1" applyAlignment="1">
      <alignment horizontal="center" vertical="center"/>
    </xf>
    <xf numFmtId="0" fontId="3" fillId="0" borderId="0" xfId="8" applyFont="1" applyBorder="1" applyAlignment="1">
      <alignment horizontal="left" vertical="center"/>
    </xf>
    <xf numFmtId="0" fontId="3" fillId="0" borderId="0" xfId="8" applyFont="1" applyBorder="1" applyAlignment="1">
      <alignment horizontal="center" vertical="center" wrapText="1"/>
    </xf>
    <xf numFmtId="0" fontId="3" fillId="2" borderId="0" xfId="8" applyFont="1" applyFill="1" applyBorder="1" applyAlignment="1">
      <alignment horizontal="center" vertical="center"/>
    </xf>
    <xf numFmtId="0" fontId="3" fillId="0" borderId="0" xfId="8" applyFont="1" applyBorder="1" applyAlignment="1">
      <alignment horizontal="center" vertical="center"/>
    </xf>
    <xf numFmtId="0" fontId="3" fillId="0" borderId="0" xfId="8" applyFont="1" applyFill="1" applyBorder="1" applyAlignment="1">
      <alignment horizontal="center" vertical="center"/>
    </xf>
    <xf numFmtId="0" fontId="13" fillId="0" borderId="0" xfId="8" applyFont="1" applyBorder="1" applyAlignment="1">
      <alignment vertical="center"/>
    </xf>
    <xf numFmtId="0" fontId="5" fillId="0" borderId="0" xfId="8" applyFont="1" applyBorder="1" applyAlignment="1">
      <alignment vertical="center"/>
    </xf>
    <xf numFmtId="165" fontId="5" fillId="0" borderId="0" xfId="8" applyNumberFormat="1" applyFont="1" applyBorder="1" applyAlignment="1">
      <alignment vertical="center"/>
    </xf>
    <xf numFmtId="165" fontId="5" fillId="2" borderId="0" xfId="8" applyNumberFormat="1" applyFont="1" applyFill="1" applyBorder="1" applyAlignment="1">
      <alignment vertical="center"/>
    </xf>
    <xf numFmtId="165" fontId="5" fillId="0" borderId="0" xfId="8" applyNumberFormat="1" applyFont="1" applyFill="1" applyBorder="1" applyAlignment="1">
      <alignment vertical="center"/>
    </xf>
    <xf numFmtId="3" fontId="5" fillId="0" borderId="0" xfId="8" applyNumberFormat="1" applyFont="1" applyBorder="1" applyAlignment="1">
      <alignment vertical="center"/>
    </xf>
    <xf numFmtId="165" fontId="16" fillId="0" borderId="0" xfId="8" applyNumberFormat="1" applyFont="1" applyBorder="1" applyAlignment="1">
      <alignment vertical="center"/>
    </xf>
    <xf numFmtId="165" fontId="16" fillId="0" borderId="0" xfId="8" applyNumberFormat="1" applyFont="1" applyFill="1" applyBorder="1" applyAlignment="1">
      <alignment vertical="center"/>
    </xf>
    <xf numFmtId="0" fontId="40" fillId="0" borderId="0" xfId="8" applyFont="1" applyFill="1" applyBorder="1" applyAlignment="1">
      <alignment vertical="center"/>
    </xf>
    <xf numFmtId="0" fontId="5" fillId="0" borderId="0" xfId="8" applyFont="1" applyBorder="1" applyAlignment="1">
      <alignment horizontal="left" vertical="center"/>
    </xf>
    <xf numFmtId="165" fontId="13" fillId="0" borderId="0" xfId="8" applyNumberFormat="1" applyFont="1" applyBorder="1" applyAlignment="1">
      <alignment vertical="center"/>
    </xf>
    <xf numFmtId="165" fontId="13" fillId="2" borderId="0" xfId="8" applyNumberFormat="1" applyFont="1" applyFill="1" applyBorder="1" applyAlignment="1">
      <alignment vertical="center"/>
    </xf>
    <xf numFmtId="165" fontId="13" fillId="0" borderId="0" xfId="8" applyNumberFormat="1" applyFont="1" applyFill="1" applyBorder="1" applyAlignment="1">
      <alignment vertical="center"/>
    </xf>
    <xf numFmtId="0" fontId="44" fillId="0" borderId="0" xfId="8" applyBorder="1" applyAlignment="1">
      <alignment vertical="center"/>
    </xf>
    <xf numFmtId="0" fontId="13" fillId="0" borderId="0" xfId="8" applyFont="1" applyBorder="1" applyAlignment="1">
      <alignment horizontal="left" vertical="center" indent="1"/>
    </xf>
    <xf numFmtId="165" fontId="17" fillId="0" borderId="0" xfId="8" applyNumberFormat="1" applyFont="1" applyBorder="1" applyAlignment="1">
      <alignment vertical="center"/>
    </xf>
    <xf numFmtId="165" fontId="17" fillId="0" borderId="0" xfId="8" applyNumberFormat="1" applyFont="1" applyFill="1" applyBorder="1" applyAlignment="1">
      <alignment vertical="center"/>
    </xf>
    <xf numFmtId="165" fontId="44" fillId="0" borderId="0" xfId="8" applyNumberFormat="1" applyFill="1" applyBorder="1" applyAlignment="1">
      <alignment vertical="center"/>
    </xf>
    <xf numFmtId="0" fontId="44" fillId="0" borderId="0" xfId="8" applyFill="1" applyBorder="1" applyAlignment="1">
      <alignment vertical="center"/>
    </xf>
    <xf numFmtId="0" fontId="13" fillId="0" borderId="0" xfId="8" applyFont="1" applyBorder="1" applyAlignment="1">
      <alignment horizontal="left" vertical="center"/>
    </xf>
    <xf numFmtId="0" fontId="5" fillId="0" borderId="1" xfId="8" applyFont="1" applyBorder="1" applyAlignment="1">
      <alignment vertical="center"/>
    </xf>
    <xf numFmtId="0" fontId="5" fillId="2" borderId="1" xfId="8" applyFont="1" applyFill="1" applyBorder="1" applyAlignment="1">
      <alignment vertical="center"/>
    </xf>
    <xf numFmtId="0" fontId="5" fillId="0" borderId="1" xfId="8" applyFont="1" applyFill="1" applyBorder="1" applyAlignment="1">
      <alignment vertical="center"/>
    </xf>
    <xf numFmtId="0" fontId="5" fillId="0" borderId="0" xfId="8" applyFont="1" applyFill="1" applyBorder="1" applyAlignment="1">
      <alignment vertical="center"/>
    </xf>
    <xf numFmtId="0" fontId="11" fillId="0" borderId="0" xfId="8" quotePrefix="1" applyFont="1" applyBorder="1" applyAlignment="1">
      <alignment vertical="top"/>
    </xf>
    <xf numFmtId="0" fontId="12" fillId="0" borderId="0" xfId="8" applyFont="1" applyBorder="1" applyAlignment="1">
      <alignment vertical="center"/>
    </xf>
    <xf numFmtId="0" fontId="23" fillId="0" borderId="0" xfId="8" applyFont="1" applyFill="1" applyBorder="1" applyAlignment="1">
      <alignment vertical="center"/>
    </xf>
    <xf numFmtId="165" fontId="23" fillId="0" borderId="0" xfId="8" applyNumberFormat="1" applyFont="1" applyBorder="1" applyAlignment="1">
      <alignment vertical="center"/>
    </xf>
    <xf numFmtId="165" fontId="21" fillId="0" borderId="0" xfId="0" applyNumberFormat="1" applyFont="1" applyFill="1" applyBorder="1" applyAlignment="1">
      <alignment horizontal="right"/>
    </xf>
    <xf numFmtId="0" fontId="70" fillId="0" borderId="0" xfId="0" applyFont="1" applyBorder="1"/>
    <xf numFmtId="0" fontId="42" fillId="0" borderId="0" xfId="0" applyFont="1" applyBorder="1" applyAlignment="1">
      <alignment vertical="center"/>
    </xf>
    <xf numFmtId="0" fontId="72" fillId="0" borderId="0" xfId="0" applyFont="1" applyBorder="1"/>
    <xf numFmtId="0" fontId="72" fillId="0" borderId="0" xfId="0" applyFont="1" applyFill="1" applyBorder="1"/>
    <xf numFmtId="0" fontId="12" fillId="0" borderId="2" xfId="0" applyFont="1" applyBorder="1" applyAlignment="1">
      <alignment vertical="top"/>
    </xf>
    <xf numFmtId="0" fontId="12" fillId="0" borderId="2" xfId="0" applyFont="1" applyBorder="1" applyAlignment="1">
      <alignment horizontal="center" vertical="top"/>
    </xf>
    <xf numFmtId="0" fontId="12" fillId="0" borderId="2" xfId="0" applyFont="1" applyBorder="1" applyAlignment="1">
      <alignment horizontal="center" vertical="center"/>
    </xf>
    <xf numFmtId="0" fontId="12" fillId="2" borderId="2" xfId="0" applyFont="1" applyFill="1" applyBorder="1" applyAlignment="1">
      <alignment horizontal="center" vertical="top"/>
    </xf>
    <xf numFmtId="0" fontId="12" fillId="0" borderId="3" xfId="0" applyFont="1" applyBorder="1" applyAlignment="1">
      <alignment horizontal="center" vertical="top"/>
    </xf>
    <xf numFmtId="0" fontId="12" fillId="0" borderId="3" xfId="0" applyFont="1" applyBorder="1" applyAlignment="1">
      <alignment vertical="top"/>
    </xf>
    <xf numFmtId="0" fontId="12" fillId="0" borderId="3" xfId="0" applyFont="1" applyBorder="1" applyAlignment="1">
      <alignment horizontal="center" vertical="center"/>
    </xf>
    <xf numFmtId="0" fontId="70" fillId="0" borderId="0" xfId="0" applyFont="1" applyBorder="1" applyAlignment="1">
      <alignment vertical="top"/>
    </xf>
    <xf numFmtId="0" fontId="12" fillId="0" borderId="0" xfId="0" applyFont="1" applyBorder="1" applyAlignment="1">
      <alignment vertical="top"/>
    </xf>
    <xf numFmtId="49" fontId="12" fillId="0" borderId="0" xfId="0" applyNumberFormat="1" applyFont="1" applyBorder="1" applyAlignment="1">
      <alignment horizontal="center" vertical="top"/>
    </xf>
    <xf numFmtId="49" fontId="12" fillId="0" borderId="0" xfId="0" applyNumberFormat="1" applyFont="1" applyBorder="1" applyAlignment="1">
      <alignment horizontal="center" vertical="center"/>
    </xf>
    <xf numFmtId="0" fontId="12" fillId="0" borderId="0" xfId="0" applyFont="1" applyBorder="1" applyAlignment="1">
      <alignment horizontal="center" vertical="top"/>
    </xf>
    <xf numFmtId="0" fontId="12" fillId="2" borderId="0" xfId="0" applyFont="1" applyFill="1" applyBorder="1" applyAlignment="1">
      <alignment horizontal="center" vertical="top"/>
    </xf>
    <xf numFmtId="49" fontId="12" fillId="0" borderId="0" xfId="0" applyNumberFormat="1" applyFont="1" applyBorder="1" applyAlignment="1">
      <alignment vertical="top"/>
    </xf>
    <xf numFmtId="0" fontId="12" fillId="0" borderId="2" xfId="0" applyFont="1" applyBorder="1" applyAlignment="1">
      <alignment horizontal="center" vertical="center" wrapText="1"/>
    </xf>
    <xf numFmtId="0" fontId="12" fillId="0" borderId="1" xfId="0" applyFont="1" applyBorder="1" applyAlignment="1">
      <alignment vertical="top"/>
    </xf>
    <xf numFmtId="0" fontId="12" fillId="0" borderId="1" xfId="0" applyFont="1" applyBorder="1" applyAlignment="1">
      <alignment horizontal="left" vertical="center"/>
    </xf>
    <xf numFmtId="49" fontId="12" fillId="0" borderId="1" xfId="0" applyNumberFormat="1" applyFont="1" applyBorder="1" applyAlignment="1">
      <alignment horizontal="center" vertical="top"/>
    </xf>
    <xf numFmtId="49" fontId="12" fillId="0" borderId="1" xfId="0" applyNumberFormat="1" applyFont="1" applyBorder="1" applyAlignment="1">
      <alignment horizontal="center" vertical="center"/>
    </xf>
    <xf numFmtId="0" fontId="12" fillId="0" borderId="1" xfId="0" applyFont="1" applyBorder="1" applyAlignment="1">
      <alignment horizontal="center" vertical="top"/>
    </xf>
    <xf numFmtId="0" fontId="12" fillId="2" borderId="1" xfId="0" applyFont="1" applyFill="1" applyBorder="1" applyAlignment="1">
      <alignment horizontal="right" vertical="top"/>
    </xf>
    <xf numFmtId="49" fontId="12" fillId="0" borderId="1" xfId="0" applyNumberFormat="1" applyFont="1" applyBorder="1" applyAlignment="1">
      <alignment vertical="top"/>
    </xf>
    <xf numFmtId="0" fontId="11" fillId="0" borderId="1" xfId="0" quotePrefix="1" applyFont="1" applyBorder="1" applyAlignment="1">
      <alignment vertical="top"/>
    </xf>
    <xf numFmtId="0" fontId="12" fillId="0" borderId="0" xfId="0" applyFont="1" applyBorder="1"/>
    <xf numFmtId="0" fontId="12" fillId="0" borderId="0" xfId="0" applyFont="1" applyBorder="1" applyAlignment="1">
      <alignment horizontal="center"/>
    </xf>
    <xf numFmtId="0" fontId="12" fillId="2" borderId="0" xfId="0" applyFont="1" applyFill="1" applyBorder="1"/>
    <xf numFmtId="0" fontId="42" fillId="0" borderId="0" xfId="0" applyFont="1" applyBorder="1"/>
    <xf numFmtId="0" fontId="3" fillId="0" borderId="0" xfId="0" applyFont="1" applyBorder="1"/>
    <xf numFmtId="0" fontId="44" fillId="0" borderId="0" xfId="0" applyFont="1" applyBorder="1"/>
    <xf numFmtId="0" fontId="73" fillId="0" borderId="0" xfId="0" applyFont="1" applyAlignment="1"/>
    <xf numFmtId="0" fontId="73" fillId="0" borderId="0" xfId="0" applyFont="1" applyAlignment="1">
      <alignment wrapText="1"/>
    </xf>
    <xf numFmtId="0" fontId="3" fillId="0" borderId="0" xfId="0" applyFont="1" applyBorder="1" applyAlignment="1">
      <alignment horizontal="right"/>
    </xf>
    <xf numFmtId="0" fontId="3" fillId="0" borderId="0" xfId="0" applyFont="1" applyBorder="1" applyAlignment="1">
      <alignment horizontal="center"/>
    </xf>
    <xf numFmtId="0" fontId="71" fillId="0" borderId="0" xfId="0" applyFont="1" applyBorder="1" applyAlignment="1">
      <alignment horizontal="center"/>
    </xf>
    <xf numFmtId="165" fontId="3" fillId="0" borderId="0" xfId="0" applyNumberFormat="1" applyFont="1" applyBorder="1"/>
    <xf numFmtId="165" fontId="3" fillId="2" borderId="0" xfId="0" applyNumberFormat="1" applyFont="1" applyFill="1" applyBorder="1"/>
    <xf numFmtId="0" fontId="42" fillId="0" borderId="0" xfId="0" applyFont="1" applyFill="1" applyBorder="1"/>
    <xf numFmtId="0" fontId="3" fillId="0" borderId="0" xfId="0" applyFont="1" applyFill="1" applyBorder="1"/>
    <xf numFmtId="0" fontId="3" fillId="0" borderId="0" xfId="0" applyFont="1" applyBorder="1" applyAlignment="1">
      <alignment horizontal="right" vertical="center"/>
    </xf>
    <xf numFmtId="49" fontId="74" fillId="0" borderId="0" xfId="0" quotePrefix="1" applyNumberFormat="1" applyFont="1" applyBorder="1" applyAlignment="1">
      <alignment horizontal="center" vertical="center"/>
    </xf>
    <xf numFmtId="0" fontId="3" fillId="0" borderId="0" xfId="0" quotePrefix="1" applyFont="1" applyFill="1" applyBorder="1" applyAlignment="1">
      <alignment horizontal="right" vertical="center"/>
    </xf>
    <xf numFmtId="165" fontId="3" fillId="0" borderId="0" xfId="0" applyNumberFormat="1" applyFont="1" applyFill="1" applyBorder="1" applyAlignment="1">
      <alignment horizontal="right"/>
    </xf>
    <xf numFmtId="165" fontId="3" fillId="0" borderId="0" xfId="0" applyNumberFormat="1" applyFont="1" applyBorder="1" applyAlignment="1">
      <alignment horizontal="right"/>
    </xf>
    <xf numFmtId="165" fontId="3" fillId="2" borderId="0" xfId="0" applyNumberFormat="1" applyFont="1" applyFill="1" applyBorder="1" applyAlignment="1">
      <alignment horizontal="right"/>
    </xf>
    <xf numFmtId="0" fontId="2" fillId="0" borderId="0" xfId="0" quotePrefix="1" applyFont="1" applyBorder="1" applyAlignment="1">
      <alignment horizontal="right"/>
    </xf>
    <xf numFmtId="0" fontId="3" fillId="0" borderId="0" xfId="0" applyFont="1" applyBorder="1" applyAlignment="1"/>
    <xf numFmtId="0" fontId="3" fillId="0" borderId="0" xfId="0" applyFont="1" applyFill="1" applyBorder="1" applyAlignment="1">
      <alignment vertical="center"/>
    </xf>
    <xf numFmtId="0" fontId="21" fillId="0" borderId="0" xfId="0" applyFont="1" applyBorder="1" applyAlignment="1"/>
    <xf numFmtId="0" fontId="21" fillId="0" borderId="0" xfId="0" applyFont="1" applyBorder="1"/>
    <xf numFmtId="49" fontId="12" fillId="0" borderId="0" xfId="0" quotePrefix="1" applyNumberFormat="1" applyFont="1" applyBorder="1" applyAlignment="1">
      <alignment horizontal="center" vertical="center"/>
    </xf>
    <xf numFmtId="0" fontId="49" fillId="0" borderId="0" xfId="0" applyFont="1" applyBorder="1" applyAlignment="1"/>
    <xf numFmtId="0" fontId="42" fillId="0" borderId="0" xfId="0" applyFont="1" applyFill="1" applyBorder="1" applyAlignment="1">
      <alignment vertical="center"/>
    </xf>
    <xf numFmtId="0" fontId="42" fillId="0" borderId="0" xfId="0" quotePrefix="1" applyFont="1" applyFill="1" applyBorder="1" applyAlignment="1">
      <alignment horizontal="right" vertical="center"/>
    </xf>
    <xf numFmtId="165" fontId="42" fillId="0" borderId="0" xfId="0" applyNumberFormat="1" applyFont="1" applyBorder="1" applyAlignment="1">
      <alignment horizontal="right"/>
    </xf>
    <xf numFmtId="0" fontId="42" fillId="0" borderId="0" xfId="0" applyFont="1" applyBorder="1" applyAlignment="1">
      <alignment horizontal="right"/>
    </xf>
    <xf numFmtId="165" fontId="42" fillId="2" borderId="0" xfId="0" applyNumberFormat="1" applyFont="1" applyFill="1" applyBorder="1" applyAlignment="1">
      <alignment horizontal="right"/>
    </xf>
    <xf numFmtId="0" fontId="6" fillId="0" borderId="0" xfId="0" quotePrefix="1" applyFont="1" applyBorder="1" applyAlignment="1">
      <alignment horizontal="right"/>
    </xf>
    <xf numFmtId="165" fontId="45" fillId="0" borderId="0" xfId="0" applyNumberFormat="1" applyFont="1" applyBorder="1" applyAlignment="1">
      <alignment horizontal="right"/>
    </xf>
    <xf numFmtId="0" fontId="70" fillId="0" borderId="0" xfId="0" applyFont="1" applyBorder="1" applyAlignment="1"/>
    <xf numFmtId="0" fontId="3" fillId="0" borderId="1" xfId="0" applyFont="1" applyBorder="1"/>
    <xf numFmtId="0" fontId="3" fillId="0" borderId="1" xfId="0" applyFont="1" applyBorder="1" applyAlignment="1">
      <alignment horizontal="right"/>
    </xf>
    <xf numFmtId="0" fontId="3" fillId="0" borderId="1" xfId="0" applyFont="1" applyBorder="1" applyAlignment="1">
      <alignment horizontal="right" vertical="center"/>
    </xf>
    <xf numFmtId="165" fontId="3" fillId="0" borderId="1" xfId="0" applyNumberFormat="1" applyFont="1" applyBorder="1" applyAlignment="1">
      <alignment horizontal="right"/>
    </xf>
    <xf numFmtId="0" fontId="3" fillId="0" borderId="0" xfId="0" applyFont="1" applyFill="1" applyBorder="1" applyAlignment="1">
      <alignment horizontal="right"/>
    </xf>
    <xf numFmtId="165" fontId="3" fillId="0" borderId="0" xfId="0" applyNumberFormat="1" applyFont="1" applyBorder="1" applyAlignment="1"/>
    <xf numFmtId="0" fontId="2" fillId="0" borderId="0" xfId="0" quotePrefix="1" applyFont="1" applyBorder="1" applyAlignment="1">
      <alignment horizontal="left"/>
    </xf>
    <xf numFmtId="49" fontId="12" fillId="0" borderId="0" xfId="0" quotePrefix="1" applyNumberFormat="1" applyFont="1" applyBorder="1" applyAlignment="1">
      <alignment horizontal="center"/>
    </xf>
    <xf numFmtId="165" fontId="3" fillId="0" borderId="0" xfId="0" applyNumberFormat="1" applyFont="1" applyFill="1" applyBorder="1" applyAlignment="1"/>
    <xf numFmtId="0" fontId="2" fillId="0" borderId="0" xfId="0" quotePrefix="1" applyFont="1" applyFill="1" applyBorder="1" applyAlignment="1">
      <alignment horizontal="left"/>
    </xf>
    <xf numFmtId="0" fontId="75" fillId="0" borderId="0" xfId="0" applyFont="1" applyBorder="1"/>
    <xf numFmtId="49" fontId="12" fillId="0" borderId="0" xfId="0" applyNumberFormat="1" applyFont="1" applyBorder="1" applyAlignment="1">
      <alignment horizontal="center"/>
    </xf>
    <xf numFmtId="0" fontId="3" fillId="0" borderId="0" xfId="9" applyFont="1" applyBorder="1" applyAlignment="1">
      <alignment vertical="center"/>
    </xf>
    <xf numFmtId="0" fontId="3" fillId="0" borderId="0" xfId="9" applyFont="1" applyBorder="1" applyAlignment="1">
      <alignment horizontal="right" vertical="center"/>
    </xf>
    <xf numFmtId="49" fontId="12" fillId="0" borderId="0" xfId="9" applyNumberFormat="1" applyFont="1" applyBorder="1" applyAlignment="1">
      <alignment horizontal="center" vertical="center"/>
    </xf>
    <xf numFmtId="0" fontId="3" fillId="0" borderId="0" xfId="9" applyFont="1" applyFill="1" applyBorder="1" applyAlignment="1">
      <alignment horizontal="right" vertical="center"/>
    </xf>
    <xf numFmtId="165" fontId="45" fillId="0" borderId="0" xfId="9" applyNumberFormat="1" applyFont="1" applyFill="1" applyBorder="1" applyAlignment="1">
      <alignment vertical="center"/>
    </xf>
    <xf numFmtId="0" fontId="45" fillId="0" borderId="0" xfId="9" applyFont="1" applyBorder="1" applyAlignment="1">
      <alignment vertical="center"/>
    </xf>
    <xf numFmtId="165" fontId="45" fillId="0" borderId="0" xfId="9" applyNumberFormat="1" applyFont="1" applyBorder="1" applyAlignment="1">
      <alignment vertical="center"/>
    </xf>
    <xf numFmtId="165" fontId="3" fillId="2" borderId="0" xfId="9" applyNumberFormat="1" applyFont="1" applyFill="1" applyBorder="1" applyAlignment="1">
      <alignment horizontal="right" vertical="center"/>
    </xf>
    <xf numFmtId="165" fontId="3" fillId="0" borderId="0" xfId="9" applyNumberFormat="1" applyFont="1" applyFill="1" applyBorder="1" applyAlignment="1">
      <alignment vertical="center"/>
    </xf>
    <xf numFmtId="0" fontId="42" fillId="0" borderId="2" xfId="0" applyFont="1" applyFill="1" applyBorder="1"/>
    <xf numFmtId="0" fontId="3" fillId="0" borderId="2" xfId="0" applyFont="1" applyFill="1" applyBorder="1"/>
    <xf numFmtId="0" fontId="3" fillId="0" borderId="2" xfId="0" applyFont="1" applyBorder="1" applyAlignment="1">
      <alignment horizontal="right"/>
    </xf>
    <xf numFmtId="0" fontId="12" fillId="0" borderId="2" xfId="0" applyFont="1" applyBorder="1" applyAlignment="1">
      <alignment horizontal="center"/>
    </xf>
    <xf numFmtId="0" fontId="3" fillId="0" borderId="2" xfId="0" applyFont="1" applyFill="1" applyBorder="1" applyAlignment="1">
      <alignment horizontal="right"/>
    </xf>
    <xf numFmtId="0" fontId="3" fillId="0" borderId="2" xfId="0" applyFont="1" applyBorder="1"/>
    <xf numFmtId="165" fontId="3" fillId="0" borderId="2" xfId="0" applyNumberFormat="1" applyFont="1" applyBorder="1"/>
    <xf numFmtId="49" fontId="12" fillId="0" borderId="0" xfId="0" quotePrefix="1" applyNumberFormat="1" applyFont="1" applyFill="1" applyBorder="1" applyAlignment="1">
      <alignment horizontal="center"/>
    </xf>
    <xf numFmtId="49" fontId="12" fillId="0" borderId="0" xfId="0" applyNumberFormat="1" applyFont="1" applyFill="1" applyBorder="1" applyAlignment="1">
      <alignment horizontal="center"/>
    </xf>
    <xf numFmtId="49" fontId="12" fillId="0" borderId="0" xfId="0" quotePrefix="1" applyNumberFormat="1" applyFont="1" applyFill="1" applyBorder="1" applyAlignment="1">
      <alignment horizontal="center" vertical="center"/>
    </xf>
    <xf numFmtId="165" fontId="75" fillId="0" borderId="0" xfId="0" applyNumberFormat="1" applyFont="1" applyFill="1" applyBorder="1" applyAlignment="1">
      <alignment horizontal="right"/>
    </xf>
    <xf numFmtId="0" fontId="23" fillId="0" borderId="0" xfId="0" applyFont="1" applyBorder="1"/>
    <xf numFmtId="0" fontId="23" fillId="0" borderId="0" xfId="0" applyFont="1" applyFill="1" applyBorder="1"/>
    <xf numFmtId="0" fontId="44" fillId="0" borderId="0" xfId="0" applyFont="1" applyAlignment="1"/>
    <xf numFmtId="165" fontId="45" fillId="0" borderId="0" xfId="0" applyNumberFormat="1" applyFont="1" applyBorder="1" applyAlignment="1"/>
    <xf numFmtId="0" fontId="76" fillId="0" borderId="0" xfId="0" quotePrefix="1" applyFont="1" applyBorder="1" applyAlignment="1">
      <alignment horizontal="left"/>
    </xf>
    <xf numFmtId="165" fontId="45" fillId="0" borderId="0" xfId="0" applyNumberFormat="1" applyFont="1" applyFill="1" applyBorder="1" applyAlignment="1"/>
    <xf numFmtId="0" fontId="45" fillId="0" borderId="0" xfId="0" applyFont="1" applyFill="1" applyBorder="1" applyAlignment="1"/>
    <xf numFmtId="165" fontId="21" fillId="0" borderId="0" xfId="0" applyNumberFormat="1" applyFont="1" applyBorder="1"/>
    <xf numFmtId="0" fontId="3" fillId="0" borderId="1" xfId="0" applyFont="1" applyBorder="1" applyAlignment="1"/>
    <xf numFmtId="49" fontId="3" fillId="0" borderId="1" xfId="0" applyNumberFormat="1" applyFont="1" applyBorder="1" applyAlignment="1">
      <alignment horizontal="right"/>
    </xf>
    <xf numFmtId="165" fontId="3" fillId="0" borderId="1" xfId="0" applyNumberFormat="1" applyFont="1" applyBorder="1"/>
    <xf numFmtId="165" fontId="3" fillId="2" borderId="1" xfId="0" applyNumberFormat="1" applyFont="1" applyFill="1" applyBorder="1"/>
    <xf numFmtId="49" fontId="3" fillId="0" borderId="0" xfId="0" applyNumberFormat="1" applyFont="1" applyBorder="1" applyAlignment="1">
      <alignment horizontal="right"/>
    </xf>
    <xf numFmtId="165" fontId="3" fillId="4" borderId="0" xfId="0" applyNumberFormat="1" applyFont="1" applyFill="1" applyBorder="1"/>
    <xf numFmtId="0" fontId="3" fillId="0" borderId="2" xfId="0" applyFont="1" applyBorder="1" applyAlignment="1">
      <alignment horizontal="center"/>
    </xf>
    <xf numFmtId="49" fontId="12" fillId="0" borderId="2" xfId="0" applyNumberFormat="1" applyFont="1" applyBorder="1" applyAlignment="1">
      <alignment horizontal="center"/>
    </xf>
    <xf numFmtId="17" fontId="3" fillId="0" borderId="0" xfId="0" quotePrefix="1" applyNumberFormat="1" applyFont="1" applyBorder="1" applyAlignment="1">
      <alignment horizontal="right"/>
    </xf>
    <xf numFmtId="1" fontId="11" fillId="0" borderId="0" xfId="0" applyNumberFormat="1" applyFont="1" applyBorder="1" applyAlignment="1">
      <alignment horizontal="right"/>
    </xf>
    <xf numFmtId="1" fontId="11" fillId="0" borderId="0" xfId="0" quotePrefix="1" applyNumberFormat="1" applyFont="1" applyFill="1" applyBorder="1" applyAlignment="1">
      <alignment horizontal="right"/>
    </xf>
    <xf numFmtId="17" fontId="3" fillId="0" borderId="0" xfId="0" applyNumberFormat="1" applyFont="1" applyBorder="1" applyAlignment="1">
      <alignment horizontal="right"/>
    </xf>
    <xf numFmtId="17" fontId="3" fillId="0" borderId="0" xfId="0" quotePrefix="1" applyNumberFormat="1" applyFont="1" applyFill="1" applyBorder="1" applyAlignment="1">
      <alignment horizontal="right"/>
    </xf>
    <xf numFmtId="49" fontId="74" fillId="0" borderId="0" xfId="0" quotePrefix="1" applyNumberFormat="1" applyFont="1" applyBorder="1" applyAlignment="1">
      <alignment horizontal="center"/>
    </xf>
    <xf numFmtId="165" fontId="42" fillId="0" borderId="0" xfId="0" applyNumberFormat="1" applyFont="1" applyFill="1" applyBorder="1" applyAlignment="1"/>
    <xf numFmtId="165" fontId="42" fillId="0" borderId="0" xfId="0" applyNumberFormat="1" applyFont="1" applyFill="1" applyBorder="1" applyAlignment="1">
      <alignment horizontal="right"/>
    </xf>
    <xf numFmtId="17" fontId="3" fillId="0" borderId="0" xfId="0" applyNumberFormat="1" applyFont="1" applyFill="1" applyBorder="1" applyAlignment="1">
      <alignment horizontal="right"/>
    </xf>
    <xf numFmtId="49" fontId="74" fillId="0" borderId="0" xfId="0" quotePrefix="1" applyNumberFormat="1" applyFont="1" applyFill="1" applyBorder="1" applyAlignment="1">
      <alignment horizontal="center" vertical="center"/>
    </xf>
    <xf numFmtId="0" fontId="77" fillId="0" borderId="0" xfId="0" applyFont="1" applyBorder="1"/>
    <xf numFmtId="17" fontId="42" fillId="0" borderId="0" xfId="0" quotePrefix="1" applyNumberFormat="1" applyFont="1" applyFill="1" applyBorder="1" applyAlignment="1">
      <alignment horizontal="right"/>
    </xf>
    <xf numFmtId="0" fontId="42" fillId="0" borderId="0" xfId="0" applyFont="1" applyFill="1" applyBorder="1" applyAlignment="1"/>
    <xf numFmtId="0" fontId="6" fillId="0" borderId="0" xfId="0" quotePrefix="1" applyFont="1" applyFill="1" applyBorder="1" applyAlignment="1">
      <alignment horizontal="left"/>
    </xf>
    <xf numFmtId="165" fontId="39" fillId="0" borderId="0" xfId="0" applyNumberFormat="1" applyFont="1" applyFill="1" applyBorder="1" applyAlignment="1"/>
    <xf numFmtId="165" fontId="39" fillId="0" borderId="0" xfId="0" applyNumberFormat="1" applyFont="1" applyFill="1" applyBorder="1" applyAlignment="1">
      <alignment horizontal="right"/>
    </xf>
    <xf numFmtId="165" fontId="45" fillId="0" borderId="0" xfId="0" applyNumberFormat="1" applyFont="1" applyFill="1" applyBorder="1" applyAlignment="1">
      <alignment horizontal="right"/>
    </xf>
    <xf numFmtId="0" fontId="37" fillId="0" borderId="0" xfId="0" applyFont="1" applyBorder="1"/>
    <xf numFmtId="0" fontId="3" fillId="0" borderId="2" xfId="0" applyFont="1" applyBorder="1" applyAlignment="1">
      <alignment vertical="center"/>
    </xf>
    <xf numFmtId="0" fontId="3" fillId="0" borderId="2" xfId="0" applyFont="1" applyBorder="1" applyAlignment="1"/>
    <xf numFmtId="49" fontId="3" fillId="0" borderId="2" xfId="0" applyNumberFormat="1" applyFont="1" applyBorder="1" applyAlignment="1">
      <alignment horizontal="right"/>
    </xf>
    <xf numFmtId="165" fontId="3" fillId="2" borderId="2" xfId="0" applyNumberFormat="1" applyFont="1" applyFill="1" applyBorder="1"/>
    <xf numFmtId="165" fontId="3" fillId="0" borderId="0" xfId="0" applyNumberFormat="1" applyFont="1" applyFill="1" applyBorder="1"/>
    <xf numFmtId="0" fontId="2" fillId="0" borderId="0" xfId="0" quotePrefix="1" applyFont="1" applyBorder="1" applyAlignment="1">
      <alignment horizontal="left" vertical="center"/>
    </xf>
    <xf numFmtId="165" fontId="45" fillId="0" borderId="0" xfId="0" applyNumberFormat="1" applyFont="1" applyBorder="1"/>
    <xf numFmtId="0" fontId="45" fillId="0" borderId="0" xfId="0" applyFont="1" applyBorder="1"/>
    <xf numFmtId="165" fontId="46" fillId="0" borderId="0" xfId="0" applyNumberFormat="1" applyFont="1" applyBorder="1"/>
    <xf numFmtId="49" fontId="3" fillId="0" borderId="1" xfId="0" applyNumberFormat="1" applyFont="1" applyBorder="1" applyAlignment="1">
      <alignment horizontal="center"/>
    </xf>
    <xf numFmtId="0" fontId="12" fillId="0" borderId="0" xfId="0" applyFont="1" applyBorder="1" applyAlignment="1">
      <alignment horizontal="right"/>
    </xf>
    <xf numFmtId="0" fontId="73" fillId="0" borderId="0" xfId="0" applyFont="1" applyBorder="1"/>
    <xf numFmtId="175" fontId="3" fillId="0" borderId="0" xfId="10" applyFont="1" applyFill="1" applyBorder="1" applyAlignment="1">
      <alignment vertical="center"/>
    </xf>
    <xf numFmtId="175" fontId="3" fillId="0" borderId="0" xfId="10" applyFont="1" applyFill="1" applyBorder="1"/>
    <xf numFmtId="175" fontId="12" fillId="0" borderId="0" xfId="10" applyFont="1" applyFill="1" applyBorder="1" applyAlignment="1">
      <alignment horizontal="right"/>
    </xf>
    <xf numFmtId="49" fontId="12" fillId="0" borderId="0" xfId="10" applyNumberFormat="1" applyFont="1" applyFill="1" applyBorder="1" applyAlignment="1">
      <alignment horizontal="center"/>
    </xf>
    <xf numFmtId="165" fontId="3" fillId="0" borderId="0" xfId="10" applyNumberFormat="1" applyFont="1" applyFill="1" applyBorder="1"/>
    <xf numFmtId="165" fontId="3" fillId="2" borderId="0" xfId="10" applyNumberFormat="1" applyFont="1" applyFill="1" applyBorder="1" applyAlignment="1"/>
    <xf numFmtId="175" fontId="3" fillId="0" borderId="0" xfId="10" applyFont="1" applyFill="1" applyBorder="1" applyAlignment="1">
      <alignment horizontal="left" vertical="center" indent="1"/>
    </xf>
    <xf numFmtId="49" fontId="12" fillId="0" borderId="0" xfId="10" quotePrefix="1" applyNumberFormat="1" applyFont="1" applyFill="1" applyBorder="1" applyAlignment="1">
      <alignment horizontal="center" vertical="center"/>
    </xf>
    <xf numFmtId="175" fontId="2" fillId="0" borderId="0" xfId="10" quotePrefix="1" applyFont="1" applyFill="1" applyBorder="1" applyAlignment="1">
      <alignment horizontal="left" vertical="center"/>
    </xf>
    <xf numFmtId="165" fontId="3" fillId="0" borderId="0" xfId="10" applyNumberFormat="1" applyFont="1" applyFill="1" applyBorder="1" applyAlignment="1">
      <alignment vertical="center"/>
    </xf>
    <xf numFmtId="175" fontId="3" fillId="0" borderId="0" xfId="10" applyFont="1" applyBorder="1" applyAlignment="1"/>
    <xf numFmtId="175" fontId="3" fillId="0" borderId="0" xfId="10" applyFont="1" applyFill="1" applyBorder="1" applyAlignment="1"/>
    <xf numFmtId="175" fontId="12" fillId="0" borderId="0" xfId="10" applyFont="1" applyBorder="1" applyAlignment="1">
      <alignment horizontal="right"/>
    </xf>
    <xf numFmtId="49" fontId="12" fillId="0" borderId="0" xfId="10" quotePrefix="1" applyNumberFormat="1" applyFont="1" applyBorder="1" applyAlignment="1">
      <alignment horizontal="center"/>
    </xf>
    <xf numFmtId="165" fontId="3" fillId="0" borderId="0" xfId="9" applyNumberFormat="1" applyFont="1" applyFill="1" applyBorder="1" applyAlignment="1"/>
    <xf numFmtId="175" fontId="2" fillId="0" borderId="0" xfId="10" quotePrefix="1" applyFont="1" applyBorder="1" applyAlignment="1">
      <alignment horizontal="left"/>
    </xf>
    <xf numFmtId="165" fontId="3" fillId="0" borderId="0" xfId="10" applyNumberFormat="1" applyFont="1" applyFill="1" applyBorder="1" applyAlignment="1"/>
    <xf numFmtId="165" fontId="3" fillId="0" borderId="0" xfId="10" applyNumberFormat="1" applyFont="1" applyBorder="1" applyAlignment="1"/>
    <xf numFmtId="175" fontId="79" fillId="0" borderId="0" xfId="10" applyFont="1" applyFill="1" applyBorder="1" applyAlignment="1"/>
    <xf numFmtId="175" fontId="3" fillId="0" borderId="0" xfId="10" applyFont="1" applyFill="1" applyBorder="1" applyAlignment="1">
      <alignment horizontal="right"/>
    </xf>
    <xf numFmtId="165" fontId="3" fillId="0" borderId="0" xfId="9" applyNumberFormat="1" applyFont="1" applyFill="1" applyBorder="1" applyAlignment="1">
      <alignment horizontal="right"/>
    </xf>
    <xf numFmtId="175" fontId="2" fillId="0" borderId="0" xfId="10" quotePrefix="1" applyFont="1" applyFill="1" applyBorder="1" applyAlignment="1">
      <alignment horizontal="left"/>
    </xf>
    <xf numFmtId="165" fontId="3" fillId="0" borderId="0" xfId="10" applyNumberFormat="1" applyFont="1" applyFill="1" applyBorder="1" applyAlignment="1">
      <alignment horizontal="right"/>
    </xf>
    <xf numFmtId="175" fontId="3" fillId="0" borderId="0" xfId="10" applyFont="1" applyBorder="1" applyAlignment="1">
      <alignment horizontal="left" vertical="center" indent="1"/>
    </xf>
    <xf numFmtId="175" fontId="3" fillId="0" borderId="0" xfId="10" applyFont="1" applyBorder="1" applyAlignment="1">
      <alignment horizontal="left"/>
    </xf>
    <xf numFmtId="49" fontId="12" fillId="0" borderId="0" xfId="10" quotePrefix="1" applyNumberFormat="1" applyFont="1" applyFill="1" applyBorder="1" applyAlignment="1">
      <alignment horizontal="center"/>
    </xf>
    <xf numFmtId="1" fontId="11" fillId="0" borderId="0" xfId="10" applyNumberFormat="1" applyFont="1" applyBorder="1" applyAlignment="1">
      <alignment horizontal="right"/>
    </xf>
    <xf numFmtId="1" fontId="11" fillId="0" borderId="0" xfId="10" quotePrefix="1" applyNumberFormat="1" applyFont="1" applyFill="1" applyBorder="1" applyAlignment="1">
      <alignment horizontal="right"/>
    </xf>
    <xf numFmtId="165" fontId="3" fillId="2" borderId="0" xfId="10" applyNumberFormat="1" applyFont="1" applyFill="1" applyBorder="1" applyAlignment="1">
      <alignment horizontal="right"/>
    </xf>
    <xf numFmtId="1" fontId="11" fillId="0" borderId="0" xfId="9" quotePrefix="1" applyNumberFormat="1" applyFont="1" applyFill="1" applyBorder="1" applyAlignment="1">
      <alignment horizontal="right"/>
    </xf>
    <xf numFmtId="0" fontId="2" fillId="0" borderId="0" xfId="9" quotePrefix="1" applyFont="1" applyBorder="1" applyAlignment="1">
      <alignment horizontal="left"/>
    </xf>
    <xf numFmtId="165" fontId="3" fillId="2" borderId="0" xfId="9" applyNumberFormat="1" applyFont="1" applyFill="1" applyBorder="1" applyAlignment="1">
      <alignment horizontal="right"/>
    </xf>
    <xf numFmtId="165" fontId="3" fillId="0" borderId="0" xfId="9" applyNumberFormat="1" applyFont="1" applyBorder="1" applyAlignment="1"/>
    <xf numFmtId="175" fontId="3" fillId="0" borderId="0" xfId="10" applyFont="1" applyBorder="1" applyAlignment="1">
      <alignment vertical="center"/>
    </xf>
    <xf numFmtId="175" fontId="3" fillId="0" borderId="0" xfId="10" quotePrefix="1" applyFont="1" applyBorder="1" applyAlignment="1"/>
    <xf numFmtId="49" fontId="74" fillId="0" borderId="0" xfId="10" quotePrefix="1" applyNumberFormat="1" applyFont="1" applyBorder="1" applyAlignment="1">
      <alignment horizontal="center"/>
    </xf>
    <xf numFmtId="0" fontId="3" fillId="0" borderId="0" xfId="0" quotePrefix="1" applyFont="1" applyBorder="1" applyAlignment="1"/>
    <xf numFmtId="0" fontId="12" fillId="0" borderId="0" xfId="0" applyFont="1" applyFill="1" applyBorder="1" applyAlignment="1">
      <alignment horizontal="right"/>
    </xf>
    <xf numFmtId="165" fontId="3" fillId="2" borderId="0" xfId="0" applyNumberFormat="1" applyFont="1" applyFill="1" applyBorder="1" applyAlignment="1"/>
    <xf numFmtId="175" fontId="2" fillId="0" borderId="0" xfId="10" quotePrefix="1" applyFont="1" applyBorder="1" applyAlignment="1">
      <alignment horizontal="left" vertical="center"/>
    </xf>
    <xf numFmtId="165" fontId="42" fillId="0" borderId="0" xfId="10" applyNumberFormat="1" applyFont="1" applyFill="1" applyBorder="1" applyAlignment="1">
      <alignment vertical="center"/>
    </xf>
    <xf numFmtId="165" fontId="3" fillId="2" borderId="0" xfId="10" applyNumberFormat="1" applyFont="1" applyFill="1" applyBorder="1"/>
    <xf numFmtId="165" fontId="42" fillId="0" borderId="0" xfId="10" applyNumberFormat="1" applyFont="1" applyBorder="1" applyAlignment="1">
      <alignment vertical="center"/>
    </xf>
    <xf numFmtId="165" fontId="3" fillId="0" borderId="0" xfId="10" applyNumberFormat="1" applyFont="1" applyBorder="1"/>
    <xf numFmtId="165" fontId="3" fillId="0" borderId="0" xfId="10" applyNumberFormat="1" applyFont="1" applyBorder="1" applyAlignment="1">
      <alignment vertical="center"/>
    </xf>
    <xf numFmtId="49" fontId="3" fillId="0" borderId="0" xfId="0" quotePrefix="1" applyNumberFormat="1" applyFont="1" applyBorder="1" applyAlignment="1">
      <alignment horizontal="center"/>
    </xf>
    <xf numFmtId="165" fontId="45" fillId="0" borderId="0" xfId="0" applyNumberFormat="1" applyFont="1" applyFill="1" applyBorder="1" applyAlignment="1">
      <alignment horizontal="right" vertical="center"/>
    </xf>
    <xf numFmtId="0" fontId="2" fillId="0" borderId="0" xfId="0" quotePrefix="1" applyFont="1" applyFill="1" applyBorder="1" applyAlignment="1">
      <alignment horizontal="left" vertical="center"/>
    </xf>
    <xf numFmtId="165" fontId="3" fillId="0" borderId="0" xfId="0" applyNumberFormat="1" applyFont="1" applyFill="1" applyBorder="1" applyAlignment="1">
      <alignment horizontal="right" vertical="center"/>
    </xf>
    <xf numFmtId="165" fontId="46" fillId="0" borderId="0" xfId="0" applyNumberFormat="1" applyFont="1" applyFill="1" applyBorder="1" applyAlignment="1">
      <alignment horizontal="right" vertical="center"/>
    </xf>
    <xf numFmtId="165" fontId="46" fillId="0" borderId="0" xfId="0" applyNumberFormat="1" applyFont="1" applyBorder="1" applyAlignment="1">
      <alignment horizontal="right" vertical="center"/>
    </xf>
    <xf numFmtId="165" fontId="45" fillId="0" borderId="0" xfId="0" applyNumberFormat="1" applyFont="1" applyBorder="1" applyAlignment="1">
      <alignment horizontal="right" vertical="center"/>
    </xf>
    <xf numFmtId="165" fontId="43" fillId="0" borderId="0" xfId="10" applyNumberFormat="1" applyFont="1" applyBorder="1" applyAlignment="1">
      <alignment vertical="center"/>
    </xf>
    <xf numFmtId="17" fontId="12" fillId="0" borderId="0" xfId="0" applyNumberFormat="1" applyFont="1" applyFill="1" applyBorder="1" applyAlignment="1">
      <alignment horizontal="right"/>
    </xf>
    <xf numFmtId="49" fontId="74" fillId="0" borderId="0" xfId="0" quotePrefix="1" applyNumberFormat="1" applyFont="1" applyFill="1" applyBorder="1" applyAlignment="1">
      <alignment horizontal="center"/>
    </xf>
    <xf numFmtId="17" fontId="12" fillId="0" borderId="0" xfId="0" quotePrefix="1" applyNumberFormat="1" applyFont="1" applyFill="1" applyBorder="1" applyAlignment="1">
      <alignment horizontal="right"/>
    </xf>
    <xf numFmtId="165" fontId="45" fillId="0" borderId="0" xfId="0" applyNumberFormat="1" applyFont="1" applyBorder="1" applyAlignment="1">
      <alignment vertical="center"/>
    </xf>
    <xf numFmtId="0" fontId="3" fillId="2" borderId="0" xfId="0" applyFont="1" applyFill="1" applyBorder="1"/>
    <xf numFmtId="165" fontId="80" fillId="0" borderId="0" xfId="0" applyNumberFormat="1" applyFont="1" applyBorder="1"/>
    <xf numFmtId="0" fontId="5" fillId="0" borderId="1" xfId="0" applyFont="1" applyBorder="1"/>
    <xf numFmtId="165" fontId="5" fillId="0" borderId="1" xfId="0" applyNumberFormat="1" applyFont="1" applyBorder="1"/>
    <xf numFmtId="165" fontId="5" fillId="2" borderId="1" xfId="0" applyNumberFormat="1" applyFont="1" applyFill="1" applyBorder="1"/>
    <xf numFmtId="3" fontId="11" fillId="0" borderId="0" xfId="0" quotePrefix="1" applyNumberFormat="1" applyFont="1" applyBorder="1" applyAlignment="1">
      <alignment horizontal="right" vertical="top"/>
    </xf>
    <xf numFmtId="0" fontId="44" fillId="0" borderId="0" xfId="0" applyFont="1" applyBorder="1" applyAlignment="1">
      <alignment vertical="center"/>
    </xf>
    <xf numFmtId="3" fontId="11" fillId="0" borderId="0" xfId="11" quotePrefix="1" applyNumberFormat="1" applyFont="1" applyBorder="1" applyAlignment="1">
      <alignment horizontal="right" vertical="top"/>
    </xf>
    <xf numFmtId="0" fontId="12" fillId="0" borderId="0" xfId="12" applyFont="1" applyBorder="1" applyAlignment="1">
      <alignment vertical="center" wrapText="1"/>
    </xf>
    <xf numFmtId="175" fontId="4" fillId="0" borderId="1" xfId="0" applyNumberFormat="1" applyFont="1" applyBorder="1" applyAlignment="1" applyProtection="1">
      <alignment vertical="center"/>
    </xf>
    <xf numFmtId="175" fontId="3" fillId="0" borderId="1" xfId="0" applyNumberFormat="1" applyFont="1" applyBorder="1" applyAlignment="1" applyProtection="1">
      <alignment vertical="center"/>
    </xf>
    <xf numFmtId="175" fontId="3" fillId="0" borderId="0" xfId="0" applyNumberFormat="1" applyFont="1" applyBorder="1" applyAlignment="1" applyProtection="1">
      <alignment vertical="center"/>
    </xf>
    <xf numFmtId="176" fontId="3" fillId="0" borderId="1" xfId="0" applyNumberFormat="1" applyFont="1" applyBorder="1" applyAlignment="1" applyProtection="1">
      <alignment vertical="center"/>
    </xf>
    <xf numFmtId="175" fontId="3" fillId="0" borderId="2" xfId="0" applyNumberFormat="1" applyFont="1" applyBorder="1" applyAlignment="1" applyProtection="1"/>
    <xf numFmtId="175" fontId="3" fillId="0" borderId="0" xfId="0" quotePrefix="1" applyNumberFormat="1" applyFont="1" applyBorder="1" applyAlignment="1" applyProtection="1">
      <alignment horizontal="center"/>
    </xf>
    <xf numFmtId="175" fontId="3" fillId="2" borderId="2" xfId="0" applyNumberFormat="1" applyFont="1" applyFill="1" applyBorder="1" applyAlignment="1" applyProtection="1">
      <alignment horizontal="center" wrapText="1"/>
    </xf>
    <xf numFmtId="175" fontId="3" fillId="0" borderId="2" xfId="0" quotePrefix="1" applyNumberFormat="1" applyFont="1" applyBorder="1" applyAlignment="1" applyProtection="1">
      <alignment horizontal="center"/>
    </xf>
    <xf numFmtId="175" fontId="3" fillId="0" borderId="1" xfId="0" applyNumberFormat="1" applyFont="1" applyBorder="1" applyAlignment="1" applyProtection="1">
      <alignment horizontal="left" vertical="center"/>
    </xf>
    <xf numFmtId="175" fontId="3" fillId="0" borderId="0" xfId="0" applyNumberFormat="1" applyFont="1" applyBorder="1" applyAlignment="1" applyProtection="1">
      <alignment horizontal="left" vertical="center"/>
    </xf>
    <xf numFmtId="175" fontId="13" fillId="0" borderId="0" xfId="0" applyNumberFormat="1" applyFont="1" applyBorder="1" applyAlignment="1" applyProtection="1">
      <alignment vertical="center"/>
    </xf>
    <xf numFmtId="175" fontId="5" fillId="0" borderId="0" xfId="0" applyNumberFormat="1" applyFont="1" applyBorder="1" applyAlignment="1" applyProtection="1">
      <alignment vertical="center"/>
    </xf>
    <xf numFmtId="166" fontId="5" fillId="0" borderId="0" xfId="0" applyNumberFormat="1" applyFont="1" applyBorder="1" applyAlignment="1" applyProtection="1">
      <alignment vertical="center"/>
    </xf>
    <xf numFmtId="166" fontId="5" fillId="2" borderId="0" xfId="0" applyNumberFormat="1" applyFont="1" applyFill="1" applyBorder="1" applyAlignment="1" applyProtection="1">
      <alignment vertical="center"/>
    </xf>
    <xf numFmtId="175" fontId="13" fillId="0" borderId="0" xfId="0" applyNumberFormat="1" applyFont="1" applyFill="1" applyBorder="1" applyAlignment="1" applyProtection="1">
      <alignment vertical="center"/>
    </xf>
    <xf numFmtId="165" fontId="24" fillId="0" borderId="0" xfId="0" applyNumberFormat="1" applyFont="1" applyBorder="1" applyAlignment="1" applyProtection="1">
      <alignment vertical="center"/>
    </xf>
    <xf numFmtId="165" fontId="24" fillId="0" borderId="0" xfId="0" applyNumberFormat="1" applyFont="1" applyFill="1" applyBorder="1" applyAlignment="1" applyProtection="1">
      <alignment vertical="center"/>
    </xf>
    <xf numFmtId="165" fontId="5" fillId="0" borderId="0" xfId="0" applyNumberFormat="1" applyFont="1" applyBorder="1" applyAlignment="1" applyProtection="1">
      <alignment vertical="center"/>
    </xf>
    <xf numFmtId="165" fontId="24" fillId="3" borderId="0" xfId="0" applyNumberFormat="1" applyFont="1" applyFill="1" applyBorder="1" applyAlignment="1" applyProtection="1">
      <alignment vertical="center"/>
    </xf>
    <xf numFmtId="165" fontId="13" fillId="0" borderId="0" xfId="0" applyNumberFormat="1" applyFont="1" applyBorder="1" applyAlignment="1" applyProtection="1">
      <alignment vertical="center"/>
    </xf>
    <xf numFmtId="165" fontId="13" fillId="3" borderId="0" xfId="0" applyNumberFormat="1" applyFont="1" applyFill="1" applyBorder="1" applyAlignment="1" applyProtection="1">
      <alignment vertical="center"/>
    </xf>
    <xf numFmtId="165" fontId="10" fillId="0" borderId="0" xfId="0" quotePrefix="1" applyNumberFormat="1" applyFont="1" applyBorder="1" applyAlignment="1" applyProtection="1">
      <alignment horizontal="left" vertical="center"/>
    </xf>
    <xf numFmtId="165" fontId="5" fillId="3" borderId="0" xfId="0" applyNumberFormat="1" applyFont="1" applyFill="1" applyBorder="1" applyAlignment="1" applyProtection="1">
      <alignment vertical="center"/>
    </xf>
    <xf numFmtId="165" fontId="10" fillId="0" borderId="0" xfId="0" quotePrefix="1" applyNumberFormat="1" applyFont="1" applyBorder="1" applyAlignment="1" applyProtection="1">
      <alignment vertical="center"/>
    </xf>
    <xf numFmtId="165" fontId="16" fillId="0" borderId="0" xfId="0" applyNumberFormat="1" applyFont="1" applyBorder="1" applyAlignment="1" applyProtection="1">
      <alignment vertical="center"/>
    </xf>
    <xf numFmtId="165" fontId="16" fillId="0" borderId="0" xfId="0" applyNumberFormat="1" applyFont="1" applyFill="1" applyBorder="1" applyAlignment="1" applyProtection="1">
      <alignment vertical="center"/>
    </xf>
    <xf numFmtId="165" fontId="16" fillId="3" borderId="0" xfId="0" applyNumberFormat="1" applyFont="1" applyFill="1" applyBorder="1" applyAlignment="1" applyProtection="1">
      <alignment vertical="center"/>
    </xf>
    <xf numFmtId="175" fontId="16" fillId="0" borderId="0" xfId="0" applyNumberFormat="1" applyFont="1" applyBorder="1" applyAlignment="1" applyProtection="1">
      <alignment vertical="center"/>
    </xf>
    <xf numFmtId="165" fontId="2" fillId="0" borderId="0" xfId="0" quotePrefix="1" applyNumberFormat="1" applyFont="1" applyBorder="1" applyAlignment="1" applyProtection="1">
      <alignment horizontal="left" vertical="center"/>
    </xf>
    <xf numFmtId="165" fontId="13" fillId="2" borderId="0" xfId="0" applyNumberFormat="1" applyFont="1" applyFill="1" applyBorder="1" applyAlignment="1" applyProtection="1">
      <alignment vertical="center"/>
    </xf>
    <xf numFmtId="165" fontId="81" fillId="0" borderId="0" xfId="0" quotePrefix="1" applyNumberFormat="1" applyFont="1" applyBorder="1" applyAlignment="1" applyProtection="1">
      <alignment horizontal="left" vertical="center"/>
    </xf>
    <xf numFmtId="165" fontId="17" fillId="0" borderId="0" xfId="0" applyNumberFormat="1" applyFont="1" applyBorder="1" applyAlignment="1" applyProtection="1">
      <alignment vertical="center"/>
    </xf>
    <xf numFmtId="175" fontId="13" fillId="2" borderId="0" xfId="0" applyNumberFormat="1" applyFont="1" applyFill="1" applyBorder="1" applyAlignment="1" applyProtection="1">
      <alignment vertical="center"/>
    </xf>
    <xf numFmtId="167" fontId="5" fillId="0" borderId="0" xfId="0" applyNumberFormat="1" applyFont="1" applyBorder="1" applyAlignment="1" applyProtection="1">
      <alignment vertical="center"/>
    </xf>
    <xf numFmtId="167" fontId="5" fillId="2" borderId="0" xfId="0" applyNumberFormat="1" applyFont="1" applyFill="1" applyBorder="1" applyAlignment="1" applyProtection="1">
      <alignment vertical="center"/>
    </xf>
    <xf numFmtId="175" fontId="5" fillId="0" borderId="0" xfId="0" applyNumberFormat="1" applyFont="1" applyFill="1" applyBorder="1" applyAlignment="1" applyProtection="1">
      <alignment vertical="center"/>
    </xf>
    <xf numFmtId="175" fontId="5" fillId="0" borderId="1" xfId="0" applyNumberFormat="1" applyFont="1" applyBorder="1" applyAlignment="1" applyProtection="1">
      <alignment vertical="center"/>
    </xf>
    <xf numFmtId="175" fontId="13" fillId="0" borderId="1" xfId="0" applyNumberFormat="1" applyFont="1" applyBorder="1" applyAlignment="1" applyProtection="1">
      <alignment vertical="center"/>
    </xf>
    <xf numFmtId="175" fontId="5" fillId="2" borderId="1" xfId="0" applyNumberFormat="1" applyFont="1" applyFill="1" applyBorder="1" applyAlignment="1" applyProtection="1">
      <alignment vertical="center"/>
    </xf>
    <xf numFmtId="175" fontId="3" fillId="0" borderId="0" xfId="0" applyNumberFormat="1" applyFont="1" applyFill="1" applyBorder="1" applyAlignment="1" applyProtection="1">
      <alignment vertical="center"/>
    </xf>
    <xf numFmtId="0" fontId="11" fillId="0" borderId="0" xfId="0" quotePrefix="1" applyFont="1" applyBorder="1" applyAlignment="1">
      <alignment horizontal="center" vertical="top"/>
    </xf>
    <xf numFmtId="0" fontId="23" fillId="0" borderId="1" xfId="0" applyFont="1" applyFill="1" applyBorder="1" applyAlignment="1">
      <alignment vertical="center"/>
    </xf>
    <xf numFmtId="0" fontId="43" fillId="0" borderId="0" xfId="0" applyFont="1" applyBorder="1" applyAlignment="1">
      <alignment horizontal="right" vertical="center"/>
    </xf>
    <xf numFmtId="0" fontId="43" fillId="0" borderId="0" xfId="0" applyFont="1" applyBorder="1" applyAlignment="1">
      <alignment vertical="center"/>
    </xf>
    <xf numFmtId="0" fontId="3" fillId="0" borderId="2" xfId="0" quotePrefix="1" applyFont="1" applyFill="1" applyBorder="1" applyAlignment="1" applyProtection="1">
      <alignment vertical="center"/>
    </xf>
    <xf numFmtId="0" fontId="3" fillId="0" borderId="2" xfId="0" quotePrefix="1" applyFont="1" applyBorder="1" applyAlignment="1"/>
    <xf numFmtId="0" fontId="3" fillId="0" borderId="2" xfId="0" applyFont="1" applyFill="1" applyBorder="1" applyAlignment="1" applyProtection="1">
      <alignment horizontal="center" wrapText="1"/>
    </xf>
    <xf numFmtId="0" fontId="23" fillId="0" borderId="2" xfId="0" applyFont="1" applyBorder="1" applyAlignment="1">
      <alignment horizontal="center"/>
    </xf>
    <xf numFmtId="0" fontId="3" fillId="2" borderId="2" xfId="0" applyFont="1" applyFill="1" applyBorder="1" applyAlignment="1" applyProtection="1">
      <alignment horizontal="center" wrapText="1"/>
    </xf>
    <xf numFmtId="0" fontId="0" fillId="0" borderId="1" xfId="0" applyBorder="1" applyAlignment="1">
      <alignment horizontal="left" vertical="center" wrapText="1" indent="1"/>
    </xf>
    <xf numFmtId="0" fontId="3" fillId="0" borderId="1" xfId="0" applyFont="1" applyFill="1" applyBorder="1" applyAlignment="1" applyProtection="1">
      <alignment horizontal="center" vertical="center" wrapText="1"/>
    </xf>
    <xf numFmtId="0" fontId="3" fillId="2" borderId="1" xfId="0" applyFont="1" applyFill="1" applyBorder="1" applyAlignment="1" applyProtection="1">
      <alignment horizontal="center" vertical="center" wrapText="1"/>
    </xf>
    <xf numFmtId="0" fontId="0" fillId="0" borderId="0" xfId="0" applyBorder="1" applyAlignment="1">
      <alignment horizontal="left" vertical="center" wrapText="1" indent="1"/>
    </xf>
    <xf numFmtId="0" fontId="3" fillId="0" borderId="0" xfId="0" applyFont="1" applyFill="1" applyBorder="1" applyAlignment="1" applyProtection="1">
      <alignment horizontal="center" vertical="center" wrapText="1"/>
    </xf>
    <xf numFmtId="0" fontId="3" fillId="2" borderId="0" xfId="0" applyFont="1" applyFill="1" applyBorder="1" applyAlignment="1" applyProtection="1">
      <alignment horizontal="center" vertical="center" wrapText="1"/>
    </xf>
    <xf numFmtId="0" fontId="13" fillId="0" borderId="0" xfId="0" applyFont="1" applyBorder="1" applyAlignment="1" applyProtection="1"/>
    <xf numFmtId="165" fontId="24" fillId="0" borderId="0" xfId="0" applyNumberFormat="1" applyFont="1" applyBorder="1" applyAlignment="1" applyProtection="1"/>
    <xf numFmtId="0" fontId="23" fillId="0" borderId="0" xfId="0" applyFont="1" applyBorder="1" applyAlignment="1"/>
    <xf numFmtId="165" fontId="24" fillId="2" borderId="0" xfId="0" applyNumberFormat="1" applyFont="1" applyFill="1" applyBorder="1" applyAlignment="1" applyProtection="1"/>
    <xf numFmtId="0" fontId="5" fillId="0" borderId="0" xfId="0" applyFont="1" applyBorder="1" applyAlignment="1" applyProtection="1">
      <alignment horizontal="left" vertical="center" indent="1"/>
    </xf>
    <xf numFmtId="0" fontId="5" fillId="0" borderId="0" xfId="0" applyFont="1" applyBorder="1" applyAlignment="1" applyProtection="1">
      <alignment vertical="center"/>
    </xf>
    <xf numFmtId="165" fontId="16" fillId="2" borderId="0" xfId="0" applyNumberFormat="1" applyFont="1" applyFill="1" applyBorder="1" applyAlignment="1" applyProtection="1">
      <alignment vertical="center"/>
    </xf>
    <xf numFmtId="165" fontId="5" fillId="2" borderId="0" xfId="0" applyNumberFormat="1" applyFont="1" applyFill="1" applyBorder="1" applyAlignment="1" applyProtection="1">
      <alignment vertical="center"/>
    </xf>
    <xf numFmtId="0" fontId="13" fillId="0" borderId="0" xfId="0" applyFont="1" applyBorder="1" applyAlignment="1" applyProtection="1">
      <alignment vertical="center"/>
    </xf>
    <xf numFmtId="0" fontId="23" fillId="0" borderId="0" xfId="0" applyFont="1" applyFill="1" applyBorder="1" applyAlignment="1">
      <alignment vertical="center"/>
    </xf>
    <xf numFmtId="166" fontId="17" fillId="0" borderId="0" xfId="0" applyNumberFormat="1" applyFont="1" applyBorder="1" applyAlignment="1" applyProtection="1">
      <alignment vertical="center"/>
    </xf>
    <xf numFmtId="166" fontId="82" fillId="0" borderId="0" xfId="0" applyNumberFormat="1" applyFont="1" applyBorder="1" applyAlignment="1">
      <alignment vertical="center"/>
    </xf>
    <xf numFmtId="166" fontId="17" fillId="2" borderId="0" xfId="0" applyNumberFormat="1" applyFont="1" applyFill="1" applyBorder="1" applyAlignment="1" applyProtection="1">
      <alignment vertical="center"/>
    </xf>
    <xf numFmtId="0" fontId="83" fillId="0" borderId="1" xfId="0" applyFont="1" applyBorder="1" applyAlignment="1">
      <alignment horizontal="left" vertical="center"/>
    </xf>
    <xf numFmtId="0" fontId="84" fillId="0" borderId="1" xfId="0" applyFont="1" applyBorder="1" applyAlignment="1">
      <alignment horizontal="center" vertical="center"/>
    </xf>
    <xf numFmtId="0" fontId="84" fillId="2" borderId="1" xfId="0" applyFont="1" applyFill="1" applyBorder="1" applyAlignment="1">
      <alignment horizontal="center" vertical="center"/>
    </xf>
    <xf numFmtId="0" fontId="5" fillId="0" borderId="2" xfId="0" applyFont="1" applyBorder="1" applyAlignment="1" applyProtection="1">
      <alignment vertical="center"/>
    </xf>
    <xf numFmtId="165" fontId="5" fillId="0" borderId="2" xfId="0" applyNumberFormat="1" applyFont="1" applyBorder="1" applyAlignment="1" applyProtection="1">
      <alignment vertical="center"/>
    </xf>
    <xf numFmtId="0" fontId="23" fillId="0" borderId="2" xfId="0" applyFont="1" applyBorder="1" applyAlignment="1">
      <alignment vertical="center"/>
    </xf>
    <xf numFmtId="0" fontId="85" fillId="0" borderId="0" xfId="0" applyFont="1" applyBorder="1" applyAlignment="1">
      <alignment horizontal="left" vertical="top"/>
    </xf>
    <xf numFmtId="175" fontId="12" fillId="0" borderId="0" xfId="0" applyNumberFormat="1" applyFont="1" applyBorder="1" applyAlignment="1" applyProtection="1">
      <alignment vertical="center"/>
    </xf>
    <xf numFmtId="0" fontId="86" fillId="0" borderId="0" xfId="0" applyFont="1" applyBorder="1" applyAlignment="1">
      <alignment horizontal="left"/>
    </xf>
    <xf numFmtId="0" fontId="86" fillId="0" borderId="0" xfId="0" applyFont="1" applyBorder="1" applyAlignment="1">
      <alignment horizontal="center"/>
    </xf>
    <xf numFmtId="0" fontId="12" fillId="0" borderId="0" xfId="0" applyFont="1" applyBorder="1" applyAlignment="1"/>
    <xf numFmtId="0" fontId="20" fillId="0" borderId="0" xfId="0" applyFont="1" applyBorder="1" applyAlignment="1">
      <alignment horizontal="left" vertical="center"/>
    </xf>
    <xf numFmtId="165" fontId="19" fillId="0" borderId="0" xfId="0" applyNumberFormat="1" applyFont="1" applyFill="1" applyBorder="1" applyAlignment="1" applyProtection="1">
      <alignment vertical="center"/>
    </xf>
    <xf numFmtId="0" fontId="83" fillId="0" borderId="0" xfId="0" applyFont="1" applyBorder="1" applyAlignment="1">
      <alignment horizontal="left" vertical="center"/>
    </xf>
    <xf numFmtId="0" fontId="83" fillId="0" borderId="0" xfId="0" applyFont="1" applyBorder="1" applyAlignment="1">
      <alignment horizontal="center" vertical="center"/>
    </xf>
    <xf numFmtId="0" fontId="87" fillId="0" borderId="0" xfId="0" applyFont="1" applyBorder="1" applyAlignment="1">
      <alignment vertical="center"/>
    </xf>
    <xf numFmtId="0" fontId="83" fillId="0" borderId="0" xfId="0" applyFont="1" applyBorder="1" applyAlignment="1">
      <alignment vertical="center"/>
    </xf>
    <xf numFmtId="0" fontId="84" fillId="0" borderId="0" xfId="0" applyFont="1" applyBorder="1" applyAlignment="1">
      <alignment horizontal="center" vertical="center"/>
    </xf>
    <xf numFmtId="0" fontId="87" fillId="0" borderId="0" xfId="0" applyFont="1" applyBorder="1" applyAlignment="1">
      <alignment horizontal="left" vertical="center"/>
    </xf>
    <xf numFmtId="0" fontId="3" fillId="0" borderId="2" xfId="0" applyFont="1" applyFill="1" applyBorder="1" applyAlignment="1" applyProtection="1"/>
    <xf numFmtId="0" fontId="3" fillId="0" borderId="2" xfId="0" applyFont="1" applyFill="1" applyBorder="1" applyAlignment="1" applyProtection="1">
      <alignment horizontal="left" wrapText="1" indent="2"/>
    </xf>
    <xf numFmtId="0" fontId="5" fillId="0" borderId="1" xfId="0" applyFont="1" applyBorder="1" applyAlignment="1">
      <alignment horizontal="left" vertical="center" wrapText="1" indent="1"/>
    </xf>
    <xf numFmtId="0" fontId="5" fillId="0" borderId="1" xfId="0" applyFont="1" applyFill="1" applyBorder="1" applyAlignment="1" applyProtection="1">
      <alignment horizontal="center" vertical="center" wrapText="1"/>
    </xf>
    <xf numFmtId="0" fontId="5" fillId="2" borderId="1" xfId="0" applyFont="1" applyFill="1" applyBorder="1" applyAlignment="1" applyProtection="1">
      <alignment horizontal="center" vertical="center" wrapText="1"/>
    </xf>
    <xf numFmtId="0" fontId="5" fillId="0" borderId="1" xfId="0" applyFont="1" applyBorder="1" applyAlignment="1">
      <alignment horizontal="center" vertical="center" wrapText="1"/>
    </xf>
    <xf numFmtId="0" fontId="5" fillId="0" borderId="0" xfId="0" applyFont="1" applyBorder="1" applyAlignment="1" applyProtection="1">
      <alignment horizontal="left"/>
    </xf>
    <xf numFmtId="0" fontId="5" fillId="0" borderId="0" xfId="0" applyFont="1" applyBorder="1" applyAlignment="1" applyProtection="1">
      <alignment horizontal="left" indent="1"/>
    </xf>
    <xf numFmtId="0" fontId="48" fillId="0" borderId="0" xfId="0" applyFont="1" applyBorder="1" applyAlignment="1">
      <alignment vertical="center"/>
    </xf>
    <xf numFmtId="0" fontId="5" fillId="0" borderId="0" xfId="0" applyFont="1" applyBorder="1" applyAlignment="1" applyProtection="1">
      <alignment horizontal="left" vertical="center"/>
    </xf>
    <xf numFmtId="0" fontId="88" fillId="0" borderId="0" xfId="0" applyFont="1" applyBorder="1" applyAlignment="1">
      <alignment vertical="center"/>
    </xf>
    <xf numFmtId="0" fontId="24" fillId="0" borderId="0" xfId="0" applyFont="1" applyBorder="1" applyAlignment="1">
      <alignment vertical="center"/>
    </xf>
    <xf numFmtId="165" fontId="5" fillId="0" borderId="0" xfId="0" applyNumberFormat="1" applyFont="1" applyFill="1" applyBorder="1" applyAlignment="1" applyProtection="1">
      <alignment horizontal="left" indent="1"/>
    </xf>
    <xf numFmtId="0" fontId="48" fillId="0" borderId="0" xfId="0" applyFont="1" applyBorder="1" applyAlignment="1">
      <alignment horizontal="left" indent="1"/>
    </xf>
    <xf numFmtId="165" fontId="5" fillId="3" borderId="0" xfId="0" applyNumberFormat="1" applyFont="1" applyFill="1" applyBorder="1" applyAlignment="1" applyProtection="1">
      <alignment horizontal="left" indent="1"/>
    </xf>
    <xf numFmtId="165" fontId="5" fillId="0" borderId="0" xfId="0" applyNumberFormat="1" applyFont="1" applyBorder="1" applyAlignment="1" applyProtection="1">
      <alignment horizontal="left" indent="1"/>
    </xf>
    <xf numFmtId="165" fontId="24" fillId="2" borderId="0" xfId="0" applyNumberFormat="1" applyFont="1" applyFill="1" applyBorder="1" applyAlignment="1" applyProtection="1">
      <alignment vertical="center"/>
    </xf>
    <xf numFmtId="0" fontId="89" fillId="0" borderId="1" xfId="0" applyFont="1" applyBorder="1" applyAlignment="1">
      <alignment horizontal="left" vertical="center"/>
    </xf>
    <xf numFmtId="0" fontId="5" fillId="0" borderId="1" xfId="0" applyFont="1" applyBorder="1" applyAlignment="1">
      <alignment horizontal="center" vertical="center"/>
    </xf>
    <xf numFmtId="0" fontId="5" fillId="2" borderId="1" xfId="0" applyFont="1" applyFill="1" applyBorder="1" applyAlignment="1">
      <alignment horizontal="center" vertical="center"/>
    </xf>
    <xf numFmtId="0" fontId="2" fillId="0" borderId="0" xfId="0" applyFont="1" applyBorder="1" applyAlignment="1">
      <alignment vertical="top"/>
    </xf>
    <xf numFmtId="0" fontId="89" fillId="0" borderId="0" xfId="0" applyFont="1" applyBorder="1" applyAlignment="1">
      <alignment horizontal="left" vertical="center"/>
    </xf>
    <xf numFmtId="0" fontId="89" fillId="0" borderId="0" xfId="0" applyFont="1" applyBorder="1" applyAlignment="1">
      <alignment horizontal="center" vertical="center"/>
    </xf>
    <xf numFmtId="165" fontId="89" fillId="0" borderId="0" xfId="0" applyNumberFormat="1" applyFont="1" applyBorder="1" applyAlignment="1">
      <alignment horizontal="center" vertical="center"/>
    </xf>
    <xf numFmtId="0" fontId="89" fillId="0" borderId="0" xfId="0" applyFont="1" applyBorder="1" applyAlignment="1">
      <alignment vertical="center"/>
    </xf>
    <xf numFmtId="0" fontId="5" fillId="0" borderId="0" xfId="0" applyFont="1" applyBorder="1" applyAlignment="1">
      <alignment horizontal="center" vertical="center"/>
    </xf>
    <xf numFmtId="0" fontId="91" fillId="0" borderId="0" xfId="0" applyFont="1" applyBorder="1" applyAlignment="1">
      <alignment horizontal="left" vertical="center"/>
    </xf>
    <xf numFmtId="0" fontId="91" fillId="0" borderId="0" xfId="0" applyFont="1" applyBorder="1" applyAlignment="1">
      <alignment vertical="center"/>
    </xf>
    <xf numFmtId="0" fontId="3" fillId="0" borderId="0" xfId="0" applyFont="1" applyFill="1" applyBorder="1" applyAlignment="1">
      <alignment horizontal="center" vertical="center"/>
    </xf>
    <xf numFmtId="0" fontId="3" fillId="0" borderId="1" xfId="0" applyFont="1" applyBorder="1" applyAlignment="1">
      <alignment horizontal="center" vertical="center"/>
    </xf>
    <xf numFmtId="0" fontId="3" fillId="0" borderId="1" xfId="0" applyFont="1" applyFill="1" applyBorder="1" applyAlignment="1">
      <alignment horizontal="center" vertical="center"/>
    </xf>
    <xf numFmtId="9" fontId="5" fillId="0" borderId="0" xfId="0" applyNumberFormat="1" applyFont="1" applyFill="1" applyBorder="1" applyAlignment="1">
      <alignment horizontal="center" vertical="center"/>
    </xf>
    <xf numFmtId="172" fontId="5" fillId="0" borderId="0" xfId="0" applyNumberFormat="1" applyFont="1" applyFill="1" applyBorder="1" applyAlignment="1">
      <alignment horizontal="center" vertical="center"/>
    </xf>
    <xf numFmtId="164" fontId="32" fillId="0" borderId="0" xfId="0" applyNumberFormat="1" applyFont="1" applyFill="1" applyBorder="1" applyAlignment="1">
      <alignment horizontal="center" vertical="center"/>
    </xf>
    <xf numFmtId="49" fontId="32" fillId="0" borderId="0" xfId="0" applyNumberFormat="1" applyFont="1" applyFill="1" applyBorder="1" applyAlignment="1">
      <alignment horizontal="center" vertical="center"/>
    </xf>
    <xf numFmtId="170" fontId="32" fillId="0" borderId="0" xfId="0" applyNumberFormat="1" applyFont="1" applyFill="1" applyBorder="1" applyAlignment="1">
      <alignment horizontal="center" vertical="center"/>
    </xf>
    <xf numFmtId="165" fontId="5" fillId="0" borderId="0" xfId="0" applyNumberFormat="1" applyFont="1" applyFill="1" applyBorder="1" applyAlignment="1">
      <alignment horizontal="center" vertical="center"/>
    </xf>
    <xf numFmtId="172" fontId="5" fillId="0" borderId="0" xfId="0" quotePrefix="1" applyNumberFormat="1" applyFont="1" applyFill="1" applyBorder="1" applyAlignment="1">
      <alignment horizontal="center" vertical="center"/>
    </xf>
    <xf numFmtId="0" fontId="10" fillId="0" borderId="1" xfId="0" quotePrefix="1" applyNumberFormat="1" applyFont="1" applyBorder="1" applyAlignment="1">
      <alignment horizontal="right" vertical="center"/>
    </xf>
    <xf numFmtId="0" fontId="11" fillId="0" borderId="0" xfId="0" applyNumberFormat="1" applyFont="1" applyBorder="1" applyAlignment="1">
      <alignment horizontal="right" vertical="center"/>
    </xf>
    <xf numFmtId="49" fontId="12" fillId="0" borderId="0" xfId="0" applyNumberFormat="1" applyFont="1" applyBorder="1" applyAlignment="1">
      <alignment vertical="center" wrapText="1"/>
    </xf>
    <xf numFmtId="0" fontId="12" fillId="0" borderId="0" xfId="0" applyFont="1" applyAlignment="1">
      <alignment vertical="center" wrapText="1"/>
    </xf>
    <xf numFmtId="49" fontId="12" fillId="0" borderId="0" xfId="0" applyNumberFormat="1" applyFont="1" applyBorder="1" applyAlignment="1">
      <alignment horizontal="left" vertical="center"/>
    </xf>
    <xf numFmtId="0" fontId="93" fillId="4" borderId="5" xfId="0" applyFont="1" applyFill="1" applyBorder="1"/>
    <xf numFmtId="49" fontId="37" fillId="0" borderId="3" xfId="0" applyNumberFormat="1" applyFont="1" applyBorder="1" applyAlignment="1" applyProtection="1">
      <alignment horizontal="center" vertical="center"/>
      <protection locked="0"/>
    </xf>
    <xf numFmtId="0" fontId="0" fillId="0" borderId="3" xfId="0" applyBorder="1" applyAlignment="1">
      <alignment horizontal="center" vertical="center"/>
    </xf>
    <xf numFmtId="49" fontId="3" fillId="0" borderId="3" xfId="4" applyNumberFormat="1" applyFont="1" applyFill="1" applyBorder="1" applyAlignment="1">
      <alignment horizontal="left" vertical="center"/>
    </xf>
    <xf numFmtId="0" fontId="11" fillId="0" borderId="0" xfId="4" applyFont="1" applyFill="1" applyAlignment="1">
      <alignment horizontal="left" vertical="center"/>
    </xf>
    <xf numFmtId="0" fontId="12" fillId="0" borderId="0" xfId="0" applyFont="1" applyAlignment="1">
      <alignment vertical="center" wrapText="1"/>
    </xf>
    <xf numFmtId="0" fontId="0" fillId="0" borderId="0" xfId="0" applyAlignment="1">
      <alignment vertical="center" wrapText="1"/>
    </xf>
    <xf numFmtId="0" fontId="12" fillId="0" borderId="0" xfId="0" applyFont="1" applyBorder="1" applyAlignment="1">
      <alignment horizontal="left" vertical="top" wrapText="1"/>
    </xf>
    <xf numFmtId="0" fontId="3" fillId="0" borderId="2" xfId="0" applyFont="1" applyFill="1" applyBorder="1" applyAlignment="1">
      <alignment horizontal="left"/>
    </xf>
    <xf numFmtId="0" fontId="3" fillId="0" borderId="0" xfId="0" applyFont="1" applyFill="1" applyBorder="1" applyAlignment="1">
      <alignment horizontal="left"/>
    </xf>
    <xf numFmtId="0" fontId="3" fillId="0" borderId="2" xfId="0" applyFont="1" applyFill="1" applyBorder="1" applyAlignment="1">
      <alignment horizontal="center" wrapText="1"/>
    </xf>
    <xf numFmtId="0" fontId="3" fillId="0" borderId="0" xfId="0" applyFont="1" applyFill="1" applyBorder="1" applyAlignment="1">
      <alignment horizontal="center" wrapText="1"/>
    </xf>
    <xf numFmtId="0" fontId="3" fillId="2" borderId="2" xfId="0" applyFont="1" applyFill="1" applyBorder="1" applyAlignment="1">
      <alignment horizontal="center" wrapText="1"/>
    </xf>
    <xf numFmtId="0" fontId="0" fillId="0" borderId="0" xfId="0" applyBorder="1" applyAlignment="1">
      <alignment horizontal="center" wrapText="1"/>
    </xf>
    <xf numFmtId="0" fontId="3" fillId="0" borderId="2" xfId="0" applyFont="1" applyBorder="1" applyAlignment="1">
      <alignment horizontal="center" wrapText="1"/>
    </xf>
    <xf numFmtId="0" fontId="12" fillId="0" borderId="0" xfId="0" applyFont="1" applyBorder="1" applyAlignment="1">
      <alignment vertical="center" wrapText="1"/>
    </xf>
    <xf numFmtId="0" fontId="52" fillId="0" borderId="0" xfId="0" applyFont="1" applyBorder="1" applyAlignment="1">
      <alignment vertical="center" wrapText="1"/>
    </xf>
    <xf numFmtId="0" fontId="0" fillId="0" borderId="0" xfId="0" applyFont="1"/>
    <xf numFmtId="0" fontId="0" fillId="0" borderId="0" xfId="0"/>
    <xf numFmtId="0" fontId="32" fillId="0" borderId="0" xfId="0" applyFont="1" applyAlignment="1">
      <alignment horizontal="left" vertical="top" wrapText="1"/>
    </xf>
    <xf numFmtId="0" fontId="12" fillId="0" borderId="0" xfId="0" applyFont="1" applyBorder="1" applyAlignment="1">
      <alignment horizontal="left" vertical="center" wrapText="1"/>
    </xf>
    <xf numFmtId="0" fontId="3" fillId="0" borderId="2" xfId="8" applyFont="1" applyBorder="1" applyAlignment="1">
      <alignment horizontal="center" wrapText="1"/>
    </xf>
    <xf numFmtId="0" fontId="3" fillId="0" borderId="0" xfId="8" applyFont="1" applyBorder="1" applyAlignment="1">
      <alignment horizontal="center" wrapText="1"/>
    </xf>
    <xf numFmtId="0" fontId="3" fillId="0" borderId="2" xfId="8" applyFont="1" applyBorder="1" applyAlignment="1">
      <alignment horizontal="left"/>
    </xf>
    <xf numFmtId="0" fontId="3" fillId="0" borderId="0" xfId="8" applyFont="1" applyBorder="1" applyAlignment="1">
      <alignment horizontal="left"/>
    </xf>
    <xf numFmtId="0" fontId="3" fillId="0" borderId="2" xfId="8" applyFont="1" applyBorder="1" applyAlignment="1">
      <alignment horizontal="center"/>
    </xf>
    <xf numFmtId="0" fontId="3" fillId="0" borderId="0" xfId="8" applyFont="1" applyBorder="1" applyAlignment="1">
      <alignment horizontal="center"/>
    </xf>
    <xf numFmtId="0" fontId="44" fillId="0" borderId="0" xfId="0" applyFont="1" applyBorder="1" applyAlignment="1">
      <alignment vertical="center" wrapText="1"/>
    </xf>
    <xf numFmtId="0" fontId="44" fillId="0" borderId="0" xfId="0" applyFont="1" applyAlignment="1">
      <alignment vertical="center" wrapText="1"/>
    </xf>
    <xf numFmtId="0" fontId="12" fillId="0" borderId="0" xfId="12" applyFont="1" applyBorder="1" applyAlignment="1">
      <alignment vertical="center" wrapText="1"/>
    </xf>
    <xf numFmtId="0" fontId="23" fillId="0" borderId="0" xfId="12" applyAlignment="1">
      <alignment vertical="center" wrapText="1"/>
    </xf>
    <xf numFmtId="175" fontId="12" fillId="0" borderId="0" xfId="0" applyNumberFormat="1" applyFont="1" applyBorder="1" applyAlignment="1" applyProtection="1">
      <alignment vertical="center" wrapText="1"/>
    </xf>
    <xf numFmtId="0" fontId="86" fillId="0" borderId="0" xfId="0" applyFont="1" applyBorder="1" applyAlignment="1">
      <alignment horizontal="left" wrapText="1"/>
    </xf>
    <xf numFmtId="0" fontId="68" fillId="0" borderId="0" xfId="0" applyFont="1" applyAlignment="1">
      <alignment wrapText="1"/>
    </xf>
    <xf numFmtId="0" fontId="90" fillId="0" borderId="2" xfId="0" applyFont="1" applyBorder="1" applyAlignment="1">
      <alignment horizontal="left" vertical="center" wrapText="1"/>
    </xf>
  </cellXfs>
  <cellStyles count="13">
    <cellStyle name="Comma" xfId="1" builtinId="3"/>
    <cellStyle name="Currency" xfId="2" builtinId="4"/>
    <cellStyle name="Normal" xfId="0" builtinId="0"/>
    <cellStyle name="Normal 10" xfId="7" xr:uid="{00000000-0005-0000-0000-000003000000}"/>
    <cellStyle name="Normal 2" xfId="5" xr:uid="{00000000-0005-0000-0000-000004000000}"/>
    <cellStyle name="Normal 2 2 4" xfId="6" xr:uid="{00000000-0005-0000-0000-000005000000}"/>
    <cellStyle name="Normal 24" xfId="8" xr:uid="{00000000-0005-0000-0000-000006000000}"/>
    <cellStyle name="Normal 3" xfId="10" xr:uid="{00000000-0005-0000-0000-000007000000}"/>
    <cellStyle name="Normal 3 3" xfId="9" xr:uid="{00000000-0005-0000-0000-000008000000}"/>
    <cellStyle name="Normal 6" xfId="11" xr:uid="{00000000-0005-0000-0000-000009000000}"/>
    <cellStyle name="Normal_Hydro Budget 2008 capital request Dec FINAL" xfId="12" xr:uid="{00000000-0005-0000-0000-00000A000000}"/>
    <cellStyle name="Normal_Table 1.xx Health and Social Transfer" xfId="4" xr:uid="{00000000-0005-0000-0000-00000B000000}"/>
    <cellStyle name="Percent" xfId="3" builtinId="5"/>
  </cellStyles>
  <dxfs count="0"/>
  <tableStyles count="0" defaultTableStyle="TableStyleMedium9" defaultPivotStyle="PivotStyleLight16"/>
  <colors>
    <mruColors>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0</xdr:col>
      <xdr:colOff>227379</xdr:colOff>
      <xdr:row>67</xdr:row>
      <xdr:rowOff>63500</xdr:rowOff>
    </xdr:from>
    <xdr:to>
      <xdr:col>20</xdr:col>
      <xdr:colOff>392322</xdr:colOff>
      <xdr:row>67</xdr:row>
      <xdr:rowOff>174146</xdr:rowOff>
    </xdr:to>
    <xdr:sp macro="" textlink="">
      <xdr:nvSpPr>
        <xdr:cNvPr id="2" name="AutoShape 22">
          <a:extLst>
            <a:ext uri="{FF2B5EF4-FFF2-40B4-BE49-F238E27FC236}">
              <a16:creationId xmlns:a16="http://schemas.microsoft.com/office/drawing/2014/main" id="{00000000-0008-0000-1400-000002000000}"/>
            </a:ext>
          </a:extLst>
        </xdr:cNvPr>
        <xdr:cNvSpPr>
          <a:spLocks noChangeArrowheads="1"/>
        </xdr:cNvSpPr>
      </xdr:nvSpPr>
      <xdr:spPr bwMode="auto">
        <a:xfrm>
          <a:off x="6256704" y="9055100"/>
          <a:ext cx="164943" cy="110646"/>
        </a:xfrm>
        <a:prstGeom prst="rightArrow">
          <a:avLst>
            <a:gd name="adj1" fmla="val 50000"/>
            <a:gd name="adj2" fmla="val 36250"/>
          </a:avLst>
        </a:prstGeom>
        <a:solidFill>
          <a:srgbClr val="FFFFFF"/>
        </a:solidFill>
        <a:ln w="6350">
          <a:solidFill>
            <a:srgbClr val="000000"/>
          </a:solidFill>
          <a:miter lim="800000"/>
          <a:headEnd/>
          <a:tailEnd/>
        </a:ln>
        <a:effectLst/>
      </xdr:spPr>
    </xdr:sp>
    <xdr:clientData/>
  </xdr:twoCellAnchor>
  <xdr:twoCellAnchor>
    <xdr:from>
      <xdr:col>20</xdr:col>
      <xdr:colOff>265479</xdr:colOff>
      <xdr:row>107</xdr:row>
      <xdr:rowOff>44450</xdr:rowOff>
    </xdr:from>
    <xdr:to>
      <xdr:col>20</xdr:col>
      <xdr:colOff>430422</xdr:colOff>
      <xdr:row>107</xdr:row>
      <xdr:rowOff>155096</xdr:rowOff>
    </xdr:to>
    <xdr:sp macro="" textlink="">
      <xdr:nvSpPr>
        <xdr:cNvPr id="3" name="AutoShape 22">
          <a:extLst>
            <a:ext uri="{FF2B5EF4-FFF2-40B4-BE49-F238E27FC236}">
              <a16:creationId xmlns:a16="http://schemas.microsoft.com/office/drawing/2014/main" id="{00000000-0008-0000-1400-000003000000}"/>
            </a:ext>
          </a:extLst>
        </xdr:cNvPr>
        <xdr:cNvSpPr>
          <a:spLocks noChangeArrowheads="1"/>
        </xdr:cNvSpPr>
      </xdr:nvSpPr>
      <xdr:spPr bwMode="auto">
        <a:xfrm>
          <a:off x="6294804" y="14408150"/>
          <a:ext cx="164943" cy="110646"/>
        </a:xfrm>
        <a:prstGeom prst="rightArrow">
          <a:avLst>
            <a:gd name="adj1" fmla="val 50000"/>
            <a:gd name="adj2" fmla="val 36250"/>
          </a:avLst>
        </a:prstGeom>
        <a:solidFill>
          <a:srgbClr val="FFFFFF"/>
        </a:solidFill>
        <a:ln w="6350">
          <a:solidFill>
            <a:srgbClr val="000000"/>
          </a:solidFill>
          <a:miter lim="800000"/>
          <a:headEnd/>
          <a:tailEnd/>
        </a:ln>
        <a:effectLst/>
      </xdr:spPr>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46"/>
  <sheetViews>
    <sheetView showGridLines="0" zoomScaleNormal="100" zoomScaleSheetLayoutView="100" workbookViewId="0">
      <selection activeCell="A17" sqref="A17"/>
    </sheetView>
  </sheetViews>
  <sheetFormatPr defaultColWidth="8.85546875" defaultRowHeight="12.75" x14ac:dyDescent="0.2"/>
  <cols>
    <col min="1" max="1" width="1.28515625" style="24" customWidth="1"/>
    <col min="2" max="2" width="1.28515625" style="23" customWidth="1"/>
    <col min="3" max="3" width="7.7109375" style="24" customWidth="1"/>
    <col min="4" max="4" width="29.85546875" style="24" customWidth="1"/>
    <col min="5" max="5" width="8.42578125" style="24" bestFit="1" customWidth="1"/>
    <col min="6" max="6" width="1" style="9" customWidth="1"/>
    <col min="7" max="7" width="8.140625" style="24" bestFit="1" customWidth="1"/>
    <col min="8" max="8" width="1" style="9" customWidth="1"/>
    <col min="9" max="9" width="8.140625" style="24" bestFit="1" customWidth="1"/>
    <col min="10" max="10" width="1" style="25" customWidth="1"/>
    <col min="11" max="11" width="8.140625" style="24" customWidth="1"/>
    <col min="12" max="16384" width="8.85546875" style="63"/>
  </cols>
  <sheetData>
    <row r="1" spans="1:11" ht="17.25" customHeight="1" x14ac:dyDescent="0.2">
      <c r="A1" s="26" t="s">
        <v>8</v>
      </c>
      <c r="B1" s="27"/>
      <c r="C1" s="26"/>
      <c r="D1" s="26"/>
      <c r="E1" s="26"/>
      <c r="F1" s="29"/>
      <c r="G1" s="26"/>
      <c r="H1" s="30"/>
      <c r="I1" s="26"/>
      <c r="J1" s="28"/>
      <c r="K1" s="26"/>
    </row>
    <row r="2" spans="1:11" s="64" customFormat="1" ht="36.75" customHeight="1" x14ac:dyDescent="0.2">
      <c r="A2" s="11"/>
      <c r="B2" s="70" t="s">
        <v>0</v>
      </c>
      <c r="C2" s="67"/>
      <c r="D2" s="67"/>
      <c r="E2" s="69" t="s">
        <v>22</v>
      </c>
      <c r="F2" s="1"/>
      <c r="G2" s="68" t="s">
        <v>23</v>
      </c>
      <c r="H2" s="1"/>
      <c r="I2" s="66" t="s">
        <v>24</v>
      </c>
      <c r="J2" s="47"/>
      <c r="K2" s="66" t="s">
        <v>25</v>
      </c>
    </row>
    <row r="3" spans="1:11" s="61" customFormat="1" ht="1.9" customHeight="1" x14ac:dyDescent="0.2">
      <c r="A3" s="48"/>
      <c r="B3" s="49"/>
      <c r="C3" s="48"/>
      <c r="D3" s="48"/>
      <c r="E3" s="52"/>
      <c r="F3" s="53"/>
      <c r="G3" s="54"/>
      <c r="H3" s="53"/>
      <c r="I3" s="50"/>
      <c r="J3" s="51"/>
      <c r="K3" s="55"/>
    </row>
    <row r="4" spans="1:11" s="61" customFormat="1" ht="1.9" customHeight="1" x14ac:dyDescent="0.2">
      <c r="A4" s="12"/>
      <c r="B4" s="2"/>
      <c r="C4" s="12"/>
      <c r="D4" s="12"/>
      <c r="E4" s="5"/>
      <c r="F4" s="6"/>
      <c r="G4" s="7"/>
      <c r="H4" s="6"/>
      <c r="I4" s="3"/>
      <c r="J4" s="4"/>
      <c r="K4" s="8"/>
    </row>
    <row r="5" spans="1:11" s="61" customFormat="1" ht="13.5" customHeight="1" x14ac:dyDescent="0.2">
      <c r="A5" s="10"/>
      <c r="B5" s="10" t="s">
        <v>19</v>
      </c>
      <c r="C5" s="10"/>
      <c r="D5" s="10"/>
      <c r="E5" s="14">
        <v>53365</v>
      </c>
      <c r="F5" s="13"/>
      <c r="G5" s="56">
        <v>54877</v>
      </c>
      <c r="H5" s="13"/>
      <c r="I5" s="14">
        <v>57580</v>
      </c>
      <c r="J5" s="13"/>
      <c r="K5" s="14">
        <v>58566</v>
      </c>
    </row>
    <row r="6" spans="1:11" s="61" customFormat="1" ht="13.5" customHeight="1" x14ac:dyDescent="0.2">
      <c r="A6" s="10"/>
      <c r="B6" s="10" t="s">
        <v>10</v>
      </c>
      <c r="C6" s="10"/>
      <c r="D6" s="10"/>
      <c r="E6" s="14">
        <v>-51818</v>
      </c>
      <c r="F6" s="13"/>
      <c r="G6" s="56">
        <v>-53624</v>
      </c>
      <c r="H6" s="13"/>
      <c r="I6" s="14">
        <v>-56778</v>
      </c>
      <c r="J6" s="13"/>
      <c r="K6" s="14">
        <v>-57762</v>
      </c>
    </row>
    <row r="7" spans="1:11" s="61" customFormat="1" ht="14.25" customHeight="1" x14ac:dyDescent="0.2">
      <c r="A7" s="10"/>
      <c r="B7" s="40" t="s">
        <v>11</v>
      </c>
      <c r="C7" s="10"/>
      <c r="D7" s="10"/>
      <c r="E7" s="37">
        <v>-100</v>
      </c>
      <c r="F7" s="13"/>
      <c r="G7" s="57">
        <v>-350</v>
      </c>
      <c r="H7" s="13"/>
      <c r="I7" s="37">
        <v>-500</v>
      </c>
      <c r="J7" s="13"/>
      <c r="K7" s="37">
        <v>-600</v>
      </c>
    </row>
    <row r="8" spans="1:11" s="61" customFormat="1" ht="15" customHeight="1" x14ac:dyDescent="0.2">
      <c r="A8" s="12" t="s">
        <v>18</v>
      </c>
      <c r="B8" s="16"/>
      <c r="C8" s="12"/>
      <c r="D8" s="12"/>
      <c r="E8" s="76">
        <v>1447</v>
      </c>
      <c r="F8" s="15"/>
      <c r="G8" s="77">
        <v>903</v>
      </c>
      <c r="H8" s="15"/>
      <c r="I8" s="76">
        <v>302</v>
      </c>
      <c r="J8" s="15"/>
      <c r="K8" s="76">
        <v>204</v>
      </c>
    </row>
    <row r="9" spans="1:11" s="61" customFormat="1" ht="13.5" customHeight="1" x14ac:dyDescent="0.2">
      <c r="A9" s="12"/>
      <c r="B9" s="40" t="s">
        <v>20</v>
      </c>
      <c r="C9" s="10"/>
      <c r="D9" s="10"/>
      <c r="E9" s="14">
        <v>-1296</v>
      </c>
      <c r="F9" s="13">
        <v>0</v>
      </c>
      <c r="G9" s="56">
        <v>-1076</v>
      </c>
      <c r="H9" s="13">
        <v>0</v>
      </c>
      <c r="I9" s="14">
        <v>-801</v>
      </c>
      <c r="J9" s="13">
        <v>0</v>
      </c>
      <c r="K9" s="14">
        <v>-920</v>
      </c>
    </row>
    <row r="10" spans="1:11" s="61" customFormat="1" ht="14.25" customHeight="1" x14ac:dyDescent="0.2">
      <c r="A10" s="12"/>
      <c r="B10" s="40" t="s">
        <v>21</v>
      </c>
      <c r="C10" s="10"/>
      <c r="D10" s="10"/>
      <c r="E10" s="78">
        <v>0</v>
      </c>
      <c r="F10" s="13"/>
      <c r="G10" s="57">
        <v>392</v>
      </c>
      <c r="H10" s="13"/>
      <c r="I10" s="37">
        <v>780</v>
      </c>
      <c r="J10" s="13"/>
      <c r="K10" s="37">
        <v>1000</v>
      </c>
    </row>
    <row r="11" spans="1:11" s="61" customFormat="1" ht="15" customHeight="1" x14ac:dyDescent="0.2">
      <c r="A11" s="12" t="s">
        <v>9</v>
      </c>
      <c r="B11" s="16"/>
      <c r="C11" s="12"/>
      <c r="D11" s="12"/>
      <c r="E11" s="38">
        <v>151</v>
      </c>
      <c r="F11" s="15"/>
      <c r="G11" s="58">
        <v>219</v>
      </c>
      <c r="H11" s="15"/>
      <c r="I11" s="38">
        <v>281</v>
      </c>
      <c r="J11" s="15"/>
      <c r="K11" s="38">
        <v>284</v>
      </c>
    </row>
    <row r="12" spans="1:11" s="61" customFormat="1" ht="3.75" customHeight="1" x14ac:dyDescent="0.2">
      <c r="A12" s="12"/>
      <c r="B12" s="16"/>
      <c r="C12" s="12"/>
      <c r="D12" s="12"/>
      <c r="E12" s="38"/>
      <c r="F12" s="15"/>
      <c r="G12" s="58"/>
      <c r="H12" s="15"/>
      <c r="I12" s="38"/>
      <c r="J12" s="15"/>
      <c r="K12" s="38"/>
    </row>
    <row r="13" spans="1:11" s="65" customFormat="1" ht="13.15" customHeight="1" x14ac:dyDescent="0.2">
      <c r="A13" s="39" t="s">
        <v>1</v>
      </c>
      <c r="B13" s="40"/>
      <c r="C13" s="40"/>
      <c r="D13" s="40"/>
      <c r="E13" s="24"/>
      <c r="F13" s="9"/>
      <c r="G13" s="59"/>
      <c r="H13" s="42"/>
      <c r="I13" s="41"/>
      <c r="J13" s="42"/>
      <c r="K13" s="41"/>
    </row>
    <row r="14" spans="1:11" s="65" customFormat="1" ht="13.5" customHeight="1" x14ac:dyDescent="0.2">
      <c r="A14" s="39"/>
      <c r="B14" s="43" t="s">
        <v>2</v>
      </c>
      <c r="C14" s="40"/>
      <c r="D14" s="40"/>
      <c r="E14" s="14">
        <v>4197</v>
      </c>
      <c r="F14" s="9"/>
      <c r="G14" s="56">
        <v>5174</v>
      </c>
      <c r="H14" s="14"/>
      <c r="I14" s="14">
        <v>5160</v>
      </c>
      <c r="J14" s="14"/>
      <c r="K14" s="14">
        <v>5442</v>
      </c>
    </row>
    <row r="15" spans="1:11" s="61" customFormat="1" ht="14.25" customHeight="1" x14ac:dyDescent="0.2">
      <c r="A15" s="10"/>
      <c r="B15" s="10" t="s">
        <v>5</v>
      </c>
      <c r="C15" s="10"/>
      <c r="D15" s="10"/>
      <c r="E15" s="37">
        <v>2614</v>
      </c>
      <c r="F15" s="13"/>
      <c r="G15" s="57">
        <v>4061</v>
      </c>
      <c r="H15" s="13"/>
      <c r="I15" s="37">
        <v>3079</v>
      </c>
      <c r="J15" s="13"/>
      <c r="K15" s="37">
        <v>3285</v>
      </c>
    </row>
    <row r="16" spans="1:11" s="61" customFormat="1" ht="15" customHeight="1" x14ac:dyDescent="0.2">
      <c r="A16" s="12"/>
      <c r="B16" s="16"/>
      <c r="C16" s="12"/>
      <c r="D16" s="12"/>
      <c r="E16" s="38">
        <v>6811</v>
      </c>
      <c r="F16" s="15"/>
      <c r="G16" s="58">
        <v>9235</v>
      </c>
      <c r="H16" s="15"/>
      <c r="I16" s="38">
        <v>8239</v>
      </c>
      <c r="J16" s="15"/>
      <c r="K16" s="38">
        <v>8727</v>
      </c>
    </row>
    <row r="17" spans="1:11" s="65" customFormat="1" ht="13.5" customHeight="1" x14ac:dyDescent="0.2">
      <c r="A17" s="39" t="s">
        <v>3</v>
      </c>
      <c r="B17" s="43"/>
      <c r="C17" s="40"/>
      <c r="D17" s="40"/>
      <c r="E17" s="41"/>
      <c r="F17" s="9"/>
      <c r="G17" s="59"/>
      <c r="H17" s="42"/>
      <c r="I17" s="41"/>
      <c r="J17" s="42"/>
      <c r="K17" s="41"/>
    </row>
    <row r="18" spans="1:11" s="65" customFormat="1" ht="13.5" customHeight="1" x14ac:dyDescent="0.2">
      <c r="A18" s="39"/>
      <c r="B18" s="43" t="s">
        <v>4</v>
      </c>
      <c r="C18" s="40"/>
      <c r="D18" s="40"/>
      <c r="E18" s="14">
        <v>43680</v>
      </c>
      <c r="F18" s="9"/>
      <c r="G18" s="56">
        <v>45198</v>
      </c>
      <c r="H18" s="14"/>
      <c r="I18" s="14">
        <v>47554</v>
      </c>
      <c r="J18" s="14"/>
      <c r="K18" s="14">
        <v>50257</v>
      </c>
    </row>
    <row r="19" spans="1:11" s="61" customFormat="1" ht="14.25" customHeight="1" x14ac:dyDescent="0.2">
      <c r="A19" s="10"/>
      <c r="B19" s="10" t="s">
        <v>6</v>
      </c>
      <c r="C19" s="10"/>
      <c r="D19" s="10"/>
      <c r="E19" s="37">
        <v>21484</v>
      </c>
      <c r="F19" s="13"/>
      <c r="G19" s="57">
        <v>23824</v>
      </c>
      <c r="H19" s="13"/>
      <c r="I19" s="37">
        <v>25027</v>
      </c>
      <c r="J19" s="13"/>
      <c r="K19" s="37">
        <v>26197</v>
      </c>
    </row>
    <row r="20" spans="1:11" s="61" customFormat="1" ht="15" customHeight="1" x14ac:dyDescent="0.2">
      <c r="A20" s="12"/>
      <c r="B20" s="10" t="s">
        <v>7</v>
      </c>
      <c r="C20" s="12"/>
      <c r="D20" s="12"/>
      <c r="E20" s="38">
        <v>65264</v>
      </c>
      <c r="F20" s="15"/>
      <c r="G20" s="58">
        <v>69372</v>
      </c>
      <c r="H20" s="15"/>
      <c r="I20" s="38">
        <v>73081</v>
      </c>
      <c r="J20" s="15"/>
      <c r="K20" s="38">
        <v>77054</v>
      </c>
    </row>
    <row r="21" spans="1:11" s="65" customFormat="1" ht="15" customHeight="1" x14ac:dyDescent="0.2">
      <c r="A21" s="45" t="s">
        <v>12</v>
      </c>
      <c r="B21" s="45"/>
      <c r="C21" s="46"/>
      <c r="D21" s="46"/>
      <c r="E21" s="71">
        <v>0.15635179886537981</v>
      </c>
      <c r="F21" s="72"/>
      <c r="G21" s="74">
        <v>0.15496506286690578</v>
      </c>
      <c r="H21" s="73"/>
      <c r="I21" s="71">
        <v>0.15679155420490812</v>
      </c>
      <c r="J21" s="73"/>
      <c r="K21" s="71">
        <v>0.1594083089319657</v>
      </c>
    </row>
    <row r="22" spans="1:11" s="65" customFormat="1" ht="15" customHeight="1" x14ac:dyDescent="0.2">
      <c r="A22" s="45" t="s">
        <v>13</v>
      </c>
      <c r="B22" s="45"/>
      <c r="C22" s="46"/>
      <c r="D22" s="46"/>
      <c r="E22" s="71">
        <v>0.84262510127705559</v>
      </c>
      <c r="F22" s="72"/>
      <c r="G22" s="74">
        <v>0.84885249596213797</v>
      </c>
      <c r="H22" s="73"/>
      <c r="I22" s="71">
        <v>0.85100214745884051</v>
      </c>
      <c r="J22" s="73"/>
      <c r="K22" s="71">
        <v>0.88343763183799751</v>
      </c>
    </row>
    <row r="23" spans="1:11" s="61" customFormat="1" ht="2.25" customHeight="1" x14ac:dyDescent="0.2">
      <c r="A23" s="31"/>
      <c r="B23" s="32"/>
      <c r="C23" s="31"/>
      <c r="D23" s="31"/>
      <c r="E23" s="35"/>
      <c r="F23" s="36"/>
      <c r="G23" s="44"/>
      <c r="H23" s="36"/>
      <c r="I23" s="33"/>
      <c r="J23" s="34"/>
      <c r="K23" s="33"/>
    </row>
    <row r="24" spans="1:11" s="61" customFormat="1" ht="11.25" customHeight="1" x14ac:dyDescent="0.2">
      <c r="A24" s="17"/>
      <c r="B24" s="18"/>
      <c r="C24" s="18"/>
      <c r="D24" s="18"/>
      <c r="E24" s="21"/>
      <c r="F24" s="22"/>
      <c r="G24" s="21"/>
      <c r="H24" s="22"/>
      <c r="I24" s="19"/>
      <c r="J24" s="20"/>
      <c r="K24" s="19"/>
    </row>
    <row r="25" spans="1:11" x14ac:dyDescent="0.2">
      <c r="A25" s="61"/>
      <c r="B25" s="61"/>
      <c r="C25" s="61"/>
      <c r="D25" s="61"/>
      <c r="E25" s="61"/>
      <c r="F25" s="61"/>
      <c r="G25" s="61"/>
      <c r="H25" s="61"/>
      <c r="I25" s="61"/>
      <c r="J25" s="61"/>
      <c r="K25" s="61"/>
    </row>
    <row r="26" spans="1:11" x14ac:dyDescent="0.2">
      <c r="A26" s="61"/>
      <c r="B26" s="61"/>
      <c r="C26" s="61"/>
      <c r="D26" s="61"/>
      <c r="E26" s="61"/>
      <c r="F26" s="61"/>
      <c r="G26" s="61"/>
      <c r="H26" s="61"/>
      <c r="I26" s="61"/>
      <c r="J26" s="61"/>
      <c r="K26" s="61"/>
    </row>
    <row r="27" spans="1:11" x14ac:dyDescent="0.2">
      <c r="A27" s="61"/>
      <c r="B27" s="61"/>
      <c r="C27" s="61"/>
      <c r="D27" s="61"/>
      <c r="E27" s="61"/>
      <c r="F27" s="61"/>
      <c r="G27" s="61"/>
      <c r="H27" s="61"/>
      <c r="I27" s="61"/>
      <c r="J27" s="61"/>
      <c r="K27" s="61"/>
    </row>
    <row r="28" spans="1:11" x14ac:dyDescent="0.2">
      <c r="A28" s="61"/>
      <c r="B28" s="61"/>
      <c r="C28" s="61"/>
      <c r="D28" s="61"/>
      <c r="E28" s="61"/>
      <c r="F28" s="61"/>
      <c r="G28" s="61"/>
      <c r="H28" s="61"/>
      <c r="I28" s="61"/>
      <c r="J28" s="61"/>
      <c r="K28" s="61"/>
    </row>
    <row r="29" spans="1:11" x14ac:dyDescent="0.2">
      <c r="A29" s="61"/>
      <c r="B29" s="61"/>
      <c r="C29" s="61"/>
      <c r="D29" s="61"/>
      <c r="E29" s="61"/>
      <c r="F29" s="61"/>
      <c r="G29" s="61"/>
      <c r="H29" s="61"/>
      <c r="I29" s="61"/>
      <c r="J29" s="61"/>
      <c r="K29" s="61"/>
    </row>
    <row r="30" spans="1:11" x14ac:dyDescent="0.2">
      <c r="A30" s="61"/>
      <c r="B30" s="61"/>
      <c r="C30" s="61"/>
      <c r="D30" s="61"/>
      <c r="E30" s="61"/>
      <c r="F30" s="61"/>
      <c r="G30" s="61"/>
      <c r="H30" s="61"/>
      <c r="I30" s="61"/>
      <c r="J30" s="61"/>
      <c r="K30" s="61"/>
    </row>
    <row r="31" spans="1:11" x14ac:dyDescent="0.2">
      <c r="E31" s="75"/>
      <c r="F31" s="75"/>
      <c r="G31" s="75"/>
      <c r="H31" s="75"/>
      <c r="I31" s="75"/>
      <c r="J31" s="75"/>
      <c r="K31" s="75"/>
    </row>
    <row r="32" spans="1:11" x14ac:dyDescent="0.2">
      <c r="E32" s="75"/>
      <c r="F32" s="75"/>
      <c r="G32" s="75"/>
      <c r="H32" s="75"/>
      <c r="I32" s="75"/>
      <c r="J32" s="75"/>
      <c r="K32" s="75"/>
    </row>
    <row r="33" spans="1:11" x14ac:dyDescent="0.2">
      <c r="E33" s="75"/>
      <c r="F33" s="75"/>
      <c r="G33" s="75"/>
      <c r="H33" s="75"/>
      <c r="I33" s="75"/>
      <c r="J33" s="75"/>
      <c r="K33" s="75"/>
    </row>
    <row r="34" spans="1:11" x14ac:dyDescent="0.2">
      <c r="E34" s="75"/>
      <c r="F34" s="75"/>
      <c r="G34" s="75"/>
      <c r="H34" s="75"/>
      <c r="I34" s="75"/>
      <c r="J34" s="75"/>
      <c r="K34" s="75"/>
    </row>
    <row r="35" spans="1:11" x14ac:dyDescent="0.2">
      <c r="E35" s="75"/>
      <c r="F35" s="75"/>
      <c r="G35" s="75"/>
      <c r="H35" s="75"/>
      <c r="I35" s="75"/>
      <c r="J35" s="75"/>
      <c r="K35" s="75"/>
    </row>
    <row r="36" spans="1:11" x14ac:dyDescent="0.2">
      <c r="E36" s="75"/>
      <c r="F36" s="75"/>
      <c r="G36" s="75"/>
      <c r="H36" s="75"/>
      <c r="I36" s="75"/>
      <c r="J36" s="75"/>
      <c r="K36" s="75"/>
    </row>
    <row r="37" spans="1:11" x14ac:dyDescent="0.2">
      <c r="E37" s="75"/>
      <c r="F37" s="75"/>
      <c r="G37" s="75"/>
      <c r="H37" s="75"/>
      <c r="I37" s="75"/>
      <c r="J37" s="75"/>
      <c r="K37" s="75"/>
    </row>
    <row r="38" spans="1:11" x14ac:dyDescent="0.2">
      <c r="E38" s="75"/>
      <c r="F38" s="75"/>
      <c r="G38" s="75"/>
      <c r="H38" s="75"/>
      <c r="I38" s="75"/>
      <c r="J38" s="75"/>
      <c r="K38" s="75"/>
    </row>
    <row r="39" spans="1:11" x14ac:dyDescent="0.2">
      <c r="E39" s="75"/>
      <c r="F39" s="75"/>
      <c r="G39" s="75"/>
      <c r="H39" s="75"/>
      <c r="I39" s="75"/>
      <c r="J39" s="75"/>
      <c r="K39" s="75"/>
    </row>
    <row r="40" spans="1:11" x14ac:dyDescent="0.2">
      <c r="E40" s="75"/>
      <c r="F40" s="75"/>
      <c r="G40" s="75"/>
      <c r="H40" s="75"/>
      <c r="I40" s="75"/>
      <c r="J40" s="75"/>
      <c r="K40" s="75"/>
    </row>
    <row r="41" spans="1:11" x14ac:dyDescent="0.2">
      <c r="E41" s="75"/>
      <c r="F41" s="75"/>
      <c r="G41" s="75"/>
      <c r="H41" s="75"/>
      <c r="I41" s="75"/>
      <c r="J41" s="75"/>
      <c r="K41" s="75"/>
    </row>
    <row r="42" spans="1:11" x14ac:dyDescent="0.2">
      <c r="E42" s="75"/>
      <c r="F42" s="75"/>
      <c r="G42" s="75"/>
      <c r="H42" s="75"/>
      <c r="I42" s="75"/>
      <c r="J42" s="75"/>
      <c r="K42" s="75"/>
    </row>
    <row r="43" spans="1:11" x14ac:dyDescent="0.2">
      <c r="E43" s="75"/>
      <c r="F43" s="75"/>
      <c r="G43" s="75"/>
      <c r="H43" s="75"/>
      <c r="I43" s="75"/>
      <c r="J43" s="75"/>
      <c r="K43" s="75"/>
    </row>
    <row r="44" spans="1:11" s="60" customFormat="1" x14ac:dyDescent="0.2">
      <c r="A44" s="24"/>
      <c r="B44" s="23"/>
      <c r="C44" s="24"/>
      <c r="D44" s="24"/>
      <c r="E44" s="75"/>
      <c r="F44" s="75"/>
      <c r="G44" s="75"/>
      <c r="H44" s="75"/>
      <c r="I44" s="75"/>
      <c r="J44" s="75"/>
      <c r="K44" s="75"/>
    </row>
    <row r="45" spans="1:11" s="60" customFormat="1" x14ac:dyDescent="0.2">
      <c r="A45" s="24"/>
      <c r="B45" s="23"/>
      <c r="C45" s="24"/>
      <c r="D45" s="24"/>
      <c r="E45" s="75"/>
      <c r="F45" s="75"/>
      <c r="G45" s="75"/>
      <c r="H45" s="75"/>
      <c r="I45" s="75"/>
      <c r="J45" s="75"/>
      <c r="K45" s="75"/>
    </row>
    <row r="46" spans="1:11" s="60" customFormat="1" x14ac:dyDescent="0.2">
      <c r="A46" s="24"/>
      <c r="B46" s="23"/>
      <c r="C46" s="24"/>
      <c r="D46" s="24"/>
      <c r="E46" s="75"/>
      <c r="F46" s="75"/>
      <c r="G46" s="75"/>
      <c r="H46" s="75"/>
      <c r="I46" s="75"/>
      <c r="J46" s="75"/>
      <c r="K46" s="75"/>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O2125"/>
  <sheetViews>
    <sheetView showGridLines="0" topLeftCell="A22" zoomScaleNormal="100" zoomScaleSheetLayoutView="100" workbookViewId="0">
      <selection activeCell="A4" sqref="A4"/>
    </sheetView>
  </sheetViews>
  <sheetFormatPr defaultColWidth="9.7109375" defaultRowHeight="12.75" x14ac:dyDescent="0.2"/>
  <cols>
    <col min="1" max="1" width="1.28515625" style="24" customWidth="1"/>
    <col min="2" max="2" width="7.7109375" style="24" customWidth="1"/>
    <col min="3" max="3" width="45.28515625" style="24" customWidth="1"/>
    <col min="4" max="4" width="8.42578125" style="24" customWidth="1"/>
    <col min="5" max="5" width="0.5703125" style="24" customWidth="1"/>
    <col min="6" max="6" width="7.7109375" style="24" customWidth="1"/>
    <col min="7" max="7" width="0.5703125" style="24" customWidth="1"/>
    <col min="8" max="8" width="7.7109375" style="24" customWidth="1"/>
    <col min="9" max="9" width="0.5703125" style="24" customWidth="1"/>
    <col min="10" max="10" width="7.7109375" style="24" customWidth="1"/>
    <col min="11" max="11" width="1.28515625" style="24" hidden="1" customWidth="1"/>
    <col min="12" max="12" width="5.7109375" style="24" hidden="1" customWidth="1"/>
    <col min="13" max="16384" width="9.7109375" style="24"/>
  </cols>
  <sheetData>
    <row r="1" spans="1:12" s="82" customFormat="1" ht="15.75" customHeight="1" x14ac:dyDescent="0.2">
      <c r="A1" s="26" t="s">
        <v>154</v>
      </c>
      <c r="B1" s="26"/>
      <c r="C1" s="26"/>
      <c r="D1" s="286"/>
      <c r="E1" s="29"/>
      <c r="F1" s="26"/>
      <c r="G1" s="30"/>
      <c r="H1" s="26"/>
      <c r="I1" s="28"/>
      <c r="J1" s="26"/>
      <c r="K1" s="286"/>
      <c r="L1" s="286"/>
    </row>
    <row r="2" spans="1:12" s="11" customFormat="1" ht="16.5" customHeight="1" x14ac:dyDescent="0.2">
      <c r="A2" s="287"/>
      <c r="B2" s="896" t="s">
        <v>0</v>
      </c>
      <c r="C2" s="896"/>
      <c r="D2" s="898" t="s">
        <v>22</v>
      </c>
      <c r="E2" s="288"/>
      <c r="F2" s="900" t="s">
        <v>23</v>
      </c>
      <c r="G2" s="288"/>
      <c r="H2" s="902" t="s">
        <v>24</v>
      </c>
      <c r="I2" s="289"/>
      <c r="J2" s="902" t="s">
        <v>25</v>
      </c>
      <c r="K2" s="88"/>
      <c r="L2" s="88" t="s">
        <v>155</v>
      </c>
    </row>
    <row r="3" spans="1:12" s="11" customFormat="1" ht="9.9499999999999993" customHeight="1" x14ac:dyDescent="0.2">
      <c r="A3" s="287"/>
      <c r="B3" s="897"/>
      <c r="C3" s="897"/>
      <c r="D3" s="899"/>
      <c r="E3" s="291"/>
      <c r="F3" s="901"/>
      <c r="G3" s="291"/>
      <c r="H3" s="901"/>
      <c r="I3" s="290"/>
      <c r="J3" s="901"/>
      <c r="K3" s="88"/>
      <c r="L3" s="88" t="s">
        <v>156</v>
      </c>
    </row>
    <row r="4" spans="1:12" s="11" customFormat="1" ht="9" customHeight="1" x14ac:dyDescent="0.2">
      <c r="A4" s="287"/>
      <c r="B4" s="897"/>
      <c r="C4" s="897"/>
      <c r="D4" s="899"/>
      <c r="E4" s="291"/>
      <c r="F4" s="901"/>
      <c r="G4" s="292"/>
      <c r="H4" s="901"/>
      <c r="I4" s="290"/>
      <c r="J4" s="901"/>
      <c r="K4" s="88"/>
      <c r="L4" s="293" t="s">
        <v>157</v>
      </c>
    </row>
    <row r="5" spans="1:12" s="11" customFormat="1" ht="1.9" customHeight="1" x14ac:dyDescent="0.2">
      <c r="A5" s="294"/>
      <c r="B5" s="295"/>
      <c r="C5" s="295"/>
      <c r="D5" s="298"/>
      <c r="E5" s="299"/>
      <c r="F5" s="300"/>
      <c r="G5" s="301"/>
      <c r="H5" s="302"/>
      <c r="I5" s="297"/>
      <c r="J5" s="302"/>
      <c r="K5" s="88"/>
      <c r="L5" s="293"/>
    </row>
    <row r="6" spans="1:12" s="11" customFormat="1" ht="1.9" customHeight="1" x14ac:dyDescent="0.2">
      <c r="A6" s="287"/>
      <c r="B6" s="303"/>
      <c r="C6" s="303"/>
      <c r="D6" s="306"/>
      <c r="E6" s="1"/>
      <c r="F6" s="307"/>
      <c r="G6" s="308"/>
      <c r="H6" s="309"/>
      <c r="I6" s="305"/>
      <c r="J6" s="309"/>
      <c r="K6" s="88"/>
      <c r="L6" s="293"/>
    </row>
    <row r="7" spans="1:12" s="10" customFormat="1" ht="13.35" customHeight="1" x14ac:dyDescent="0.2">
      <c r="A7" s="12" t="s">
        <v>158</v>
      </c>
      <c r="B7" s="12"/>
      <c r="D7" s="310"/>
      <c r="E7" s="216"/>
      <c r="F7" s="311"/>
    </row>
    <row r="8" spans="1:12" s="10" customFormat="1" ht="11.65" customHeight="1" x14ac:dyDescent="0.2">
      <c r="B8" s="10" t="s">
        <v>159</v>
      </c>
      <c r="D8" s="312">
        <v>8886</v>
      </c>
      <c r="E8" s="313"/>
      <c r="F8" s="314">
        <v>9836</v>
      </c>
      <c r="G8" s="313"/>
      <c r="H8" s="312">
        <v>10238</v>
      </c>
      <c r="I8" s="313"/>
      <c r="J8" s="312">
        <v>10697</v>
      </c>
      <c r="K8" s="315"/>
      <c r="L8" s="316">
        <f>IF(J8=D8,"-",ROUND((J8/D8-1)*100,1))</f>
        <v>20.399999999999999</v>
      </c>
    </row>
    <row r="9" spans="1:12" s="10" customFormat="1" ht="11.65" customHeight="1" x14ac:dyDescent="0.2">
      <c r="B9" s="10" t="s">
        <v>160</v>
      </c>
      <c r="D9" s="312">
        <v>4156</v>
      </c>
      <c r="E9" s="313"/>
      <c r="F9" s="314">
        <v>4096</v>
      </c>
      <c r="G9" s="313"/>
      <c r="H9" s="312">
        <v>4317</v>
      </c>
      <c r="I9" s="313"/>
      <c r="J9" s="312">
        <v>4678</v>
      </c>
      <c r="K9" s="315"/>
      <c r="L9" s="316">
        <f t="shared" ref="L9:L18" si="0">IF(J9=D9,"-",ROUND((J9/D9-1)*100,1))</f>
        <v>12.6</v>
      </c>
    </row>
    <row r="10" spans="1:12" s="10" customFormat="1" ht="11.65" customHeight="1" x14ac:dyDescent="0.2">
      <c r="B10" s="10" t="s">
        <v>161</v>
      </c>
      <c r="D10" s="312">
        <v>0</v>
      </c>
      <c r="E10" s="313"/>
      <c r="F10" s="314">
        <v>463</v>
      </c>
      <c r="G10" s="313"/>
      <c r="H10" s="312">
        <v>1850</v>
      </c>
      <c r="I10" s="313"/>
      <c r="J10" s="312">
        <v>1922</v>
      </c>
      <c r="K10" s="315"/>
      <c r="L10" s="316"/>
    </row>
    <row r="11" spans="1:12" s="10" customFormat="1" ht="11.65" customHeight="1" x14ac:dyDescent="0.2">
      <c r="B11" s="10" t="s">
        <v>162</v>
      </c>
      <c r="D11" s="312">
        <v>7129</v>
      </c>
      <c r="E11" s="313"/>
      <c r="F11" s="314">
        <v>7428</v>
      </c>
      <c r="G11" s="313"/>
      <c r="H11" s="312">
        <v>7672</v>
      </c>
      <c r="I11" s="313"/>
      <c r="J11" s="312">
        <v>7989</v>
      </c>
      <c r="K11" s="315"/>
      <c r="L11" s="316">
        <f t="shared" si="0"/>
        <v>12.1</v>
      </c>
    </row>
    <row r="12" spans="1:12" s="10" customFormat="1" ht="11.65" customHeight="1" x14ac:dyDescent="0.2">
      <c r="B12" s="10" t="s">
        <v>163</v>
      </c>
      <c r="D12" s="312">
        <v>995</v>
      </c>
      <c r="E12" s="313"/>
      <c r="F12" s="314">
        <v>1003</v>
      </c>
      <c r="G12" s="313"/>
      <c r="H12" s="312">
        <v>1011</v>
      </c>
      <c r="I12" s="313"/>
      <c r="J12" s="312">
        <v>1018</v>
      </c>
      <c r="K12" s="315"/>
      <c r="L12" s="316">
        <f t="shared" si="0"/>
        <v>2.2999999999999998</v>
      </c>
    </row>
    <row r="13" spans="1:12" s="10" customFormat="1" ht="11.65" customHeight="1" x14ac:dyDescent="0.2">
      <c r="B13" s="10" t="s">
        <v>164</v>
      </c>
      <c r="D13" s="312">
        <v>1248</v>
      </c>
      <c r="E13" s="313"/>
      <c r="F13" s="314">
        <v>1488</v>
      </c>
      <c r="G13" s="313"/>
      <c r="H13" s="312">
        <v>1725</v>
      </c>
      <c r="I13" s="313"/>
      <c r="J13" s="312">
        <v>1974</v>
      </c>
      <c r="K13" s="315"/>
      <c r="L13" s="316"/>
    </row>
    <row r="14" spans="1:12" s="10" customFormat="1" ht="11.65" customHeight="1" x14ac:dyDescent="0.2">
      <c r="B14" s="10" t="s">
        <v>165</v>
      </c>
      <c r="D14" s="312">
        <v>710</v>
      </c>
      <c r="E14" s="313"/>
      <c r="F14" s="314">
        <v>822</v>
      </c>
      <c r="G14" s="313"/>
      <c r="H14" s="312">
        <v>822</v>
      </c>
      <c r="I14" s="313"/>
      <c r="J14" s="312">
        <v>822</v>
      </c>
      <c r="K14" s="315"/>
      <c r="L14" s="316">
        <f t="shared" si="0"/>
        <v>15.8</v>
      </c>
    </row>
    <row r="15" spans="1:12" s="10" customFormat="1" ht="11.65" customHeight="1" x14ac:dyDescent="0.2">
      <c r="B15" s="10" t="s">
        <v>166</v>
      </c>
      <c r="D15" s="312">
        <v>2380</v>
      </c>
      <c r="E15" s="313"/>
      <c r="F15" s="314">
        <v>2626</v>
      </c>
      <c r="G15" s="313"/>
      <c r="H15" s="312">
        <v>3000</v>
      </c>
      <c r="I15" s="313"/>
      <c r="J15" s="312">
        <v>3109</v>
      </c>
      <c r="K15" s="315"/>
      <c r="L15" s="316">
        <f>IF(J15=D15,"-",ROUND((J15/D15-1)*100,1))</f>
        <v>30.6</v>
      </c>
    </row>
    <row r="16" spans="1:12" s="10" customFormat="1" ht="11.65" customHeight="1" x14ac:dyDescent="0.2">
      <c r="B16" s="10" t="s">
        <v>167</v>
      </c>
      <c r="D16" s="312">
        <v>2135</v>
      </c>
      <c r="E16" s="313"/>
      <c r="F16" s="314">
        <v>2235</v>
      </c>
      <c r="G16" s="313"/>
      <c r="H16" s="312">
        <v>2257</v>
      </c>
      <c r="I16" s="313"/>
      <c r="J16" s="312">
        <v>2307</v>
      </c>
      <c r="K16" s="315"/>
      <c r="L16" s="316"/>
    </row>
    <row r="17" spans="1:12" s="10" customFormat="1" ht="11.65" customHeight="1" x14ac:dyDescent="0.2">
      <c r="B17" s="10" t="s">
        <v>168</v>
      </c>
      <c r="D17" s="317">
        <v>585</v>
      </c>
      <c r="E17" s="313"/>
      <c r="F17" s="318">
        <v>595</v>
      </c>
      <c r="G17" s="313"/>
      <c r="H17" s="317">
        <v>610</v>
      </c>
      <c r="I17" s="313"/>
      <c r="J17" s="317">
        <v>620</v>
      </c>
      <c r="K17" s="315"/>
      <c r="L17" s="316">
        <f t="shared" si="0"/>
        <v>6</v>
      </c>
    </row>
    <row r="18" spans="1:12" s="10" customFormat="1" ht="14.1" customHeight="1" x14ac:dyDescent="0.2">
      <c r="D18" s="319">
        <v>28224</v>
      </c>
      <c r="E18" s="313"/>
      <c r="F18" s="320">
        <v>30592</v>
      </c>
      <c r="G18" s="313"/>
      <c r="H18" s="321">
        <v>33502</v>
      </c>
      <c r="I18" s="313"/>
      <c r="J18" s="321">
        <v>35136</v>
      </c>
      <c r="K18" s="315"/>
      <c r="L18" s="316">
        <f t="shared" si="0"/>
        <v>24.5</v>
      </c>
    </row>
    <row r="19" spans="1:12" s="10" customFormat="1" ht="13.35" customHeight="1" x14ac:dyDescent="0.2">
      <c r="A19" s="12" t="s">
        <v>169</v>
      </c>
      <c r="D19" s="322"/>
      <c r="E19" s="313"/>
      <c r="F19" s="323"/>
      <c r="G19" s="313"/>
      <c r="H19" s="322"/>
      <c r="I19" s="313"/>
      <c r="J19" s="322"/>
      <c r="K19" s="324"/>
      <c r="L19" s="316" t="s">
        <v>79</v>
      </c>
    </row>
    <row r="20" spans="1:12" s="10" customFormat="1" ht="11.65" customHeight="1" x14ac:dyDescent="0.2">
      <c r="B20" s="10" t="s">
        <v>170</v>
      </c>
      <c r="D20" s="322">
        <v>145</v>
      </c>
      <c r="E20" s="313"/>
      <c r="F20" s="323">
        <v>229</v>
      </c>
      <c r="G20" s="313"/>
      <c r="H20" s="313">
        <v>206</v>
      </c>
      <c r="I20" s="313"/>
      <c r="J20" s="313">
        <v>218</v>
      </c>
      <c r="K20" s="324"/>
      <c r="L20" s="316">
        <f>IF(J20=D20,"-",ROUND((J20/D20-1)*100,1))</f>
        <v>50.3</v>
      </c>
    </row>
    <row r="21" spans="1:12" s="10" customFormat="1" ht="11.65" customHeight="1" x14ac:dyDescent="0.2">
      <c r="B21" s="10" t="s">
        <v>171</v>
      </c>
      <c r="D21" s="322">
        <v>992</v>
      </c>
      <c r="E21" s="313"/>
      <c r="F21" s="323">
        <v>992</v>
      </c>
      <c r="G21" s="313"/>
      <c r="H21" s="313">
        <v>954</v>
      </c>
      <c r="I21" s="313"/>
      <c r="J21" s="313">
        <v>929</v>
      </c>
      <c r="K21" s="324"/>
      <c r="L21" s="316">
        <f>IF(J21=D21,"-",ROUND((J21/D21-1)*100,1))</f>
        <v>-6.4</v>
      </c>
    </row>
    <row r="22" spans="1:12" s="10" customFormat="1" ht="11.65" customHeight="1" x14ac:dyDescent="0.2">
      <c r="B22" s="10" t="s">
        <v>172</v>
      </c>
      <c r="D22" s="325">
        <v>1449</v>
      </c>
      <c r="E22" s="313"/>
      <c r="F22" s="326">
        <v>1192</v>
      </c>
      <c r="G22" s="313"/>
      <c r="H22" s="327">
        <v>1054</v>
      </c>
      <c r="I22" s="313"/>
      <c r="J22" s="327">
        <v>1037</v>
      </c>
      <c r="K22" s="324"/>
      <c r="L22" s="316">
        <f>IF(J22=D22,"-",ROUND((J22/D22-1)*100,1))</f>
        <v>-28.4</v>
      </c>
    </row>
    <row r="23" spans="1:12" s="10" customFormat="1" ht="14.1" customHeight="1" x14ac:dyDescent="0.2">
      <c r="D23" s="328">
        <v>2586</v>
      </c>
      <c r="E23" s="313"/>
      <c r="F23" s="329">
        <v>2413</v>
      </c>
      <c r="G23" s="313"/>
      <c r="H23" s="330">
        <v>2214</v>
      </c>
      <c r="I23" s="313"/>
      <c r="J23" s="330">
        <v>2184</v>
      </c>
      <c r="K23" s="324"/>
      <c r="L23" s="316">
        <f>IF(J23=D23,"-",ROUND((J23/D23-1)*100,1))</f>
        <v>-15.5</v>
      </c>
    </row>
    <row r="24" spans="1:12" s="10" customFormat="1" ht="13.35" customHeight="1" x14ac:dyDescent="0.2">
      <c r="A24" s="12" t="s">
        <v>173</v>
      </c>
      <c r="D24" s="322"/>
      <c r="E24" s="313"/>
      <c r="F24" s="323"/>
      <c r="G24" s="313"/>
      <c r="H24" s="313"/>
      <c r="I24" s="313"/>
      <c r="J24" s="313"/>
      <c r="L24" s="331"/>
    </row>
    <row r="25" spans="1:12" s="10" customFormat="1" ht="11.65" customHeight="1" x14ac:dyDescent="0.2">
      <c r="A25" s="12"/>
      <c r="B25" s="10" t="s">
        <v>174</v>
      </c>
      <c r="D25" s="322">
        <v>2264</v>
      </c>
      <c r="E25" s="313"/>
      <c r="F25" s="323">
        <v>1361</v>
      </c>
      <c r="G25" s="313"/>
      <c r="H25" s="313">
        <v>1033</v>
      </c>
      <c r="I25" s="313"/>
      <c r="J25" s="313">
        <v>0</v>
      </c>
      <c r="K25" s="332"/>
      <c r="L25" s="316">
        <f t="shared" ref="L25:L29" si="1">IF(J25=D25,"-",ROUND((J25/D25-1)*100,1))</f>
        <v>-100</v>
      </c>
    </row>
    <row r="26" spans="1:12" s="10" customFormat="1" ht="11.65" customHeight="1" x14ac:dyDescent="0.2">
      <c r="A26" s="12"/>
      <c r="B26" s="10" t="s">
        <v>175</v>
      </c>
      <c r="D26" s="322">
        <v>3928</v>
      </c>
      <c r="E26" s="313"/>
      <c r="F26" s="323">
        <v>4002</v>
      </c>
      <c r="G26" s="313"/>
      <c r="H26" s="313">
        <v>4116</v>
      </c>
      <c r="I26" s="313"/>
      <c r="J26" s="313">
        <v>4172</v>
      </c>
      <c r="K26" s="332"/>
      <c r="L26" s="316">
        <f t="shared" si="1"/>
        <v>6.2</v>
      </c>
    </row>
    <row r="27" spans="1:12" s="10" customFormat="1" ht="11.65" customHeight="1" x14ac:dyDescent="0.2">
      <c r="A27" s="12"/>
      <c r="B27" s="10" t="s">
        <v>176</v>
      </c>
      <c r="D27" s="322">
        <v>1191</v>
      </c>
      <c r="E27" s="313"/>
      <c r="F27" s="323">
        <v>1179</v>
      </c>
      <c r="G27" s="313"/>
      <c r="H27" s="313">
        <v>1201</v>
      </c>
      <c r="I27" s="313"/>
      <c r="J27" s="313">
        <v>1211</v>
      </c>
      <c r="K27" s="332"/>
      <c r="L27" s="316">
        <f t="shared" si="1"/>
        <v>1.7</v>
      </c>
    </row>
    <row r="28" spans="1:12" s="10" customFormat="1" ht="11.65" customHeight="1" x14ac:dyDescent="0.2">
      <c r="A28" s="12"/>
      <c r="B28" s="10" t="s">
        <v>177</v>
      </c>
      <c r="D28" s="325">
        <v>3362</v>
      </c>
      <c r="E28" s="327">
        <v>0</v>
      </c>
      <c r="F28" s="326">
        <v>3152</v>
      </c>
      <c r="G28" s="327">
        <v>0</v>
      </c>
      <c r="H28" s="327">
        <v>3162</v>
      </c>
      <c r="I28" s="327">
        <v>0</v>
      </c>
      <c r="J28" s="327">
        <v>3168</v>
      </c>
      <c r="K28" s="332"/>
      <c r="L28" s="316">
        <f t="shared" si="1"/>
        <v>-5.8</v>
      </c>
    </row>
    <row r="29" spans="1:12" s="10" customFormat="1" ht="14.1" customHeight="1" x14ac:dyDescent="0.2">
      <c r="A29" s="12"/>
      <c r="D29" s="328">
        <v>10745</v>
      </c>
      <c r="E29" s="313"/>
      <c r="F29" s="329">
        <v>9694</v>
      </c>
      <c r="G29" s="313"/>
      <c r="H29" s="330">
        <v>9512</v>
      </c>
      <c r="I29" s="313"/>
      <c r="J29" s="330">
        <v>8551</v>
      </c>
      <c r="K29" s="332"/>
      <c r="L29" s="333">
        <f t="shared" si="1"/>
        <v>-20.399999999999999</v>
      </c>
    </row>
    <row r="30" spans="1:12" s="10" customFormat="1" ht="13.35" customHeight="1" x14ac:dyDescent="0.2">
      <c r="A30" s="12" t="s">
        <v>178</v>
      </c>
      <c r="D30" s="322"/>
      <c r="E30" s="322"/>
      <c r="F30" s="323"/>
      <c r="G30" s="322"/>
      <c r="H30" s="322"/>
      <c r="I30" s="322"/>
      <c r="J30" s="322"/>
      <c r="K30" s="324"/>
      <c r="L30" s="316" t="s">
        <v>79</v>
      </c>
    </row>
    <row r="31" spans="1:12" s="10" customFormat="1" ht="11.65" customHeight="1" x14ac:dyDescent="0.2">
      <c r="B31" s="10" t="s">
        <v>179</v>
      </c>
      <c r="D31" s="322">
        <v>6691</v>
      </c>
      <c r="E31" s="313"/>
      <c r="F31" s="323">
        <v>6921</v>
      </c>
      <c r="G31" s="313"/>
      <c r="H31" s="322">
        <v>7203</v>
      </c>
      <c r="I31" s="313"/>
      <c r="J31" s="322">
        <v>7468</v>
      </c>
      <c r="K31" s="324"/>
      <c r="L31" s="316" t="e">
        <f>IF(J31=#REF!,"-",ROUND((J31/#REF!-1)*100,1))</f>
        <v>#REF!</v>
      </c>
    </row>
    <row r="32" spans="1:12" s="10" customFormat="1" ht="11.65" customHeight="1" x14ac:dyDescent="0.2">
      <c r="B32" s="10" t="s">
        <v>180</v>
      </c>
      <c r="D32" s="325">
        <v>1857</v>
      </c>
      <c r="E32" s="313"/>
      <c r="F32" s="326">
        <v>2009</v>
      </c>
      <c r="G32" s="313"/>
      <c r="H32" s="325">
        <v>1868</v>
      </c>
      <c r="I32" s="313"/>
      <c r="J32" s="325">
        <v>1907</v>
      </c>
      <c r="K32" s="324"/>
      <c r="L32" s="316">
        <f>IF(J32=D31,"-",ROUND((J32/D31-1)*100,1))</f>
        <v>-71.5</v>
      </c>
    </row>
    <row r="33" spans="1:15" s="10" customFormat="1" ht="14.1" customHeight="1" x14ac:dyDescent="0.2">
      <c r="D33" s="328">
        <v>8548</v>
      </c>
      <c r="E33" s="313"/>
      <c r="F33" s="329">
        <v>8930</v>
      </c>
      <c r="G33" s="313"/>
      <c r="H33" s="330">
        <v>9071</v>
      </c>
      <c r="I33" s="313"/>
      <c r="J33" s="330">
        <v>9375</v>
      </c>
      <c r="K33" s="324"/>
      <c r="L33" s="316">
        <f>IF(J33=D32,"-",ROUND((J33/D32-1)*100,1))</f>
        <v>404.8</v>
      </c>
    </row>
    <row r="34" spans="1:15" s="10" customFormat="1" ht="3" customHeight="1" x14ac:dyDescent="0.2">
      <c r="D34" s="216"/>
      <c r="F34" s="334"/>
      <c r="K34" s="324"/>
      <c r="L34" s="316"/>
    </row>
    <row r="35" spans="1:15" s="10" customFormat="1" ht="13.35" customHeight="1" x14ac:dyDescent="0.2">
      <c r="A35" s="12" t="s">
        <v>181</v>
      </c>
      <c r="D35" s="322"/>
      <c r="E35" s="313"/>
      <c r="F35" s="323"/>
      <c r="G35" s="313"/>
      <c r="H35" s="313"/>
      <c r="I35" s="313"/>
      <c r="J35" s="313"/>
      <c r="L35" s="331"/>
    </row>
    <row r="36" spans="1:15" s="10" customFormat="1" ht="12.4" customHeight="1" x14ac:dyDescent="0.2">
      <c r="A36" s="216"/>
      <c r="B36" s="216" t="s">
        <v>182</v>
      </c>
      <c r="C36" s="216"/>
      <c r="D36" s="322">
        <v>698</v>
      </c>
      <c r="E36" s="332"/>
      <c r="F36" s="323">
        <v>712</v>
      </c>
      <c r="G36" s="332"/>
      <c r="H36" s="313">
        <v>712</v>
      </c>
      <c r="I36" s="332"/>
      <c r="J36" s="313">
        <v>712</v>
      </c>
      <c r="K36" s="332"/>
      <c r="L36" s="316">
        <f>IF(J36=D36,"-",ROUND((J36/D36-1)*100,1))</f>
        <v>2</v>
      </c>
    </row>
    <row r="37" spans="1:15" s="10" customFormat="1" ht="12.4" customHeight="1" x14ac:dyDescent="0.2">
      <c r="B37" s="10" t="s">
        <v>183</v>
      </c>
      <c r="D37" s="322">
        <v>1101</v>
      </c>
      <c r="E37" s="313"/>
      <c r="F37" s="323">
        <v>1106</v>
      </c>
      <c r="G37" s="313"/>
      <c r="H37" s="313">
        <v>1122</v>
      </c>
      <c r="I37" s="313"/>
      <c r="J37" s="313">
        <v>1139</v>
      </c>
      <c r="K37" s="332"/>
      <c r="L37" s="316">
        <f>IF(J37=D37,"-",ROUND((J37/D37-1)*100,1))</f>
        <v>3.5</v>
      </c>
    </row>
    <row r="38" spans="1:15" s="10" customFormat="1" ht="12.4" customHeight="1" x14ac:dyDescent="0.2">
      <c r="B38" s="10" t="s">
        <v>184</v>
      </c>
      <c r="D38" s="322">
        <v>1365</v>
      </c>
      <c r="E38" s="313"/>
      <c r="F38" s="323">
        <v>1300</v>
      </c>
      <c r="G38" s="313"/>
      <c r="H38" s="313">
        <v>1322</v>
      </c>
      <c r="I38" s="313"/>
      <c r="J38" s="313">
        <v>1344</v>
      </c>
      <c r="K38" s="332"/>
      <c r="L38" s="316" t="e">
        <f>IF(J38=#REF!,"-",ROUND((J38/#REF!-1)*100,1))</f>
        <v>#REF!</v>
      </c>
    </row>
    <row r="39" spans="1:15" s="10" customFormat="1" ht="12.4" customHeight="1" x14ac:dyDescent="0.2">
      <c r="B39" s="216" t="s">
        <v>185</v>
      </c>
      <c r="C39" s="216"/>
      <c r="D39" s="322">
        <v>-1296</v>
      </c>
      <c r="E39" s="313"/>
      <c r="F39" s="323">
        <v>-684</v>
      </c>
      <c r="G39" s="313"/>
      <c r="H39" s="313">
        <v>-21</v>
      </c>
      <c r="I39" s="313"/>
      <c r="J39" s="313">
        <v>80</v>
      </c>
      <c r="K39" s="332"/>
      <c r="L39" s="316">
        <f>IF(J39=D38,"-",ROUND((J39/D38-1)*100,1))</f>
        <v>-94.1</v>
      </c>
    </row>
    <row r="40" spans="1:15" s="10" customFormat="1" ht="12.4" customHeight="1" x14ac:dyDescent="0.2">
      <c r="B40" s="10" t="s">
        <v>186</v>
      </c>
      <c r="D40" s="322">
        <v>-31</v>
      </c>
      <c r="E40" s="313"/>
      <c r="F40" s="323">
        <v>0</v>
      </c>
      <c r="G40" s="313"/>
      <c r="H40" s="313">
        <v>0</v>
      </c>
      <c r="I40" s="313"/>
      <c r="J40" s="313">
        <v>0</v>
      </c>
      <c r="K40" s="332"/>
      <c r="L40" s="316"/>
    </row>
    <row r="41" spans="1:15" s="10" customFormat="1" ht="12.4" customHeight="1" x14ac:dyDescent="0.2">
      <c r="B41" s="216" t="s">
        <v>187</v>
      </c>
      <c r="C41" s="216"/>
      <c r="D41" s="325">
        <v>129</v>
      </c>
      <c r="E41" s="313"/>
      <c r="F41" s="326">
        <v>130</v>
      </c>
      <c r="G41" s="313"/>
      <c r="H41" s="327">
        <v>125</v>
      </c>
      <c r="I41" s="313"/>
      <c r="J41" s="327">
        <v>125</v>
      </c>
      <c r="K41" s="332"/>
      <c r="L41" s="316"/>
    </row>
    <row r="42" spans="1:15" s="10" customFormat="1" ht="14.1" customHeight="1" x14ac:dyDescent="0.2">
      <c r="B42" s="217"/>
      <c r="D42" s="328">
        <v>1966</v>
      </c>
      <c r="E42" s="313"/>
      <c r="F42" s="329">
        <v>2564</v>
      </c>
      <c r="G42" s="313"/>
      <c r="H42" s="330">
        <v>3260</v>
      </c>
      <c r="I42" s="313"/>
      <c r="J42" s="330">
        <v>3400</v>
      </c>
      <c r="K42" s="324"/>
      <c r="L42" s="333" t="e">
        <f>IF(J42=#REF!,"-",ROUND((J42/#REF!-1)*100,1))</f>
        <v>#REF!</v>
      </c>
    </row>
    <row r="43" spans="1:15" s="10" customFormat="1" ht="15" customHeight="1" x14ac:dyDescent="0.2">
      <c r="A43" s="12" t="s">
        <v>188</v>
      </c>
      <c r="D43" s="336">
        <v>52069</v>
      </c>
      <c r="E43" s="322"/>
      <c r="F43" s="337">
        <v>54193</v>
      </c>
      <c r="G43" s="313"/>
      <c r="H43" s="336">
        <v>57559</v>
      </c>
      <c r="I43" s="313"/>
      <c r="J43" s="336">
        <v>58646</v>
      </c>
      <c r="K43" s="324"/>
      <c r="L43" s="316">
        <f>IF(J43=D42,"-",ROUND((J43/D42-1)*100,1))</f>
        <v>2883</v>
      </c>
    </row>
    <row r="44" spans="1:15" s="10" customFormat="1" ht="2.25" customHeight="1" x14ac:dyDescent="0.2">
      <c r="A44" s="32"/>
      <c r="B44" s="338"/>
      <c r="C44" s="338"/>
      <c r="D44" s="338"/>
      <c r="E44" s="339"/>
      <c r="F44" s="340"/>
      <c r="G44" s="339"/>
      <c r="H44" s="340"/>
      <c r="I44" s="339"/>
      <c r="J44" s="340"/>
      <c r="K44" s="341"/>
      <c r="L44" s="341"/>
    </row>
    <row r="45" spans="1:15" s="18" customFormat="1" ht="2.25" customHeight="1" x14ac:dyDescent="0.2">
      <c r="B45" s="342"/>
      <c r="C45" s="342"/>
      <c r="D45" s="216"/>
      <c r="E45" s="343"/>
      <c r="F45" s="342"/>
      <c r="G45" s="343"/>
      <c r="H45" s="342"/>
      <c r="I45" s="344"/>
      <c r="J45" s="342"/>
      <c r="K45" s="342"/>
      <c r="L45" s="342"/>
    </row>
    <row r="46" spans="1:15" s="18" customFormat="1" ht="12" customHeight="1" x14ac:dyDescent="0.2">
      <c r="A46" s="345">
        <v>1</v>
      </c>
      <c r="B46" s="342" t="s">
        <v>189</v>
      </c>
      <c r="C46" s="342"/>
      <c r="D46" s="342"/>
      <c r="E46" s="344"/>
      <c r="F46" s="342"/>
      <c r="G46" s="344"/>
      <c r="H46" s="342"/>
      <c r="I46" s="343"/>
      <c r="J46" s="342"/>
      <c r="K46" s="343"/>
      <c r="L46" s="342"/>
      <c r="M46" s="346"/>
      <c r="N46" s="17"/>
      <c r="O46" s="346"/>
    </row>
    <row r="47" spans="1:15" s="348" customFormat="1" ht="10.9" customHeight="1" x14ac:dyDescent="0.2">
      <c r="A47" s="345">
        <v>2</v>
      </c>
      <c r="B47" s="18" t="s">
        <v>190</v>
      </c>
      <c r="C47" s="24"/>
      <c r="D47" s="24"/>
      <c r="E47" s="24"/>
      <c r="F47" s="24"/>
      <c r="G47" s="24"/>
      <c r="H47" s="24"/>
      <c r="I47" s="347"/>
      <c r="J47" s="347"/>
      <c r="K47" s="347"/>
      <c r="L47" s="347"/>
    </row>
    <row r="48" spans="1:15" s="348" customFormat="1" ht="12" customHeight="1" x14ac:dyDescent="0.2">
      <c r="A48" s="345">
        <v>3</v>
      </c>
      <c r="B48" s="18" t="s">
        <v>191</v>
      </c>
      <c r="C48" s="24"/>
      <c r="D48" s="24"/>
      <c r="E48" s="24"/>
      <c r="F48" s="24"/>
      <c r="G48" s="24"/>
      <c r="H48" s="24"/>
      <c r="I48" s="347"/>
      <c r="J48" s="347"/>
      <c r="K48" s="347"/>
      <c r="L48" s="347"/>
    </row>
    <row r="49" spans="1:12" s="41" customFormat="1" ht="12" customHeight="1" x14ac:dyDescent="0.2">
      <c r="A49" s="349">
        <v>4</v>
      </c>
      <c r="B49" s="893" t="s">
        <v>192</v>
      </c>
      <c r="C49" s="893"/>
      <c r="D49" s="893"/>
      <c r="E49" s="893"/>
      <c r="F49" s="893"/>
      <c r="G49" s="893"/>
      <c r="H49" s="893"/>
      <c r="I49" s="894"/>
      <c r="J49" s="894"/>
      <c r="K49" s="894"/>
      <c r="L49" s="894"/>
    </row>
    <row r="50" spans="1:12" s="41" customFormat="1" ht="12" customHeight="1" x14ac:dyDescent="0.2">
      <c r="A50" s="349">
        <v>5</v>
      </c>
      <c r="B50" s="893" t="s">
        <v>193</v>
      </c>
      <c r="C50" s="894"/>
      <c r="D50" s="894"/>
      <c r="E50" s="894"/>
      <c r="F50" s="894"/>
      <c r="G50" s="894"/>
      <c r="H50" s="894"/>
      <c r="I50" s="894"/>
      <c r="J50" s="894"/>
      <c r="K50" s="894"/>
      <c r="L50" s="894"/>
    </row>
    <row r="51" spans="1:12" s="18" customFormat="1" ht="22.9" customHeight="1" x14ac:dyDescent="0.2">
      <c r="A51" s="349">
        <v>6</v>
      </c>
      <c r="B51" s="895" t="s">
        <v>194</v>
      </c>
      <c r="C51" s="895"/>
      <c r="D51" s="895"/>
      <c r="E51" s="895"/>
      <c r="F51" s="895"/>
      <c r="G51" s="895"/>
      <c r="H51" s="895"/>
      <c r="I51" s="895"/>
      <c r="J51" s="895"/>
    </row>
    <row r="52" spans="1:12" s="18" customFormat="1" ht="3" customHeight="1" x14ac:dyDescent="0.2">
      <c r="A52" s="350"/>
      <c r="B52" s="351"/>
      <c r="C52" s="351"/>
      <c r="D52" s="351"/>
      <c r="E52" s="351"/>
      <c r="F52" s="351"/>
      <c r="G52" s="351"/>
      <c r="H52" s="351"/>
      <c r="I52" s="351"/>
      <c r="J52" s="351"/>
    </row>
    <row r="53" spans="1:12" s="18" customFormat="1" ht="12" customHeight="1" x14ac:dyDescent="0.2">
      <c r="F53" s="352"/>
      <c r="H53" s="352"/>
      <c r="J53" s="352"/>
    </row>
    <row r="54" spans="1:12" x14ac:dyDescent="0.2">
      <c r="F54" s="353"/>
      <c r="G54" s="353"/>
      <c r="H54" s="353"/>
      <c r="I54" s="353"/>
      <c r="J54" s="354"/>
    </row>
    <row r="55" spans="1:12" x14ac:dyDescent="0.2">
      <c r="F55" s="353"/>
      <c r="G55" s="353"/>
      <c r="H55" s="353"/>
      <c r="I55" s="353"/>
      <c r="J55" s="354"/>
    </row>
    <row r="56" spans="1:12" x14ac:dyDescent="0.2">
      <c r="F56" s="353"/>
      <c r="G56" s="353"/>
      <c r="H56" s="353"/>
      <c r="I56" s="353"/>
      <c r="J56" s="353"/>
    </row>
    <row r="57" spans="1:12" x14ac:dyDescent="0.2">
      <c r="F57" s="353"/>
      <c r="G57" s="353"/>
      <c r="H57" s="353"/>
      <c r="I57" s="353"/>
      <c r="J57" s="353"/>
    </row>
    <row r="58" spans="1:12" x14ac:dyDescent="0.2">
      <c r="F58" s="353"/>
      <c r="G58" s="353"/>
      <c r="H58" s="353"/>
      <c r="I58" s="353"/>
      <c r="J58" s="353"/>
    </row>
    <row r="59" spans="1:12" x14ac:dyDescent="0.2">
      <c r="F59" s="353"/>
      <c r="G59" s="353"/>
      <c r="H59" s="353"/>
      <c r="I59" s="353"/>
      <c r="J59" s="353"/>
    </row>
    <row r="60" spans="1:12" x14ac:dyDescent="0.2">
      <c r="F60" s="353"/>
      <c r="G60" s="353"/>
      <c r="H60" s="353"/>
      <c r="I60" s="353"/>
      <c r="J60" s="353"/>
    </row>
    <row r="61" spans="1:12" x14ac:dyDescent="0.2">
      <c r="F61" s="353"/>
      <c r="G61" s="353"/>
      <c r="H61" s="353"/>
      <c r="I61" s="353"/>
      <c r="J61" s="353"/>
    </row>
    <row r="62" spans="1:12" x14ac:dyDescent="0.2">
      <c r="F62" s="353"/>
      <c r="G62" s="353"/>
      <c r="H62" s="353"/>
      <c r="I62" s="353"/>
      <c r="J62" s="353"/>
    </row>
    <row r="63" spans="1:12" x14ac:dyDescent="0.2">
      <c r="F63" s="353"/>
      <c r="G63" s="353"/>
      <c r="H63" s="353"/>
      <c r="I63" s="353"/>
      <c r="J63" s="353"/>
    </row>
    <row r="64" spans="1:12" x14ac:dyDescent="0.2">
      <c r="F64" s="353"/>
      <c r="G64" s="353"/>
      <c r="H64" s="353"/>
      <c r="I64" s="353"/>
      <c r="J64" s="353"/>
    </row>
    <row r="65" spans="6:10" x14ac:dyDescent="0.2">
      <c r="F65" s="353"/>
      <c r="G65" s="353"/>
      <c r="H65" s="353"/>
      <c r="I65" s="353"/>
      <c r="J65" s="353"/>
    </row>
    <row r="66" spans="6:10" x14ac:dyDescent="0.2">
      <c r="F66" s="353"/>
      <c r="G66" s="353"/>
      <c r="H66" s="353"/>
      <c r="I66" s="353"/>
      <c r="J66" s="353"/>
    </row>
    <row r="67" spans="6:10" x14ac:dyDescent="0.2">
      <c r="F67" s="353"/>
      <c r="G67" s="353"/>
      <c r="H67" s="353"/>
      <c r="I67" s="353"/>
      <c r="J67" s="353"/>
    </row>
    <row r="68" spans="6:10" x14ac:dyDescent="0.2">
      <c r="F68" s="353"/>
      <c r="G68" s="353"/>
      <c r="H68" s="353"/>
      <c r="I68" s="353"/>
      <c r="J68" s="353"/>
    </row>
    <row r="69" spans="6:10" x14ac:dyDescent="0.2">
      <c r="F69" s="353"/>
      <c r="G69" s="353"/>
      <c r="H69" s="353"/>
      <c r="I69" s="353"/>
      <c r="J69" s="353"/>
    </row>
    <row r="70" spans="6:10" x14ac:dyDescent="0.2">
      <c r="F70" s="353"/>
      <c r="G70" s="353"/>
      <c r="H70" s="353"/>
      <c r="I70" s="353"/>
      <c r="J70" s="353"/>
    </row>
    <row r="71" spans="6:10" x14ac:dyDescent="0.2">
      <c r="F71" s="353"/>
      <c r="G71" s="353"/>
      <c r="H71" s="353"/>
      <c r="I71" s="353"/>
      <c r="J71" s="353"/>
    </row>
    <row r="72" spans="6:10" x14ac:dyDescent="0.2">
      <c r="F72" s="353"/>
      <c r="G72" s="353"/>
      <c r="H72" s="353"/>
      <c r="I72" s="353"/>
      <c r="J72" s="353"/>
    </row>
    <row r="73" spans="6:10" x14ac:dyDescent="0.2">
      <c r="F73" s="353"/>
      <c r="G73" s="353"/>
      <c r="H73" s="353"/>
      <c r="I73" s="353"/>
      <c r="J73" s="353"/>
    </row>
    <row r="74" spans="6:10" x14ac:dyDescent="0.2">
      <c r="F74" s="353"/>
      <c r="G74" s="353"/>
      <c r="H74" s="353"/>
      <c r="I74" s="353"/>
      <c r="J74" s="353"/>
    </row>
    <row r="75" spans="6:10" x14ac:dyDescent="0.2">
      <c r="F75" s="353"/>
      <c r="G75" s="353"/>
      <c r="H75" s="353"/>
      <c r="I75" s="353"/>
      <c r="J75" s="353"/>
    </row>
    <row r="76" spans="6:10" x14ac:dyDescent="0.2">
      <c r="F76" s="353"/>
      <c r="G76" s="353"/>
      <c r="H76" s="353"/>
      <c r="I76" s="353"/>
      <c r="J76" s="353"/>
    </row>
    <row r="77" spans="6:10" x14ac:dyDescent="0.2">
      <c r="F77" s="353"/>
      <c r="G77" s="353"/>
      <c r="H77" s="353"/>
      <c r="I77" s="353"/>
      <c r="J77" s="353"/>
    </row>
    <row r="78" spans="6:10" x14ac:dyDescent="0.2">
      <c r="F78" s="353"/>
      <c r="G78" s="353"/>
      <c r="H78" s="353"/>
      <c r="I78" s="353"/>
      <c r="J78" s="353"/>
    </row>
    <row r="79" spans="6:10" x14ac:dyDescent="0.2">
      <c r="F79" s="353"/>
      <c r="G79" s="353"/>
      <c r="H79" s="353"/>
      <c r="I79" s="353"/>
      <c r="J79" s="353"/>
    </row>
    <row r="80" spans="6:10" x14ac:dyDescent="0.2">
      <c r="F80" s="353"/>
      <c r="G80" s="353"/>
      <c r="H80" s="353"/>
      <c r="I80" s="353"/>
      <c r="J80" s="353"/>
    </row>
    <row r="81" spans="6:10" x14ac:dyDescent="0.2">
      <c r="F81" s="353"/>
      <c r="G81" s="353"/>
      <c r="H81" s="353"/>
      <c r="I81" s="353"/>
      <c r="J81" s="353"/>
    </row>
    <row r="82" spans="6:10" x14ac:dyDescent="0.2">
      <c r="F82" s="353"/>
      <c r="G82" s="353"/>
      <c r="H82" s="353"/>
      <c r="I82" s="353"/>
      <c r="J82" s="353"/>
    </row>
    <row r="83" spans="6:10" x14ac:dyDescent="0.2">
      <c r="F83" s="353"/>
      <c r="G83" s="353"/>
      <c r="H83" s="353"/>
      <c r="I83" s="353"/>
      <c r="J83" s="353"/>
    </row>
    <row r="84" spans="6:10" x14ac:dyDescent="0.2">
      <c r="F84" s="353"/>
      <c r="G84" s="353"/>
      <c r="H84" s="353"/>
      <c r="I84" s="353"/>
      <c r="J84" s="353"/>
    </row>
    <row r="85" spans="6:10" x14ac:dyDescent="0.2">
      <c r="F85" s="353"/>
      <c r="G85" s="353"/>
      <c r="H85" s="353"/>
      <c r="I85" s="353"/>
      <c r="J85" s="353"/>
    </row>
    <row r="86" spans="6:10" x14ac:dyDescent="0.2">
      <c r="F86" s="353"/>
      <c r="G86" s="353"/>
      <c r="H86" s="353"/>
      <c r="I86" s="353"/>
      <c r="J86" s="353"/>
    </row>
    <row r="87" spans="6:10" x14ac:dyDescent="0.2">
      <c r="F87" s="353"/>
      <c r="G87" s="353"/>
      <c r="H87" s="353"/>
      <c r="I87" s="353"/>
      <c r="J87" s="353"/>
    </row>
    <row r="88" spans="6:10" x14ac:dyDescent="0.2">
      <c r="F88" s="353"/>
      <c r="G88" s="353"/>
      <c r="H88" s="353"/>
      <c r="I88" s="353"/>
      <c r="J88" s="353"/>
    </row>
    <row r="89" spans="6:10" x14ac:dyDescent="0.2">
      <c r="F89" s="353"/>
      <c r="G89" s="353"/>
      <c r="H89" s="353"/>
      <c r="I89" s="353"/>
      <c r="J89" s="353"/>
    </row>
    <row r="90" spans="6:10" x14ac:dyDescent="0.2">
      <c r="F90" s="353"/>
      <c r="G90" s="353"/>
      <c r="H90" s="353"/>
      <c r="I90" s="353"/>
      <c r="J90" s="353"/>
    </row>
    <row r="91" spans="6:10" x14ac:dyDescent="0.2">
      <c r="F91" s="353"/>
      <c r="G91" s="353"/>
      <c r="H91" s="353"/>
      <c r="I91" s="353"/>
      <c r="J91" s="353"/>
    </row>
    <row r="92" spans="6:10" x14ac:dyDescent="0.2">
      <c r="F92" s="353"/>
      <c r="G92" s="353"/>
      <c r="H92" s="353"/>
      <c r="I92" s="353"/>
      <c r="J92" s="353"/>
    </row>
    <row r="93" spans="6:10" x14ac:dyDescent="0.2">
      <c r="F93" s="353"/>
      <c r="G93" s="353"/>
      <c r="H93" s="353"/>
      <c r="I93" s="353"/>
      <c r="J93" s="353"/>
    </row>
    <row r="94" spans="6:10" x14ac:dyDescent="0.2">
      <c r="F94" s="353"/>
      <c r="G94" s="353"/>
      <c r="H94" s="353"/>
      <c r="I94" s="353"/>
      <c r="J94" s="353"/>
    </row>
    <row r="95" spans="6:10" x14ac:dyDescent="0.2">
      <c r="F95" s="353"/>
      <c r="G95" s="353"/>
      <c r="H95" s="353"/>
      <c r="I95" s="353"/>
      <c r="J95" s="353"/>
    </row>
    <row r="96" spans="6:10" x14ac:dyDescent="0.2">
      <c r="F96" s="353"/>
      <c r="G96" s="353"/>
      <c r="H96" s="353"/>
      <c r="I96" s="353"/>
      <c r="J96" s="353"/>
    </row>
    <row r="97" spans="6:10" x14ac:dyDescent="0.2">
      <c r="F97" s="353"/>
      <c r="G97" s="353"/>
      <c r="H97" s="353"/>
      <c r="I97" s="353"/>
      <c r="J97" s="353"/>
    </row>
    <row r="98" spans="6:10" x14ac:dyDescent="0.2">
      <c r="F98" s="353"/>
      <c r="G98" s="353"/>
      <c r="H98" s="353"/>
      <c r="I98" s="353"/>
      <c r="J98" s="353"/>
    </row>
    <row r="99" spans="6:10" x14ac:dyDescent="0.2">
      <c r="F99" s="353"/>
      <c r="G99" s="353"/>
      <c r="H99" s="353"/>
      <c r="I99" s="353"/>
      <c r="J99" s="353"/>
    </row>
    <row r="100" spans="6:10" x14ac:dyDescent="0.2">
      <c r="F100" s="353"/>
      <c r="G100" s="353"/>
      <c r="H100" s="353"/>
      <c r="I100" s="353"/>
      <c r="J100" s="353"/>
    </row>
    <row r="101" spans="6:10" x14ac:dyDescent="0.2">
      <c r="F101" s="353"/>
      <c r="G101" s="353"/>
      <c r="H101" s="353"/>
      <c r="I101" s="353"/>
      <c r="J101" s="353"/>
    </row>
    <row r="102" spans="6:10" x14ac:dyDescent="0.2">
      <c r="F102" s="353"/>
      <c r="G102" s="353"/>
      <c r="H102" s="353"/>
      <c r="I102" s="353"/>
      <c r="J102" s="353"/>
    </row>
    <row r="103" spans="6:10" x14ac:dyDescent="0.2">
      <c r="F103" s="353"/>
      <c r="G103" s="353"/>
      <c r="H103" s="353"/>
      <c r="I103" s="353"/>
      <c r="J103" s="353"/>
    </row>
    <row r="104" spans="6:10" x14ac:dyDescent="0.2">
      <c r="F104" s="353"/>
      <c r="G104" s="353"/>
      <c r="H104" s="353"/>
      <c r="I104" s="353"/>
      <c r="J104" s="353"/>
    </row>
    <row r="105" spans="6:10" x14ac:dyDescent="0.2">
      <c r="F105" s="353"/>
      <c r="G105" s="353"/>
      <c r="H105" s="353"/>
      <c r="I105" s="353"/>
      <c r="J105" s="353"/>
    </row>
    <row r="106" spans="6:10" x14ac:dyDescent="0.2">
      <c r="F106" s="353"/>
      <c r="G106" s="353"/>
      <c r="H106" s="353"/>
      <c r="I106" s="353"/>
      <c r="J106" s="353"/>
    </row>
    <row r="107" spans="6:10" x14ac:dyDescent="0.2">
      <c r="F107" s="353"/>
      <c r="G107" s="353"/>
      <c r="H107" s="353"/>
      <c r="I107" s="353"/>
      <c r="J107" s="353"/>
    </row>
    <row r="108" spans="6:10" x14ac:dyDescent="0.2">
      <c r="F108" s="353"/>
      <c r="G108" s="353"/>
      <c r="H108" s="353"/>
      <c r="I108" s="353"/>
      <c r="J108" s="353"/>
    </row>
    <row r="109" spans="6:10" x14ac:dyDescent="0.2">
      <c r="F109" s="353"/>
      <c r="G109" s="353"/>
      <c r="H109" s="353"/>
      <c r="I109" s="353"/>
      <c r="J109" s="353"/>
    </row>
    <row r="110" spans="6:10" x14ac:dyDescent="0.2">
      <c r="F110" s="353"/>
      <c r="G110" s="353"/>
      <c r="H110" s="353"/>
      <c r="I110" s="353"/>
      <c r="J110" s="353"/>
    </row>
    <row r="111" spans="6:10" x14ac:dyDescent="0.2">
      <c r="F111" s="353"/>
      <c r="G111" s="353"/>
      <c r="H111" s="353"/>
      <c r="I111" s="353"/>
      <c r="J111" s="353"/>
    </row>
    <row r="112" spans="6:10" x14ac:dyDescent="0.2">
      <c r="F112" s="353"/>
      <c r="G112" s="353"/>
      <c r="H112" s="353"/>
      <c r="I112" s="353"/>
      <c r="J112" s="353"/>
    </row>
    <row r="113" spans="6:10" x14ac:dyDescent="0.2">
      <c r="F113" s="353"/>
      <c r="G113" s="353"/>
      <c r="H113" s="353"/>
      <c r="I113" s="353"/>
      <c r="J113" s="353"/>
    </row>
    <row r="114" spans="6:10" x14ac:dyDescent="0.2">
      <c r="F114" s="353"/>
      <c r="G114" s="353"/>
      <c r="H114" s="353"/>
      <c r="I114" s="353"/>
      <c r="J114" s="353"/>
    </row>
    <row r="115" spans="6:10" x14ac:dyDescent="0.2">
      <c r="F115" s="353"/>
      <c r="G115" s="353"/>
      <c r="H115" s="353"/>
      <c r="I115" s="353"/>
      <c r="J115" s="353"/>
    </row>
    <row r="116" spans="6:10" x14ac:dyDescent="0.2">
      <c r="F116" s="353"/>
      <c r="G116" s="353"/>
      <c r="H116" s="353"/>
      <c r="I116" s="353"/>
      <c r="J116" s="353"/>
    </row>
    <row r="117" spans="6:10" x14ac:dyDescent="0.2">
      <c r="F117" s="353"/>
      <c r="G117" s="353"/>
      <c r="H117" s="353"/>
      <c r="I117" s="353"/>
      <c r="J117" s="353"/>
    </row>
    <row r="118" spans="6:10" x14ac:dyDescent="0.2">
      <c r="F118" s="353"/>
      <c r="G118" s="353"/>
      <c r="H118" s="353"/>
      <c r="I118" s="353"/>
      <c r="J118" s="353"/>
    </row>
    <row r="119" spans="6:10" x14ac:dyDescent="0.2">
      <c r="F119" s="353"/>
      <c r="G119" s="353"/>
      <c r="H119" s="353"/>
      <c r="I119" s="353"/>
      <c r="J119" s="353"/>
    </row>
    <row r="120" spans="6:10" x14ac:dyDescent="0.2">
      <c r="F120" s="353"/>
      <c r="G120" s="353"/>
      <c r="H120" s="353"/>
      <c r="I120" s="353"/>
      <c r="J120" s="353"/>
    </row>
    <row r="121" spans="6:10" x14ac:dyDescent="0.2">
      <c r="F121" s="353"/>
      <c r="G121" s="353"/>
      <c r="H121" s="353"/>
      <c r="I121" s="353"/>
      <c r="J121" s="353"/>
    </row>
    <row r="122" spans="6:10" x14ac:dyDescent="0.2">
      <c r="F122" s="353"/>
      <c r="G122" s="353"/>
      <c r="H122" s="353"/>
      <c r="I122" s="353"/>
      <c r="J122" s="353"/>
    </row>
    <row r="123" spans="6:10" x14ac:dyDescent="0.2">
      <c r="F123" s="353"/>
      <c r="G123" s="353"/>
      <c r="H123" s="353"/>
      <c r="I123" s="353"/>
      <c r="J123" s="353"/>
    </row>
    <row r="124" spans="6:10" x14ac:dyDescent="0.2">
      <c r="F124" s="353"/>
      <c r="G124" s="353"/>
      <c r="H124" s="353"/>
      <c r="I124" s="353"/>
      <c r="J124" s="353"/>
    </row>
    <row r="125" spans="6:10" x14ac:dyDescent="0.2">
      <c r="F125" s="353"/>
      <c r="G125" s="353"/>
      <c r="H125" s="353"/>
      <c r="I125" s="353"/>
      <c r="J125" s="353"/>
    </row>
    <row r="126" spans="6:10" x14ac:dyDescent="0.2">
      <c r="F126" s="353"/>
      <c r="G126" s="353"/>
      <c r="H126" s="353"/>
      <c r="I126" s="353"/>
      <c r="J126" s="353"/>
    </row>
    <row r="127" spans="6:10" x14ac:dyDescent="0.2">
      <c r="F127" s="353"/>
      <c r="G127" s="353"/>
      <c r="H127" s="353"/>
      <c r="I127" s="353"/>
      <c r="J127" s="353"/>
    </row>
    <row r="128" spans="6:10" x14ac:dyDescent="0.2">
      <c r="F128" s="353"/>
      <c r="G128" s="353"/>
      <c r="H128" s="353"/>
      <c r="I128" s="353"/>
      <c r="J128" s="353"/>
    </row>
    <row r="129" spans="6:10" x14ac:dyDescent="0.2">
      <c r="F129" s="353"/>
      <c r="G129" s="353"/>
      <c r="H129" s="353"/>
      <c r="I129" s="353"/>
      <c r="J129" s="353"/>
    </row>
    <row r="130" spans="6:10" x14ac:dyDescent="0.2">
      <c r="F130" s="353"/>
      <c r="G130" s="353"/>
      <c r="H130" s="353"/>
      <c r="I130" s="353"/>
      <c r="J130" s="353"/>
    </row>
    <row r="131" spans="6:10" x14ac:dyDescent="0.2">
      <c r="F131" s="353"/>
      <c r="G131" s="353"/>
      <c r="H131" s="353"/>
      <c r="I131" s="353"/>
      <c r="J131" s="353"/>
    </row>
    <row r="132" spans="6:10" x14ac:dyDescent="0.2">
      <c r="F132" s="353"/>
      <c r="G132" s="353"/>
      <c r="H132" s="353"/>
      <c r="I132" s="353"/>
      <c r="J132" s="353"/>
    </row>
    <row r="133" spans="6:10" x14ac:dyDescent="0.2">
      <c r="F133" s="353"/>
      <c r="G133" s="353"/>
      <c r="H133" s="353"/>
      <c r="I133" s="353"/>
      <c r="J133" s="353"/>
    </row>
    <row r="134" spans="6:10" x14ac:dyDescent="0.2">
      <c r="F134" s="353"/>
      <c r="G134" s="353"/>
      <c r="H134" s="353"/>
      <c r="I134" s="353"/>
      <c r="J134" s="353"/>
    </row>
    <row r="135" spans="6:10" x14ac:dyDescent="0.2">
      <c r="F135" s="353"/>
      <c r="G135" s="353"/>
      <c r="H135" s="353"/>
      <c r="I135" s="353"/>
      <c r="J135" s="353"/>
    </row>
    <row r="136" spans="6:10" x14ac:dyDescent="0.2">
      <c r="F136" s="353"/>
      <c r="G136" s="353"/>
      <c r="H136" s="353"/>
      <c r="I136" s="353"/>
      <c r="J136" s="353"/>
    </row>
    <row r="137" spans="6:10" x14ac:dyDescent="0.2">
      <c r="F137" s="353"/>
      <c r="G137" s="353"/>
      <c r="H137" s="353"/>
      <c r="I137" s="353"/>
      <c r="J137" s="353"/>
    </row>
    <row r="138" spans="6:10" x14ac:dyDescent="0.2">
      <c r="F138" s="353"/>
      <c r="G138" s="353"/>
      <c r="H138" s="353"/>
      <c r="I138" s="353"/>
      <c r="J138" s="353"/>
    </row>
    <row r="139" spans="6:10" x14ac:dyDescent="0.2">
      <c r="F139" s="353"/>
      <c r="G139" s="353"/>
      <c r="H139" s="353"/>
      <c r="I139" s="353"/>
      <c r="J139" s="353"/>
    </row>
    <row r="140" spans="6:10" x14ac:dyDescent="0.2">
      <c r="F140" s="353"/>
      <c r="G140" s="353"/>
      <c r="H140" s="353"/>
      <c r="I140" s="353"/>
      <c r="J140" s="353"/>
    </row>
    <row r="141" spans="6:10" x14ac:dyDescent="0.2">
      <c r="F141" s="353"/>
      <c r="G141" s="353"/>
      <c r="H141" s="353"/>
      <c r="I141" s="353"/>
      <c r="J141" s="353"/>
    </row>
    <row r="142" spans="6:10" x14ac:dyDescent="0.2">
      <c r="F142" s="353"/>
      <c r="G142" s="353"/>
      <c r="H142" s="353"/>
      <c r="I142" s="353"/>
      <c r="J142" s="353"/>
    </row>
    <row r="143" spans="6:10" x14ac:dyDescent="0.2">
      <c r="F143" s="353"/>
      <c r="G143" s="353"/>
      <c r="H143" s="353"/>
      <c r="I143" s="353"/>
      <c r="J143" s="353"/>
    </row>
    <row r="144" spans="6:10" x14ac:dyDescent="0.2">
      <c r="F144" s="353"/>
      <c r="G144" s="353"/>
      <c r="H144" s="353"/>
      <c r="I144" s="353"/>
      <c r="J144" s="353"/>
    </row>
    <row r="145" spans="6:10" x14ac:dyDescent="0.2">
      <c r="F145" s="353"/>
      <c r="G145" s="353"/>
      <c r="H145" s="353"/>
      <c r="I145" s="353"/>
      <c r="J145" s="353"/>
    </row>
    <row r="146" spans="6:10" x14ac:dyDescent="0.2">
      <c r="F146" s="353"/>
      <c r="G146" s="353"/>
      <c r="H146" s="353"/>
      <c r="I146" s="353"/>
      <c r="J146" s="353"/>
    </row>
    <row r="147" spans="6:10" x14ac:dyDescent="0.2">
      <c r="F147" s="353"/>
      <c r="G147" s="353"/>
      <c r="H147" s="353"/>
      <c r="I147" s="353"/>
      <c r="J147" s="353"/>
    </row>
    <row r="148" spans="6:10" x14ac:dyDescent="0.2">
      <c r="F148" s="353"/>
      <c r="G148" s="353"/>
      <c r="H148" s="353"/>
      <c r="I148" s="353"/>
      <c r="J148" s="353"/>
    </row>
    <row r="149" spans="6:10" x14ac:dyDescent="0.2">
      <c r="F149" s="353"/>
      <c r="G149" s="353"/>
      <c r="H149" s="353"/>
      <c r="I149" s="353"/>
      <c r="J149" s="353"/>
    </row>
    <row r="150" spans="6:10" x14ac:dyDescent="0.2">
      <c r="F150" s="353"/>
      <c r="G150" s="353"/>
      <c r="H150" s="353"/>
      <c r="I150" s="353"/>
      <c r="J150" s="353"/>
    </row>
    <row r="151" spans="6:10" x14ac:dyDescent="0.2">
      <c r="F151" s="353"/>
      <c r="G151" s="353"/>
      <c r="H151" s="353"/>
      <c r="I151" s="353"/>
      <c r="J151" s="353"/>
    </row>
    <row r="152" spans="6:10" x14ac:dyDescent="0.2">
      <c r="F152" s="353"/>
      <c r="G152" s="353"/>
      <c r="H152" s="353"/>
      <c r="I152" s="353"/>
      <c r="J152" s="353"/>
    </row>
    <row r="153" spans="6:10" x14ac:dyDescent="0.2">
      <c r="F153" s="353"/>
      <c r="G153" s="353"/>
      <c r="H153" s="353"/>
      <c r="I153" s="353"/>
      <c r="J153" s="353"/>
    </row>
    <row r="154" spans="6:10" x14ac:dyDescent="0.2">
      <c r="F154" s="353"/>
      <c r="G154" s="353"/>
      <c r="H154" s="353"/>
      <c r="I154" s="353"/>
      <c r="J154" s="353"/>
    </row>
    <row r="155" spans="6:10" x14ac:dyDescent="0.2">
      <c r="F155" s="353"/>
      <c r="G155" s="353"/>
      <c r="H155" s="353"/>
      <c r="I155" s="353"/>
      <c r="J155" s="353"/>
    </row>
    <row r="156" spans="6:10" x14ac:dyDescent="0.2">
      <c r="F156" s="353"/>
      <c r="G156" s="353"/>
      <c r="H156" s="353"/>
      <c r="I156" s="353"/>
      <c r="J156" s="353"/>
    </row>
    <row r="157" spans="6:10" x14ac:dyDescent="0.2">
      <c r="F157" s="353"/>
      <c r="G157" s="353"/>
      <c r="H157" s="353"/>
      <c r="I157" s="353"/>
      <c r="J157" s="353"/>
    </row>
    <row r="158" spans="6:10" x14ac:dyDescent="0.2">
      <c r="F158" s="353"/>
      <c r="G158" s="353"/>
      <c r="H158" s="353"/>
      <c r="I158" s="353"/>
      <c r="J158" s="353"/>
    </row>
    <row r="159" spans="6:10" x14ac:dyDescent="0.2">
      <c r="F159" s="353"/>
      <c r="G159" s="353"/>
      <c r="H159" s="353"/>
      <c r="I159" s="353"/>
      <c r="J159" s="353"/>
    </row>
    <row r="160" spans="6:10" x14ac:dyDescent="0.2">
      <c r="F160" s="353"/>
      <c r="G160" s="353"/>
      <c r="H160" s="353"/>
      <c r="I160" s="353"/>
      <c r="J160" s="353"/>
    </row>
    <row r="161" spans="6:10" x14ac:dyDescent="0.2">
      <c r="F161" s="353"/>
      <c r="G161" s="353"/>
      <c r="H161" s="353"/>
      <c r="I161" s="353"/>
      <c r="J161" s="353"/>
    </row>
    <row r="162" spans="6:10" x14ac:dyDescent="0.2">
      <c r="F162" s="353"/>
      <c r="G162" s="353"/>
      <c r="H162" s="353"/>
      <c r="I162" s="353"/>
      <c r="J162" s="353"/>
    </row>
    <row r="163" spans="6:10" x14ac:dyDescent="0.2">
      <c r="F163" s="353"/>
      <c r="G163" s="353"/>
      <c r="H163" s="353"/>
      <c r="I163" s="353"/>
      <c r="J163" s="353"/>
    </row>
    <row r="164" spans="6:10" x14ac:dyDescent="0.2">
      <c r="F164" s="353"/>
      <c r="G164" s="353"/>
      <c r="H164" s="353"/>
      <c r="I164" s="353"/>
      <c r="J164" s="353"/>
    </row>
    <row r="165" spans="6:10" x14ac:dyDescent="0.2">
      <c r="F165" s="353"/>
      <c r="G165" s="353"/>
      <c r="H165" s="353"/>
      <c r="I165" s="353"/>
      <c r="J165" s="353"/>
    </row>
    <row r="166" spans="6:10" x14ac:dyDescent="0.2">
      <c r="F166" s="353"/>
      <c r="G166" s="353"/>
      <c r="H166" s="353"/>
      <c r="I166" s="353"/>
      <c r="J166" s="353"/>
    </row>
    <row r="167" spans="6:10" x14ac:dyDescent="0.2">
      <c r="F167" s="353"/>
      <c r="G167" s="353"/>
      <c r="H167" s="353"/>
      <c r="I167" s="353"/>
      <c r="J167" s="353"/>
    </row>
    <row r="168" spans="6:10" x14ac:dyDescent="0.2">
      <c r="F168" s="353"/>
      <c r="G168" s="353"/>
      <c r="H168" s="353"/>
      <c r="I168" s="353"/>
      <c r="J168" s="353"/>
    </row>
    <row r="169" spans="6:10" x14ac:dyDescent="0.2">
      <c r="F169" s="353"/>
      <c r="G169" s="353"/>
      <c r="H169" s="353"/>
      <c r="I169" s="353"/>
      <c r="J169" s="353"/>
    </row>
    <row r="170" spans="6:10" x14ac:dyDescent="0.2">
      <c r="F170" s="353"/>
      <c r="G170" s="353"/>
      <c r="H170" s="353"/>
      <c r="I170" s="353"/>
      <c r="J170" s="353"/>
    </row>
    <row r="171" spans="6:10" x14ac:dyDescent="0.2">
      <c r="F171" s="353"/>
      <c r="G171" s="353"/>
      <c r="H171" s="353"/>
      <c r="I171" s="353"/>
      <c r="J171" s="353"/>
    </row>
    <row r="172" spans="6:10" x14ac:dyDescent="0.2">
      <c r="F172" s="353"/>
      <c r="G172" s="353"/>
      <c r="H172" s="353"/>
      <c r="I172" s="353"/>
      <c r="J172" s="353"/>
    </row>
    <row r="173" spans="6:10" x14ac:dyDescent="0.2">
      <c r="F173" s="353"/>
      <c r="G173" s="353"/>
      <c r="H173" s="353"/>
      <c r="I173" s="353"/>
      <c r="J173" s="353"/>
    </row>
    <row r="174" spans="6:10" x14ac:dyDescent="0.2">
      <c r="F174" s="353"/>
      <c r="G174" s="353"/>
      <c r="H174" s="353"/>
      <c r="I174" s="353"/>
      <c r="J174" s="353"/>
    </row>
    <row r="175" spans="6:10" x14ac:dyDescent="0.2">
      <c r="F175" s="353"/>
      <c r="G175" s="353"/>
      <c r="H175" s="353"/>
      <c r="I175" s="353"/>
      <c r="J175" s="353"/>
    </row>
    <row r="176" spans="6:10" x14ac:dyDescent="0.2">
      <c r="F176" s="353"/>
      <c r="G176" s="353"/>
      <c r="H176" s="353"/>
      <c r="I176" s="353"/>
      <c r="J176" s="353"/>
    </row>
    <row r="177" spans="6:10" x14ac:dyDescent="0.2">
      <c r="F177" s="353"/>
      <c r="G177" s="353"/>
      <c r="H177" s="353"/>
      <c r="I177" s="353"/>
      <c r="J177" s="353"/>
    </row>
    <row r="178" spans="6:10" x14ac:dyDescent="0.2">
      <c r="F178" s="353"/>
      <c r="G178" s="353"/>
      <c r="H178" s="353"/>
      <c r="I178" s="353"/>
      <c r="J178" s="353"/>
    </row>
    <row r="179" spans="6:10" x14ac:dyDescent="0.2">
      <c r="F179" s="353"/>
      <c r="G179" s="353"/>
      <c r="H179" s="353"/>
      <c r="I179" s="353"/>
      <c r="J179" s="353"/>
    </row>
    <row r="180" spans="6:10" x14ac:dyDescent="0.2">
      <c r="F180" s="353"/>
      <c r="G180" s="353"/>
      <c r="H180" s="353"/>
      <c r="I180" s="353"/>
      <c r="J180" s="353"/>
    </row>
    <row r="181" spans="6:10" x14ac:dyDescent="0.2">
      <c r="F181" s="353"/>
      <c r="G181" s="353"/>
      <c r="H181" s="353"/>
      <c r="I181" s="353"/>
      <c r="J181" s="353"/>
    </row>
    <row r="182" spans="6:10" x14ac:dyDescent="0.2">
      <c r="F182" s="353"/>
      <c r="G182" s="353"/>
      <c r="H182" s="353"/>
      <c r="I182" s="353"/>
      <c r="J182" s="353"/>
    </row>
    <row r="183" spans="6:10" x14ac:dyDescent="0.2">
      <c r="F183" s="353"/>
      <c r="G183" s="353"/>
      <c r="H183" s="353"/>
      <c r="I183" s="353"/>
      <c r="J183" s="353"/>
    </row>
    <row r="184" spans="6:10" x14ac:dyDescent="0.2">
      <c r="F184" s="353"/>
      <c r="G184" s="353"/>
      <c r="H184" s="353"/>
      <c r="I184" s="353"/>
      <c r="J184" s="353"/>
    </row>
    <row r="185" spans="6:10" x14ac:dyDescent="0.2">
      <c r="F185" s="353"/>
      <c r="G185" s="353"/>
      <c r="H185" s="353"/>
      <c r="I185" s="353"/>
      <c r="J185" s="353"/>
    </row>
    <row r="186" spans="6:10" x14ac:dyDescent="0.2">
      <c r="F186" s="353"/>
      <c r="G186" s="353"/>
      <c r="H186" s="353"/>
      <c r="I186" s="353"/>
      <c r="J186" s="353"/>
    </row>
    <row r="187" spans="6:10" x14ac:dyDescent="0.2">
      <c r="F187" s="353"/>
      <c r="G187" s="353"/>
      <c r="H187" s="353"/>
      <c r="I187" s="353"/>
      <c r="J187" s="353"/>
    </row>
    <row r="188" spans="6:10" x14ac:dyDescent="0.2">
      <c r="F188" s="353"/>
      <c r="G188" s="353"/>
      <c r="H188" s="353"/>
      <c r="I188" s="353"/>
      <c r="J188" s="353"/>
    </row>
    <row r="189" spans="6:10" x14ac:dyDescent="0.2">
      <c r="F189" s="353"/>
      <c r="G189" s="353"/>
      <c r="H189" s="353"/>
      <c r="I189" s="353"/>
      <c r="J189" s="353"/>
    </row>
    <row r="190" spans="6:10" x14ac:dyDescent="0.2">
      <c r="F190" s="353"/>
      <c r="G190" s="353"/>
      <c r="H190" s="353"/>
      <c r="I190" s="353"/>
      <c r="J190" s="353"/>
    </row>
    <row r="191" spans="6:10" x14ac:dyDescent="0.2">
      <c r="F191" s="353"/>
      <c r="G191" s="353"/>
      <c r="H191" s="353"/>
      <c r="I191" s="353"/>
      <c r="J191" s="353"/>
    </row>
    <row r="192" spans="6:10" x14ac:dyDescent="0.2">
      <c r="F192" s="353"/>
      <c r="G192" s="353"/>
      <c r="H192" s="353"/>
      <c r="I192" s="353"/>
      <c r="J192" s="353"/>
    </row>
    <row r="193" spans="6:10" x14ac:dyDescent="0.2">
      <c r="F193" s="353"/>
      <c r="G193" s="353"/>
      <c r="H193" s="353"/>
      <c r="I193" s="353"/>
      <c r="J193" s="353"/>
    </row>
    <row r="194" spans="6:10" x14ac:dyDescent="0.2">
      <c r="F194" s="353"/>
      <c r="G194" s="353"/>
      <c r="H194" s="353"/>
      <c r="I194" s="353"/>
      <c r="J194" s="353"/>
    </row>
    <row r="195" spans="6:10" x14ac:dyDescent="0.2">
      <c r="F195" s="353"/>
      <c r="G195" s="353"/>
      <c r="H195" s="353"/>
      <c r="I195" s="353"/>
      <c r="J195" s="353"/>
    </row>
    <row r="196" spans="6:10" x14ac:dyDescent="0.2">
      <c r="F196" s="353"/>
      <c r="G196" s="353"/>
      <c r="H196" s="353"/>
      <c r="I196" s="353"/>
      <c r="J196" s="353"/>
    </row>
    <row r="197" spans="6:10" x14ac:dyDescent="0.2">
      <c r="F197" s="353"/>
      <c r="G197" s="353"/>
      <c r="H197" s="353"/>
      <c r="I197" s="353"/>
      <c r="J197" s="353"/>
    </row>
    <row r="198" spans="6:10" x14ac:dyDescent="0.2">
      <c r="F198" s="353"/>
      <c r="G198" s="353"/>
      <c r="H198" s="353"/>
      <c r="I198" s="353"/>
      <c r="J198" s="353"/>
    </row>
    <row r="199" spans="6:10" x14ac:dyDescent="0.2">
      <c r="F199" s="353"/>
      <c r="G199" s="353"/>
      <c r="H199" s="353"/>
      <c r="I199" s="353"/>
      <c r="J199" s="353"/>
    </row>
    <row r="200" spans="6:10" x14ac:dyDescent="0.2">
      <c r="F200" s="353"/>
      <c r="G200" s="353"/>
      <c r="H200" s="353"/>
      <c r="I200" s="353"/>
      <c r="J200" s="353"/>
    </row>
    <row r="201" spans="6:10" x14ac:dyDescent="0.2">
      <c r="F201" s="353"/>
      <c r="G201" s="353"/>
      <c r="H201" s="353"/>
      <c r="I201" s="353"/>
      <c r="J201" s="353"/>
    </row>
    <row r="202" spans="6:10" x14ac:dyDescent="0.2">
      <c r="F202" s="353"/>
      <c r="G202" s="353"/>
      <c r="H202" s="353"/>
      <c r="I202" s="353"/>
      <c r="J202" s="353"/>
    </row>
    <row r="203" spans="6:10" x14ac:dyDescent="0.2">
      <c r="F203" s="353"/>
      <c r="G203" s="353"/>
      <c r="H203" s="353"/>
      <c r="I203" s="353"/>
      <c r="J203" s="353"/>
    </row>
    <row r="204" spans="6:10" x14ac:dyDescent="0.2">
      <c r="F204" s="353"/>
      <c r="G204" s="353"/>
      <c r="H204" s="353"/>
      <c r="I204" s="353"/>
      <c r="J204" s="353"/>
    </row>
    <row r="205" spans="6:10" x14ac:dyDescent="0.2">
      <c r="F205" s="353"/>
      <c r="G205" s="353"/>
      <c r="H205" s="353"/>
      <c r="I205" s="353"/>
      <c r="J205" s="353"/>
    </row>
    <row r="206" spans="6:10" x14ac:dyDescent="0.2">
      <c r="F206" s="353"/>
      <c r="G206" s="353"/>
      <c r="H206" s="353"/>
      <c r="I206" s="353"/>
      <c r="J206" s="353"/>
    </row>
    <row r="207" spans="6:10" x14ac:dyDescent="0.2">
      <c r="F207" s="353"/>
      <c r="G207" s="353"/>
      <c r="H207" s="353"/>
      <c r="I207" s="353"/>
      <c r="J207" s="353"/>
    </row>
    <row r="208" spans="6:10" x14ac:dyDescent="0.2">
      <c r="F208" s="353"/>
      <c r="G208" s="353"/>
      <c r="H208" s="353"/>
      <c r="I208" s="353"/>
      <c r="J208" s="353"/>
    </row>
    <row r="209" spans="6:10" x14ac:dyDescent="0.2">
      <c r="F209" s="353"/>
      <c r="G209" s="353"/>
      <c r="H209" s="353"/>
      <c r="I209" s="353"/>
      <c r="J209" s="353"/>
    </row>
    <row r="210" spans="6:10" x14ac:dyDescent="0.2">
      <c r="F210" s="353"/>
      <c r="G210" s="353"/>
      <c r="H210" s="353"/>
      <c r="I210" s="353"/>
      <c r="J210" s="353"/>
    </row>
    <row r="211" spans="6:10" x14ac:dyDescent="0.2">
      <c r="F211" s="353"/>
      <c r="G211" s="353"/>
      <c r="H211" s="353"/>
      <c r="I211" s="353"/>
      <c r="J211" s="353"/>
    </row>
    <row r="212" spans="6:10" x14ac:dyDescent="0.2">
      <c r="F212" s="353"/>
      <c r="G212" s="353"/>
      <c r="H212" s="353"/>
      <c r="I212" s="353"/>
      <c r="J212" s="353"/>
    </row>
    <row r="213" spans="6:10" x14ac:dyDescent="0.2">
      <c r="F213" s="353"/>
      <c r="G213" s="353"/>
      <c r="H213" s="353"/>
      <c r="I213" s="353"/>
      <c r="J213" s="353"/>
    </row>
    <row r="214" spans="6:10" x14ac:dyDescent="0.2">
      <c r="F214" s="353"/>
      <c r="G214" s="353"/>
      <c r="H214" s="353"/>
      <c r="I214" s="353"/>
      <c r="J214" s="353"/>
    </row>
    <row r="215" spans="6:10" x14ac:dyDescent="0.2">
      <c r="F215" s="353"/>
      <c r="G215" s="353"/>
      <c r="H215" s="353"/>
      <c r="I215" s="353"/>
      <c r="J215" s="353"/>
    </row>
    <row r="216" spans="6:10" x14ac:dyDescent="0.2">
      <c r="F216" s="353"/>
      <c r="G216" s="353"/>
      <c r="H216" s="353"/>
      <c r="I216" s="353"/>
      <c r="J216" s="353"/>
    </row>
    <row r="217" spans="6:10" x14ac:dyDescent="0.2">
      <c r="F217" s="353"/>
      <c r="G217" s="353"/>
      <c r="H217" s="353"/>
      <c r="I217" s="353"/>
      <c r="J217" s="353"/>
    </row>
    <row r="218" spans="6:10" x14ac:dyDescent="0.2">
      <c r="F218" s="353"/>
      <c r="G218" s="353"/>
      <c r="H218" s="353"/>
      <c r="I218" s="353"/>
      <c r="J218" s="353"/>
    </row>
    <row r="219" spans="6:10" x14ac:dyDescent="0.2">
      <c r="F219" s="353"/>
      <c r="G219" s="353"/>
      <c r="H219" s="353"/>
      <c r="I219" s="353"/>
      <c r="J219" s="353"/>
    </row>
    <row r="220" spans="6:10" x14ac:dyDescent="0.2">
      <c r="F220" s="353"/>
      <c r="G220" s="353"/>
      <c r="H220" s="353"/>
      <c r="I220" s="353"/>
      <c r="J220" s="353"/>
    </row>
    <row r="221" spans="6:10" x14ac:dyDescent="0.2">
      <c r="F221" s="353"/>
      <c r="G221" s="353"/>
      <c r="H221" s="353"/>
      <c r="I221" s="353"/>
      <c r="J221" s="353"/>
    </row>
    <row r="222" spans="6:10" x14ac:dyDescent="0.2">
      <c r="F222" s="353"/>
      <c r="G222" s="353"/>
      <c r="H222" s="353"/>
      <c r="I222" s="353"/>
      <c r="J222" s="353"/>
    </row>
    <row r="223" spans="6:10" x14ac:dyDescent="0.2">
      <c r="F223" s="353"/>
      <c r="G223" s="353"/>
      <c r="H223" s="353"/>
      <c r="I223" s="353"/>
      <c r="J223" s="353"/>
    </row>
    <row r="224" spans="6:10" x14ac:dyDescent="0.2">
      <c r="F224" s="353"/>
      <c r="G224" s="353"/>
      <c r="H224" s="353"/>
      <c r="I224" s="353"/>
      <c r="J224" s="353"/>
    </row>
    <row r="225" spans="6:10" x14ac:dyDescent="0.2">
      <c r="F225" s="353"/>
      <c r="G225" s="353"/>
      <c r="H225" s="353"/>
      <c r="I225" s="353"/>
      <c r="J225" s="353"/>
    </row>
    <row r="226" spans="6:10" x14ac:dyDescent="0.2">
      <c r="F226" s="353"/>
      <c r="G226" s="353"/>
      <c r="H226" s="353"/>
      <c r="I226" s="353"/>
      <c r="J226" s="353"/>
    </row>
    <row r="227" spans="6:10" x14ac:dyDescent="0.2">
      <c r="F227" s="353"/>
      <c r="G227" s="353"/>
      <c r="H227" s="353"/>
      <c r="I227" s="353"/>
      <c r="J227" s="353"/>
    </row>
    <row r="228" spans="6:10" x14ac:dyDescent="0.2">
      <c r="F228" s="353"/>
      <c r="G228" s="353"/>
      <c r="H228" s="353"/>
      <c r="I228" s="353"/>
      <c r="J228" s="353"/>
    </row>
    <row r="229" spans="6:10" x14ac:dyDescent="0.2">
      <c r="F229" s="353"/>
      <c r="G229" s="353"/>
      <c r="H229" s="353"/>
      <c r="I229" s="353"/>
      <c r="J229" s="353"/>
    </row>
    <row r="230" spans="6:10" x14ac:dyDescent="0.2">
      <c r="F230" s="353"/>
      <c r="G230" s="353"/>
      <c r="H230" s="353"/>
      <c r="I230" s="353"/>
      <c r="J230" s="353"/>
    </row>
    <row r="231" spans="6:10" x14ac:dyDescent="0.2">
      <c r="F231" s="353"/>
      <c r="G231" s="353"/>
      <c r="H231" s="353"/>
      <c r="I231" s="353"/>
      <c r="J231" s="353"/>
    </row>
    <row r="232" spans="6:10" x14ac:dyDescent="0.2">
      <c r="F232" s="353"/>
      <c r="G232" s="353"/>
      <c r="H232" s="353"/>
      <c r="I232" s="353"/>
      <c r="J232" s="353"/>
    </row>
    <row r="233" spans="6:10" x14ac:dyDescent="0.2">
      <c r="F233" s="353"/>
      <c r="G233" s="353"/>
      <c r="H233" s="353"/>
      <c r="I233" s="353"/>
      <c r="J233" s="353"/>
    </row>
    <row r="234" spans="6:10" x14ac:dyDescent="0.2">
      <c r="F234" s="353"/>
      <c r="G234" s="353"/>
      <c r="H234" s="353"/>
      <c r="I234" s="353"/>
      <c r="J234" s="353"/>
    </row>
    <row r="235" spans="6:10" x14ac:dyDescent="0.2">
      <c r="F235" s="353"/>
      <c r="G235" s="353"/>
      <c r="H235" s="353"/>
      <c r="I235" s="353"/>
      <c r="J235" s="353"/>
    </row>
    <row r="236" spans="6:10" x14ac:dyDescent="0.2">
      <c r="F236" s="353"/>
      <c r="G236" s="353"/>
      <c r="H236" s="353"/>
      <c r="I236" s="353"/>
      <c r="J236" s="353"/>
    </row>
    <row r="237" spans="6:10" x14ac:dyDescent="0.2">
      <c r="F237" s="353"/>
      <c r="G237" s="353"/>
      <c r="H237" s="353"/>
      <c r="I237" s="353"/>
      <c r="J237" s="353"/>
    </row>
    <row r="238" spans="6:10" x14ac:dyDescent="0.2">
      <c r="F238" s="353"/>
      <c r="G238" s="353"/>
      <c r="H238" s="353"/>
      <c r="I238" s="353"/>
      <c r="J238" s="353"/>
    </row>
    <row r="239" spans="6:10" x14ac:dyDescent="0.2">
      <c r="F239" s="353"/>
      <c r="G239" s="353"/>
      <c r="H239" s="353"/>
      <c r="I239" s="353"/>
      <c r="J239" s="353"/>
    </row>
    <row r="240" spans="6:10" x14ac:dyDescent="0.2">
      <c r="F240" s="353"/>
      <c r="G240" s="353"/>
      <c r="H240" s="353"/>
      <c r="I240" s="353"/>
      <c r="J240" s="353"/>
    </row>
    <row r="241" spans="6:10" x14ac:dyDescent="0.2">
      <c r="F241" s="353"/>
      <c r="G241" s="353"/>
      <c r="H241" s="353"/>
      <c r="I241" s="353"/>
      <c r="J241" s="353"/>
    </row>
    <row r="242" spans="6:10" x14ac:dyDescent="0.2">
      <c r="F242" s="353"/>
      <c r="G242" s="353"/>
      <c r="H242" s="353"/>
      <c r="I242" s="353"/>
      <c r="J242" s="353"/>
    </row>
    <row r="243" spans="6:10" x14ac:dyDescent="0.2">
      <c r="F243" s="353"/>
      <c r="G243" s="353"/>
      <c r="H243" s="353"/>
      <c r="I243" s="353"/>
      <c r="J243" s="353"/>
    </row>
    <row r="244" spans="6:10" x14ac:dyDescent="0.2">
      <c r="F244" s="353"/>
      <c r="G244" s="353"/>
      <c r="H244" s="353"/>
      <c r="I244" s="353"/>
      <c r="J244" s="353"/>
    </row>
    <row r="245" spans="6:10" x14ac:dyDescent="0.2">
      <c r="F245" s="353"/>
      <c r="G245" s="353"/>
      <c r="H245" s="353"/>
      <c r="I245" s="353"/>
      <c r="J245" s="353"/>
    </row>
    <row r="246" spans="6:10" x14ac:dyDescent="0.2">
      <c r="F246" s="353"/>
      <c r="G246" s="353"/>
      <c r="H246" s="353"/>
      <c r="I246" s="353"/>
      <c r="J246" s="353"/>
    </row>
    <row r="247" spans="6:10" x14ac:dyDescent="0.2">
      <c r="F247" s="353"/>
      <c r="G247" s="353"/>
      <c r="H247" s="353"/>
      <c r="I247" s="353"/>
      <c r="J247" s="353"/>
    </row>
    <row r="248" spans="6:10" x14ac:dyDescent="0.2">
      <c r="F248" s="353"/>
      <c r="G248" s="353"/>
      <c r="H248" s="353"/>
      <c r="I248" s="353"/>
      <c r="J248" s="353"/>
    </row>
    <row r="249" spans="6:10" x14ac:dyDescent="0.2">
      <c r="F249" s="353"/>
      <c r="G249" s="353"/>
      <c r="H249" s="353"/>
      <c r="I249" s="353"/>
      <c r="J249" s="353"/>
    </row>
    <row r="250" spans="6:10" x14ac:dyDescent="0.2">
      <c r="F250" s="353"/>
      <c r="G250" s="353"/>
      <c r="H250" s="353"/>
      <c r="I250" s="353"/>
      <c r="J250" s="353"/>
    </row>
    <row r="251" spans="6:10" x14ac:dyDescent="0.2">
      <c r="F251" s="353"/>
      <c r="G251" s="353"/>
      <c r="H251" s="353"/>
      <c r="I251" s="353"/>
      <c r="J251" s="353"/>
    </row>
    <row r="252" spans="6:10" x14ac:dyDescent="0.2">
      <c r="F252" s="353"/>
      <c r="G252" s="353"/>
      <c r="H252" s="353"/>
      <c r="I252" s="353"/>
      <c r="J252" s="353"/>
    </row>
    <row r="253" spans="6:10" x14ac:dyDescent="0.2">
      <c r="F253" s="353"/>
      <c r="G253" s="353"/>
      <c r="H253" s="353"/>
      <c r="I253" s="353"/>
      <c r="J253" s="353"/>
    </row>
    <row r="254" spans="6:10" x14ac:dyDescent="0.2">
      <c r="F254" s="353"/>
      <c r="G254" s="353"/>
      <c r="H254" s="353"/>
      <c r="I254" s="353"/>
      <c r="J254" s="353"/>
    </row>
    <row r="255" spans="6:10" x14ac:dyDescent="0.2">
      <c r="F255" s="353"/>
      <c r="G255" s="353"/>
      <c r="H255" s="353"/>
      <c r="I255" s="353"/>
      <c r="J255" s="353"/>
    </row>
    <row r="256" spans="6:10" x14ac:dyDescent="0.2">
      <c r="F256" s="353"/>
      <c r="G256" s="353"/>
      <c r="H256" s="353"/>
      <c r="I256" s="353"/>
      <c r="J256" s="353"/>
    </row>
    <row r="257" spans="6:10" x14ac:dyDescent="0.2">
      <c r="F257" s="353"/>
      <c r="G257" s="353"/>
      <c r="H257" s="353"/>
      <c r="I257" s="353"/>
      <c r="J257" s="353"/>
    </row>
    <row r="258" spans="6:10" x14ac:dyDescent="0.2">
      <c r="F258" s="353"/>
      <c r="G258" s="353"/>
      <c r="H258" s="353"/>
      <c r="I258" s="353"/>
      <c r="J258" s="353"/>
    </row>
    <row r="259" spans="6:10" x14ac:dyDescent="0.2">
      <c r="F259" s="353"/>
      <c r="G259" s="353"/>
      <c r="H259" s="353"/>
      <c r="I259" s="353"/>
      <c r="J259" s="353"/>
    </row>
    <row r="260" spans="6:10" x14ac:dyDescent="0.2">
      <c r="F260" s="353"/>
      <c r="G260" s="353"/>
      <c r="H260" s="353"/>
      <c r="I260" s="353"/>
      <c r="J260" s="353"/>
    </row>
    <row r="261" spans="6:10" x14ac:dyDescent="0.2">
      <c r="F261" s="353"/>
      <c r="G261" s="353"/>
      <c r="H261" s="353"/>
      <c r="I261" s="353"/>
      <c r="J261" s="353"/>
    </row>
    <row r="262" spans="6:10" x14ac:dyDescent="0.2">
      <c r="F262" s="353"/>
      <c r="G262" s="353"/>
      <c r="H262" s="353"/>
      <c r="I262" s="353"/>
      <c r="J262" s="353"/>
    </row>
    <row r="263" spans="6:10" x14ac:dyDescent="0.2">
      <c r="F263" s="353"/>
      <c r="G263" s="353"/>
      <c r="H263" s="353"/>
      <c r="I263" s="353"/>
      <c r="J263" s="353"/>
    </row>
    <row r="264" spans="6:10" x14ac:dyDescent="0.2">
      <c r="F264" s="353"/>
      <c r="G264" s="353"/>
      <c r="H264" s="353"/>
      <c r="I264" s="353"/>
      <c r="J264" s="353"/>
    </row>
    <row r="265" spans="6:10" x14ac:dyDescent="0.2">
      <c r="F265" s="353"/>
      <c r="G265" s="353"/>
      <c r="H265" s="353"/>
      <c r="I265" s="353"/>
      <c r="J265" s="353"/>
    </row>
    <row r="266" spans="6:10" x14ac:dyDescent="0.2">
      <c r="F266" s="353"/>
      <c r="G266" s="353"/>
      <c r="H266" s="353"/>
      <c r="I266" s="353"/>
      <c r="J266" s="353"/>
    </row>
    <row r="267" spans="6:10" x14ac:dyDescent="0.2">
      <c r="F267" s="353"/>
      <c r="G267" s="353"/>
      <c r="H267" s="353"/>
      <c r="I267" s="353"/>
      <c r="J267" s="353"/>
    </row>
    <row r="268" spans="6:10" x14ac:dyDescent="0.2">
      <c r="F268" s="353"/>
      <c r="G268" s="353"/>
      <c r="H268" s="353"/>
      <c r="I268" s="353"/>
      <c r="J268" s="353"/>
    </row>
    <row r="269" spans="6:10" x14ac:dyDescent="0.2">
      <c r="F269" s="353"/>
      <c r="G269" s="353"/>
      <c r="H269" s="353"/>
      <c r="I269" s="353"/>
      <c r="J269" s="353"/>
    </row>
    <row r="270" spans="6:10" x14ac:dyDescent="0.2">
      <c r="F270" s="353"/>
      <c r="G270" s="353"/>
      <c r="H270" s="353"/>
      <c r="I270" s="353"/>
      <c r="J270" s="353"/>
    </row>
    <row r="271" spans="6:10" x14ac:dyDescent="0.2">
      <c r="F271" s="353"/>
      <c r="G271" s="353"/>
      <c r="H271" s="353"/>
      <c r="I271" s="353"/>
      <c r="J271" s="353"/>
    </row>
    <row r="272" spans="6:10" x14ac:dyDescent="0.2">
      <c r="F272" s="353"/>
      <c r="G272" s="353"/>
      <c r="H272" s="353"/>
      <c r="I272" s="353"/>
      <c r="J272" s="353"/>
    </row>
    <row r="273" spans="6:10" x14ac:dyDescent="0.2">
      <c r="F273" s="353"/>
      <c r="G273" s="353"/>
      <c r="H273" s="353"/>
      <c r="I273" s="353"/>
      <c r="J273" s="353"/>
    </row>
    <row r="274" spans="6:10" x14ac:dyDescent="0.2">
      <c r="F274" s="353"/>
      <c r="G274" s="353"/>
      <c r="H274" s="353"/>
      <c r="I274" s="353"/>
      <c r="J274" s="353"/>
    </row>
    <row r="275" spans="6:10" x14ac:dyDescent="0.2">
      <c r="F275" s="353"/>
      <c r="G275" s="353"/>
      <c r="H275" s="353"/>
      <c r="I275" s="353"/>
      <c r="J275" s="353"/>
    </row>
    <row r="276" spans="6:10" x14ac:dyDescent="0.2">
      <c r="F276" s="353"/>
      <c r="G276" s="353"/>
      <c r="H276" s="353"/>
      <c r="I276" s="353"/>
      <c r="J276" s="353"/>
    </row>
    <row r="277" spans="6:10" x14ac:dyDescent="0.2">
      <c r="F277" s="353"/>
      <c r="G277" s="353"/>
      <c r="H277" s="353"/>
      <c r="I277" s="353"/>
      <c r="J277" s="353"/>
    </row>
    <row r="278" spans="6:10" x14ac:dyDescent="0.2">
      <c r="F278" s="353"/>
      <c r="G278" s="353"/>
      <c r="H278" s="353"/>
      <c r="I278" s="353"/>
      <c r="J278" s="353"/>
    </row>
    <row r="279" spans="6:10" x14ac:dyDescent="0.2">
      <c r="F279" s="353"/>
      <c r="G279" s="353"/>
      <c r="H279" s="353"/>
      <c r="I279" s="353"/>
      <c r="J279" s="353"/>
    </row>
    <row r="280" spans="6:10" x14ac:dyDescent="0.2">
      <c r="F280" s="353"/>
      <c r="G280" s="353"/>
      <c r="H280" s="353"/>
      <c r="I280" s="353"/>
      <c r="J280" s="353"/>
    </row>
    <row r="281" spans="6:10" x14ac:dyDescent="0.2">
      <c r="F281" s="353"/>
      <c r="G281" s="353"/>
      <c r="H281" s="353"/>
      <c r="I281" s="353"/>
      <c r="J281" s="353"/>
    </row>
    <row r="282" spans="6:10" x14ac:dyDescent="0.2">
      <c r="F282" s="353"/>
      <c r="G282" s="353"/>
      <c r="H282" s="353"/>
      <c r="I282" s="353"/>
      <c r="J282" s="353"/>
    </row>
    <row r="283" spans="6:10" x14ac:dyDescent="0.2">
      <c r="F283" s="353"/>
      <c r="G283" s="353"/>
      <c r="H283" s="353"/>
      <c r="I283" s="353"/>
      <c r="J283" s="353"/>
    </row>
    <row r="284" spans="6:10" x14ac:dyDescent="0.2">
      <c r="F284" s="353"/>
      <c r="G284" s="353"/>
      <c r="H284" s="353"/>
      <c r="I284" s="353"/>
      <c r="J284" s="353"/>
    </row>
    <row r="285" spans="6:10" x14ac:dyDescent="0.2">
      <c r="F285" s="353"/>
      <c r="G285" s="353"/>
      <c r="H285" s="353"/>
      <c r="I285" s="353"/>
      <c r="J285" s="353"/>
    </row>
    <row r="286" spans="6:10" x14ac:dyDescent="0.2">
      <c r="F286" s="353"/>
      <c r="G286" s="353"/>
      <c r="H286" s="353"/>
      <c r="I286" s="353"/>
      <c r="J286" s="353"/>
    </row>
    <row r="287" spans="6:10" x14ac:dyDescent="0.2">
      <c r="F287" s="353"/>
      <c r="G287" s="353"/>
      <c r="H287" s="353"/>
      <c r="I287" s="353"/>
      <c r="J287" s="353"/>
    </row>
    <row r="288" spans="6:10" x14ac:dyDescent="0.2">
      <c r="F288" s="353"/>
      <c r="G288" s="353"/>
      <c r="H288" s="353"/>
      <c r="I288" s="353"/>
      <c r="J288" s="353"/>
    </row>
    <row r="289" spans="6:10" x14ac:dyDescent="0.2">
      <c r="F289" s="353"/>
      <c r="G289" s="353"/>
      <c r="H289" s="353"/>
      <c r="I289" s="353"/>
      <c r="J289" s="353"/>
    </row>
    <row r="290" spans="6:10" x14ac:dyDescent="0.2">
      <c r="F290" s="353"/>
      <c r="G290" s="353"/>
      <c r="H290" s="353"/>
      <c r="I290" s="353"/>
      <c r="J290" s="353"/>
    </row>
    <row r="291" spans="6:10" x14ac:dyDescent="0.2">
      <c r="F291" s="353"/>
      <c r="G291" s="353"/>
      <c r="H291" s="353"/>
      <c r="I291" s="353"/>
      <c r="J291" s="353"/>
    </row>
    <row r="292" spans="6:10" x14ac:dyDescent="0.2">
      <c r="F292" s="353"/>
      <c r="G292" s="353"/>
      <c r="H292" s="353"/>
      <c r="I292" s="353"/>
      <c r="J292" s="353"/>
    </row>
    <row r="293" spans="6:10" x14ac:dyDescent="0.2">
      <c r="F293" s="353"/>
      <c r="G293" s="353"/>
      <c r="H293" s="353"/>
      <c r="I293" s="353"/>
      <c r="J293" s="353"/>
    </row>
    <row r="294" spans="6:10" x14ac:dyDescent="0.2">
      <c r="F294" s="353"/>
      <c r="G294" s="353"/>
      <c r="H294" s="353"/>
      <c r="I294" s="353"/>
      <c r="J294" s="353"/>
    </row>
    <row r="295" spans="6:10" x14ac:dyDescent="0.2">
      <c r="F295" s="353"/>
      <c r="G295" s="353"/>
      <c r="H295" s="353"/>
      <c r="I295" s="353"/>
      <c r="J295" s="353"/>
    </row>
    <row r="296" spans="6:10" x14ac:dyDescent="0.2">
      <c r="F296" s="353"/>
      <c r="G296" s="353"/>
      <c r="H296" s="353"/>
      <c r="I296" s="353"/>
      <c r="J296" s="353"/>
    </row>
    <row r="297" spans="6:10" x14ac:dyDescent="0.2">
      <c r="F297" s="353"/>
      <c r="G297" s="353"/>
      <c r="H297" s="353"/>
      <c r="I297" s="353"/>
      <c r="J297" s="353"/>
    </row>
    <row r="298" spans="6:10" x14ac:dyDescent="0.2">
      <c r="F298" s="353"/>
      <c r="G298" s="353"/>
      <c r="H298" s="353"/>
      <c r="I298" s="353"/>
      <c r="J298" s="353"/>
    </row>
    <row r="299" spans="6:10" x14ac:dyDescent="0.2">
      <c r="F299" s="353"/>
      <c r="G299" s="353"/>
      <c r="H299" s="353"/>
      <c r="I299" s="353"/>
      <c r="J299" s="353"/>
    </row>
    <row r="300" spans="6:10" x14ac:dyDescent="0.2">
      <c r="F300" s="353"/>
      <c r="G300" s="353"/>
      <c r="H300" s="353"/>
      <c r="I300" s="353"/>
      <c r="J300" s="353"/>
    </row>
    <row r="301" spans="6:10" x14ac:dyDescent="0.2">
      <c r="F301" s="353"/>
      <c r="G301" s="353"/>
      <c r="H301" s="353"/>
      <c r="I301" s="353"/>
      <c r="J301" s="353"/>
    </row>
    <row r="302" spans="6:10" x14ac:dyDescent="0.2">
      <c r="F302" s="353"/>
      <c r="G302" s="353"/>
      <c r="H302" s="353"/>
      <c r="I302" s="353"/>
      <c r="J302" s="353"/>
    </row>
    <row r="303" spans="6:10" x14ac:dyDescent="0.2">
      <c r="F303" s="353"/>
      <c r="G303" s="353"/>
      <c r="H303" s="353"/>
      <c r="I303" s="353"/>
      <c r="J303" s="353"/>
    </row>
    <row r="304" spans="6:10" x14ac:dyDescent="0.2">
      <c r="F304" s="353"/>
      <c r="G304" s="353"/>
      <c r="H304" s="353"/>
      <c r="I304" s="353"/>
      <c r="J304" s="353"/>
    </row>
    <row r="305" spans="6:10" x14ac:dyDescent="0.2">
      <c r="F305" s="353"/>
      <c r="G305" s="353"/>
      <c r="H305" s="353"/>
      <c r="I305" s="353"/>
      <c r="J305" s="353"/>
    </row>
    <row r="306" spans="6:10" x14ac:dyDescent="0.2">
      <c r="F306" s="353"/>
      <c r="G306" s="353"/>
      <c r="H306" s="353"/>
      <c r="I306" s="353"/>
      <c r="J306" s="353"/>
    </row>
    <row r="307" spans="6:10" x14ac:dyDescent="0.2">
      <c r="F307" s="353"/>
      <c r="G307" s="353"/>
      <c r="H307" s="353"/>
      <c r="I307" s="353"/>
      <c r="J307" s="353"/>
    </row>
    <row r="308" spans="6:10" x14ac:dyDescent="0.2">
      <c r="F308" s="353"/>
      <c r="G308" s="353"/>
      <c r="H308" s="353"/>
      <c r="I308" s="353"/>
      <c r="J308" s="353"/>
    </row>
    <row r="309" spans="6:10" x14ac:dyDescent="0.2">
      <c r="F309" s="353"/>
      <c r="G309" s="353"/>
      <c r="H309" s="353"/>
      <c r="I309" s="353"/>
      <c r="J309" s="353"/>
    </row>
    <row r="310" spans="6:10" x14ac:dyDescent="0.2">
      <c r="F310" s="353"/>
      <c r="G310" s="353"/>
      <c r="H310" s="353"/>
      <c r="I310" s="353"/>
      <c r="J310" s="353"/>
    </row>
    <row r="311" spans="6:10" x14ac:dyDescent="0.2">
      <c r="F311" s="353"/>
      <c r="G311" s="353"/>
      <c r="H311" s="353"/>
      <c r="I311" s="353"/>
      <c r="J311" s="353"/>
    </row>
    <row r="312" spans="6:10" x14ac:dyDescent="0.2">
      <c r="F312" s="353"/>
      <c r="G312" s="353"/>
      <c r="H312" s="353"/>
      <c r="I312" s="353"/>
      <c r="J312" s="353"/>
    </row>
    <row r="313" spans="6:10" x14ac:dyDescent="0.2">
      <c r="F313" s="353"/>
      <c r="G313" s="353"/>
      <c r="H313" s="353"/>
      <c r="I313" s="353"/>
      <c r="J313" s="353"/>
    </row>
    <row r="314" spans="6:10" x14ac:dyDescent="0.2">
      <c r="F314" s="353"/>
      <c r="G314" s="353"/>
      <c r="H314" s="353"/>
      <c r="I314" s="353"/>
      <c r="J314" s="353"/>
    </row>
    <row r="315" spans="6:10" x14ac:dyDescent="0.2">
      <c r="F315" s="353"/>
      <c r="G315" s="353"/>
      <c r="H315" s="353"/>
      <c r="I315" s="353"/>
      <c r="J315" s="353"/>
    </row>
    <row r="316" spans="6:10" x14ac:dyDescent="0.2">
      <c r="F316" s="353"/>
      <c r="G316" s="353"/>
      <c r="H316" s="353"/>
      <c r="I316" s="353"/>
      <c r="J316" s="353"/>
    </row>
    <row r="317" spans="6:10" x14ac:dyDescent="0.2">
      <c r="F317" s="353"/>
      <c r="G317" s="353"/>
      <c r="H317" s="353"/>
      <c r="I317" s="353"/>
      <c r="J317" s="353"/>
    </row>
    <row r="318" spans="6:10" x14ac:dyDescent="0.2">
      <c r="F318" s="353"/>
      <c r="G318" s="353"/>
      <c r="H318" s="353"/>
      <c r="I318" s="353"/>
      <c r="J318" s="353"/>
    </row>
    <row r="319" spans="6:10" x14ac:dyDescent="0.2">
      <c r="F319" s="353"/>
      <c r="G319" s="353"/>
      <c r="H319" s="353"/>
      <c r="I319" s="353"/>
      <c r="J319" s="353"/>
    </row>
    <row r="320" spans="6:10" x14ac:dyDescent="0.2">
      <c r="F320" s="353"/>
      <c r="G320" s="353"/>
      <c r="H320" s="353"/>
      <c r="I320" s="353"/>
      <c r="J320" s="353"/>
    </row>
    <row r="321" spans="6:10" x14ac:dyDescent="0.2">
      <c r="F321" s="353"/>
      <c r="G321" s="353"/>
      <c r="H321" s="353"/>
      <c r="I321" s="353"/>
      <c r="J321" s="353"/>
    </row>
    <row r="322" spans="6:10" x14ac:dyDescent="0.2">
      <c r="F322" s="353"/>
      <c r="G322" s="353"/>
      <c r="H322" s="353"/>
      <c r="I322" s="353"/>
      <c r="J322" s="353"/>
    </row>
    <row r="323" spans="6:10" x14ac:dyDescent="0.2">
      <c r="F323" s="353"/>
      <c r="G323" s="353"/>
      <c r="H323" s="353"/>
      <c r="I323" s="353"/>
      <c r="J323" s="353"/>
    </row>
    <row r="324" spans="6:10" x14ac:dyDescent="0.2">
      <c r="F324" s="353"/>
      <c r="G324" s="353"/>
      <c r="H324" s="353"/>
      <c r="I324" s="353"/>
      <c r="J324" s="353"/>
    </row>
    <row r="325" spans="6:10" x14ac:dyDescent="0.2">
      <c r="F325" s="353"/>
      <c r="G325" s="353"/>
      <c r="H325" s="353"/>
      <c r="I325" s="353"/>
      <c r="J325" s="353"/>
    </row>
    <row r="326" spans="6:10" x14ac:dyDescent="0.2">
      <c r="F326" s="353"/>
      <c r="G326" s="353"/>
      <c r="H326" s="353"/>
      <c r="I326" s="353"/>
      <c r="J326" s="353"/>
    </row>
    <row r="327" spans="6:10" x14ac:dyDescent="0.2">
      <c r="F327" s="353"/>
      <c r="G327" s="353"/>
      <c r="H327" s="353"/>
      <c r="I327" s="353"/>
      <c r="J327" s="353"/>
    </row>
    <row r="328" spans="6:10" x14ac:dyDescent="0.2">
      <c r="F328" s="353"/>
      <c r="G328" s="353"/>
      <c r="H328" s="353"/>
      <c r="I328" s="353"/>
      <c r="J328" s="353"/>
    </row>
    <row r="329" spans="6:10" x14ac:dyDescent="0.2">
      <c r="F329" s="353"/>
      <c r="G329" s="353"/>
      <c r="H329" s="353"/>
      <c r="I329" s="353"/>
      <c r="J329" s="353"/>
    </row>
    <row r="330" spans="6:10" x14ac:dyDescent="0.2">
      <c r="F330" s="353"/>
      <c r="G330" s="353"/>
      <c r="H330" s="353"/>
      <c r="I330" s="353"/>
      <c r="J330" s="353"/>
    </row>
    <row r="331" spans="6:10" x14ac:dyDescent="0.2">
      <c r="F331" s="353"/>
      <c r="G331" s="353"/>
      <c r="H331" s="353"/>
      <c r="I331" s="353"/>
      <c r="J331" s="353"/>
    </row>
    <row r="332" spans="6:10" x14ac:dyDescent="0.2">
      <c r="F332" s="353"/>
      <c r="G332" s="353"/>
      <c r="H332" s="353"/>
      <c r="I332" s="353"/>
      <c r="J332" s="353"/>
    </row>
    <row r="333" spans="6:10" x14ac:dyDescent="0.2">
      <c r="F333" s="353"/>
      <c r="G333" s="353"/>
      <c r="H333" s="353"/>
      <c r="I333" s="353"/>
      <c r="J333" s="353"/>
    </row>
    <row r="334" spans="6:10" x14ac:dyDescent="0.2">
      <c r="F334" s="353"/>
      <c r="G334" s="353"/>
      <c r="H334" s="353"/>
      <c r="I334" s="353"/>
      <c r="J334" s="353"/>
    </row>
    <row r="335" spans="6:10" x14ac:dyDescent="0.2">
      <c r="F335" s="353"/>
      <c r="G335" s="353"/>
      <c r="H335" s="353"/>
      <c r="I335" s="353"/>
      <c r="J335" s="353"/>
    </row>
    <row r="336" spans="6:10" x14ac:dyDescent="0.2">
      <c r="F336" s="353"/>
      <c r="G336" s="353"/>
      <c r="H336" s="353"/>
      <c r="I336" s="353"/>
      <c r="J336" s="353"/>
    </row>
    <row r="337" spans="6:10" x14ac:dyDescent="0.2">
      <c r="F337" s="353"/>
      <c r="G337" s="353"/>
      <c r="H337" s="353"/>
      <c r="I337" s="353"/>
      <c r="J337" s="353"/>
    </row>
    <row r="338" spans="6:10" x14ac:dyDescent="0.2">
      <c r="F338" s="353"/>
      <c r="G338" s="353"/>
      <c r="H338" s="353"/>
      <c r="I338" s="353"/>
      <c r="J338" s="353"/>
    </row>
    <row r="339" spans="6:10" x14ac:dyDescent="0.2">
      <c r="F339" s="353"/>
      <c r="G339" s="353"/>
      <c r="H339" s="353"/>
      <c r="I339" s="353"/>
      <c r="J339" s="353"/>
    </row>
    <row r="340" spans="6:10" x14ac:dyDescent="0.2">
      <c r="F340" s="353"/>
      <c r="G340" s="353"/>
      <c r="H340" s="353"/>
      <c r="I340" s="353"/>
      <c r="J340" s="353"/>
    </row>
    <row r="341" spans="6:10" x14ac:dyDescent="0.2">
      <c r="F341" s="353"/>
      <c r="G341" s="353"/>
      <c r="H341" s="353"/>
      <c r="I341" s="353"/>
      <c r="J341" s="353"/>
    </row>
    <row r="342" spans="6:10" x14ac:dyDescent="0.2">
      <c r="F342" s="353"/>
      <c r="G342" s="353"/>
      <c r="H342" s="353"/>
      <c r="I342" s="353"/>
      <c r="J342" s="353"/>
    </row>
    <row r="343" spans="6:10" x14ac:dyDescent="0.2">
      <c r="F343" s="353"/>
      <c r="G343" s="353"/>
      <c r="H343" s="353"/>
      <c r="I343" s="353"/>
      <c r="J343" s="353"/>
    </row>
    <row r="344" spans="6:10" x14ac:dyDescent="0.2">
      <c r="F344" s="353"/>
      <c r="G344" s="353"/>
      <c r="H344" s="353"/>
      <c r="I344" s="353"/>
      <c r="J344" s="353"/>
    </row>
    <row r="345" spans="6:10" x14ac:dyDescent="0.2">
      <c r="F345" s="353"/>
      <c r="G345" s="353"/>
      <c r="H345" s="353"/>
      <c r="I345" s="353"/>
      <c r="J345" s="353"/>
    </row>
    <row r="346" spans="6:10" x14ac:dyDescent="0.2">
      <c r="F346" s="353"/>
      <c r="G346" s="353"/>
      <c r="H346" s="353"/>
      <c r="I346" s="353"/>
      <c r="J346" s="353"/>
    </row>
    <row r="347" spans="6:10" x14ac:dyDescent="0.2">
      <c r="F347" s="353"/>
      <c r="G347" s="353"/>
      <c r="H347" s="353"/>
      <c r="I347" s="353"/>
      <c r="J347" s="353"/>
    </row>
    <row r="348" spans="6:10" x14ac:dyDescent="0.2">
      <c r="F348" s="353"/>
      <c r="G348" s="353"/>
      <c r="H348" s="353"/>
      <c r="I348" s="353"/>
      <c r="J348" s="353"/>
    </row>
    <row r="349" spans="6:10" x14ac:dyDescent="0.2">
      <c r="F349" s="353"/>
      <c r="G349" s="353"/>
      <c r="H349" s="353"/>
      <c r="I349" s="353"/>
      <c r="J349" s="353"/>
    </row>
    <row r="350" spans="6:10" x14ac:dyDescent="0.2">
      <c r="F350" s="353"/>
      <c r="G350" s="353"/>
      <c r="H350" s="353"/>
      <c r="I350" s="353"/>
      <c r="J350" s="353"/>
    </row>
    <row r="351" spans="6:10" x14ac:dyDescent="0.2">
      <c r="F351" s="353"/>
      <c r="G351" s="353"/>
      <c r="H351" s="353"/>
      <c r="I351" s="353"/>
      <c r="J351" s="353"/>
    </row>
    <row r="352" spans="6:10" x14ac:dyDescent="0.2">
      <c r="F352" s="353"/>
      <c r="G352" s="353"/>
      <c r="H352" s="353"/>
      <c r="I352" s="353"/>
      <c r="J352" s="353"/>
    </row>
    <row r="353" spans="6:10" x14ac:dyDescent="0.2">
      <c r="F353" s="353"/>
      <c r="G353" s="353"/>
      <c r="H353" s="353"/>
      <c r="I353" s="353"/>
      <c r="J353" s="353"/>
    </row>
    <row r="354" spans="6:10" x14ac:dyDescent="0.2">
      <c r="F354" s="353"/>
      <c r="G354" s="353"/>
      <c r="H354" s="353"/>
      <c r="I354" s="353"/>
      <c r="J354" s="353"/>
    </row>
    <row r="355" spans="6:10" x14ac:dyDescent="0.2">
      <c r="F355" s="353"/>
      <c r="G355" s="353"/>
      <c r="H355" s="353"/>
      <c r="I355" s="353"/>
      <c r="J355" s="353"/>
    </row>
    <row r="356" spans="6:10" x14ac:dyDescent="0.2">
      <c r="F356" s="353"/>
      <c r="G356" s="353"/>
      <c r="H356" s="353"/>
      <c r="I356" s="353"/>
      <c r="J356" s="353"/>
    </row>
    <row r="357" spans="6:10" x14ac:dyDescent="0.2">
      <c r="F357" s="353"/>
      <c r="G357" s="353"/>
      <c r="H357" s="353"/>
      <c r="I357" s="353"/>
      <c r="J357" s="353"/>
    </row>
    <row r="358" spans="6:10" x14ac:dyDescent="0.2">
      <c r="F358" s="353"/>
      <c r="G358" s="353"/>
      <c r="H358" s="353"/>
      <c r="I358" s="353"/>
      <c r="J358" s="353"/>
    </row>
    <row r="359" spans="6:10" x14ac:dyDescent="0.2">
      <c r="F359" s="353"/>
      <c r="G359" s="353"/>
      <c r="H359" s="353"/>
      <c r="I359" s="353"/>
      <c r="J359" s="353"/>
    </row>
    <row r="360" spans="6:10" x14ac:dyDescent="0.2">
      <c r="F360" s="353"/>
      <c r="G360" s="353"/>
      <c r="H360" s="353"/>
      <c r="I360" s="353"/>
      <c r="J360" s="353"/>
    </row>
    <row r="361" spans="6:10" x14ac:dyDescent="0.2">
      <c r="F361" s="353"/>
      <c r="G361" s="353"/>
      <c r="H361" s="353"/>
      <c r="I361" s="353"/>
      <c r="J361" s="353"/>
    </row>
    <row r="362" spans="6:10" x14ac:dyDescent="0.2">
      <c r="F362" s="353"/>
      <c r="G362" s="353"/>
      <c r="H362" s="353"/>
      <c r="I362" s="353"/>
      <c r="J362" s="353"/>
    </row>
    <row r="363" spans="6:10" x14ac:dyDescent="0.2">
      <c r="F363" s="353"/>
      <c r="G363" s="353"/>
      <c r="H363" s="353"/>
      <c r="I363" s="353"/>
      <c r="J363" s="353"/>
    </row>
    <row r="364" spans="6:10" x14ac:dyDescent="0.2">
      <c r="F364" s="353"/>
      <c r="G364" s="353"/>
      <c r="H364" s="353"/>
      <c r="I364" s="353"/>
      <c r="J364" s="353"/>
    </row>
    <row r="365" spans="6:10" x14ac:dyDescent="0.2">
      <c r="F365" s="353"/>
      <c r="G365" s="353"/>
      <c r="H365" s="353"/>
      <c r="I365" s="353"/>
      <c r="J365" s="353"/>
    </row>
    <row r="366" spans="6:10" x14ac:dyDescent="0.2">
      <c r="F366" s="353"/>
      <c r="G366" s="353"/>
      <c r="H366" s="353"/>
      <c r="I366" s="353"/>
      <c r="J366" s="353"/>
    </row>
    <row r="367" spans="6:10" x14ac:dyDescent="0.2">
      <c r="F367" s="353"/>
      <c r="G367" s="353"/>
      <c r="H367" s="353"/>
      <c r="I367" s="353"/>
      <c r="J367" s="353"/>
    </row>
    <row r="368" spans="6:10" x14ac:dyDescent="0.2">
      <c r="F368" s="353"/>
      <c r="G368" s="353"/>
      <c r="H368" s="353"/>
      <c r="I368" s="353"/>
      <c r="J368" s="353"/>
    </row>
    <row r="369" spans="6:10" x14ac:dyDescent="0.2">
      <c r="F369" s="353"/>
      <c r="G369" s="353"/>
      <c r="H369" s="353"/>
      <c r="I369" s="353"/>
      <c r="J369" s="353"/>
    </row>
    <row r="370" spans="6:10" x14ac:dyDescent="0.2">
      <c r="F370" s="353"/>
      <c r="G370" s="353"/>
      <c r="H370" s="353"/>
      <c r="I370" s="353"/>
      <c r="J370" s="353"/>
    </row>
    <row r="371" spans="6:10" x14ac:dyDescent="0.2">
      <c r="F371" s="353"/>
      <c r="G371" s="353"/>
      <c r="H371" s="353"/>
      <c r="I371" s="353"/>
      <c r="J371" s="353"/>
    </row>
    <row r="372" spans="6:10" x14ac:dyDescent="0.2">
      <c r="F372" s="353"/>
      <c r="G372" s="353"/>
      <c r="H372" s="353"/>
      <c r="I372" s="353"/>
      <c r="J372" s="353"/>
    </row>
    <row r="373" spans="6:10" x14ac:dyDescent="0.2">
      <c r="F373" s="353"/>
      <c r="G373" s="353"/>
      <c r="H373" s="353"/>
      <c r="I373" s="353"/>
      <c r="J373" s="353"/>
    </row>
    <row r="374" spans="6:10" x14ac:dyDescent="0.2">
      <c r="F374" s="353"/>
      <c r="G374" s="353"/>
      <c r="H374" s="353"/>
      <c r="I374" s="353"/>
      <c r="J374" s="353"/>
    </row>
    <row r="375" spans="6:10" x14ac:dyDescent="0.2">
      <c r="F375" s="353"/>
      <c r="G375" s="353"/>
      <c r="H375" s="353"/>
      <c r="I375" s="353"/>
      <c r="J375" s="353"/>
    </row>
    <row r="376" spans="6:10" x14ac:dyDescent="0.2">
      <c r="F376" s="353"/>
      <c r="G376" s="353"/>
      <c r="H376" s="353"/>
      <c r="I376" s="353"/>
      <c r="J376" s="353"/>
    </row>
    <row r="377" spans="6:10" x14ac:dyDescent="0.2">
      <c r="F377" s="353"/>
      <c r="G377" s="353"/>
      <c r="H377" s="353"/>
      <c r="I377" s="353"/>
      <c r="J377" s="353"/>
    </row>
    <row r="378" spans="6:10" x14ac:dyDescent="0.2">
      <c r="F378" s="353"/>
      <c r="G378" s="353"/>
      <c r="H378" s="353"/>
      <c r="I378" s="353"/>
      <c r="J378" s="353"/>
    </row>
    <row r="379" spans="6:10" x14ac:dyDescent="0.2">
      <c r="F379" s="353"/>
      <c r="G379" s="353"/>
      <c r="H379" s="353"/>
      <c r="I379" s="353"/>
      <c r="J379" s="353"/>
    </row>
    <row r="380" spans="6:10" x14ac:dyDescent="0.2">
      <c r="F380" s="353"/>
      <c r="G380" s="353"/>
      <c r="H380" s="353"/>
      <c r="I380" s="353"/>
      <c r="J380" s="353"/>
    </row>
    <row r="381" spans="6:10" x14ac:dyDescent="0.2">
      <c r="F381" s="353"/>
      <c r="G381" s="353"/>
      <c r="H381" s="353"/>
      <c r="I381" s="353"/>
      <c r="J381" s="353"/>
    </row>
    <row r="382" spans="6:10" x14ac:dyDescent="0.2">
      <c r="F382" s="353"/>
      <c r="G382" s="353"/>
      <c r="H382" s="353"/>
      <c r="I382" s="353"/>
      <c r="J382" s="353"/>
    </row>
    <row r="383" spans="6:10" x14ac:dyDescent="0.2">
      <c r="F383" s="353"/>
      <c r="G383" s="353"/>
      <c r="H383" s="353"/>
      <c r="I383" s="353"/>
      <c r="J383" s="353"/>
    </row>
    <row r="384" spans="6:10" x14ac:dyDescent="0.2">
      <c r="F384" s="353"/>
      <c r="G384" s="353"/>
      <c r="H384" s="353"/>
      <c r="I384" s="353"/>
      <c r="J384" s="353"/>
    </row>
    <row r="385" spans="6:10" x14ac:dyDescent="0.2">
      <c r="F385" s="353"/>
      <c r="G385" s="353"/>
      <c r="H385" s="353"/>
      <c r="I385" s="353"/>
      <c r="J385" s="353"/>
    </row>
    <row r="386" spans="6:10" x14ac:dyDescent="0.2">
      <c r="F386" s="353"/>
      <c r="G386" s="353"/>
      <c r="H386" s="353"/>
      <c r="I386" s="353"/>
      <c r="J386" s="353"/>
    </row>
    <row r="387" spans="6:10" x14ac:dyDescent="0.2">
      <c r="F387" s="353"/>
      <c r="G387" s="353"/>
      <c r="H387" s="353"/>
      <c r="I387" s="353"/>
      <c r="J387" s="353"/>
    </row>
    <row r="388" spans="6:10" x14ac:dyDescent="0.2">
      <c r="F388" s="353"/>
      <c r="G388" s="353"/>
      <c r="H388" s="353"/>
      <c r="I388" s="353"/>
      <c r="J388" s="353"/>
    </row>
    <row r="389" spans="6:10" x14ac:dyDescent="0.2">
      <c r="F389" s="353"/>
      <c r="G389" s="353"/>
      <c r="H389" s="353"/>
      <c r="I389" s="353"/>
      <c r="J389" s="353"/>
    </row>
    <row r="390" spans="6:10" x14ac:dyDescent="0.2">
      <c r="F390" s="353"/>
      <c r="G390" s="353"/>
      <c r="H390" s="353"/>
      <c r="I390" s="353"/>
      <c r="J390" s="353"/>
    </row>
    <row r="391" spans="6:10" x14ac:dyDescent="0.2">
      <c r="F391" s="353"/>
      <c r="G391" s="353"/>
      <c r="H391" s="353"/>
      <c r="I391" s="353"/>
      <c r="J391" s="353"/>
    </row>
    <row r="392" spans="6:10" x14ac:dyDescent="0.2">
      <c r="F392" s="353"/>
      <c r="G392" s="353"/>
      <c r="H392" s="353"/>
      <c r="I392" s="353"/>
      <c r="J392" s="353"/>
    </row>
    <row r="393" spans="6:10" x14ac:dyDescent="0.2">
      <c r="F393" s="353"/>
      <c r="G393" s="353"/>
      <c r="H393" s="353"/>
      <c r="I393" s="353"/>
      <c r="J393" s="353"/>
    </row>
    <row r="394" spans="6:10" x14ac:dyDescent="0.2">
      <c r="F394" s="353"/>
      <c r="G394" s="353"/>
      <c r="H394" s="353"/>
      <c r="I394" s="353"/>
      <c r="J394" s="353"/>
    </row>
    <row r="395" spans="6:10" x14ac:dyDescent="0.2">
      <c r="F395" s="353"/>
      <c r="G395" s="353"/>
      <c r="H395" s="353"/>
      <c r="I395" s="353"/>
      <c r="J395" s="353"/>
    </row>
    <row r="396" spans="6:10" x14ac:dyDescent="0.2">
      <c r="F396" s="353"/>
      <c r="G396" s="353"/>
      <c r="H396" s="353"/>
      <c r="I396" s="353"/>
      <c r="J396" s="353"/>
    </row>
    <row r="397" spans="6:10" x14ac:dyDescent="0.2">
      <c r="F397" s="353"/>
      <c r="G397" s="353"/>
      <c r="H397" s="353"/>
      <c r="I397" s="353"/>
      <c r="J397" s="353"/>
    </row>
    <row r="398" spans="6:10" x14ac:dyDescent="0.2">
      <c r="F398" s="353"/>
      <c r="G398" s="353"/>
      <c r="H398" s="353"/>
      <c r="I398" s="353"/>
      <c r="J398" s="353"/>
    </row>
    <row r="399" spans="6:10" x14ac:dyDescent="0.2">
      <c r="F399" s="353"/>
      <c r="G399" s="353"/>
      <c r="H399" s="353"/>
      <c r="I399" s="353"/>
      <c r="J399" s="353"/>
    </row>
    <row r="400" spans="6:10" x14ac:dyDescent="0.2">
      <c r="F400" s="353"/>
      <c r="G400" s="353"/>
      <c r="H400" s="353"/>
      <c r="I400" s="353"/>
      <c r="J400" s="353"/>
    </row>
    <row r="401" spans="6:10" x14ac:dyDescent="0.2">
      <c r="F401" s="353"/>
      <c r="G401" s="353"/>
      <c r="H401" s="353"/>
      <c r="I401" s="353"/>
      <c r="J401" s="353"/>
    </row>
    <row r="402" spans="6:10" x14ac:dyDescent="0.2">
      <c r="F402" s="353"/>
      <c r="G402" s="353"/>
      <c r="H402" s="353"/>
      <c r="I402" s="353"/>
      <c r="J402" s="353"/>
    </row>
    <row r="403" spans="6:10" x14ac:dyDescent="0.2">
      <c r="F403" s="353"/>
      <c r="G403" s="353"/>
      <c r="H403" s="353"/>
      <c r="I403" s="353"/>
      <c r="J403" s="353"/>
    </row>
    <row r="404" spans="6:10" x14ac:dyDescent="0.2">
      <c r="F404" s="353"/>
      <c r="G404" s="353"/>
      <c r="H404" s="353"/>
      <c r="I404" s="353"/>
      <c r="J404" s="353"/>
    </row>
    <row r="405" spans="6:10" x14ac:dyDescent="0.2">
      <c r="F405" s="353"/>
      <c r="G405" s="353"/>
      <c r="H405" s="353"/>
      <c r="I405" s="353"/>
      <c r="J405" s="353"/>
    </row>
    <row r="406" spans="6:10" x14ac:dyDescent="0.2">
      <c r="F406" s="353"/>
      <c r="G406" s="353"/>
      <c r="H406" s="353"/>
      <c r="I406" s="353"/>
      <c r="J406" s="353"/>
    </row>
    <row r="407" spans="6:10" x14ac:dyDescent="0.2">
      <c r="F407" s="353"/>
      <c r="G407" s="353"/>
      <c r="H407" s="353"/>
      <c r="I407" s="353"/>
      <c r="J407" s="353"/>
    </row>
    <row r="408" spans="6:10" x14ac:dyDescent="0.2">
      <c r="F408" s="353"/>
      <c r="G408" s="353"/>
      <c r="H408" s="353"/>
      <c r="I408" s="353"/>
      <c r="J408" s="353"/>
    </row>
    <row r="409" spans="6:10" x14ac:dyDescent="0.2">
      <c r="F409" s="353"/>
      <c r="G409" s="353"/>
      <c r="H409" s="353"/>
      <c r="I409" s="353"/>
      <c r="J409" s="353"/>
    </row>
    <row r="410" spans="6:10" x14ac:dyDescent="0.2">
      <c r="F410" s="353"/>
      <c r="G410" s="353"/>
      <c r="H410" s="353"/>
      <c r="I410" s="353"/>
      <c r="J410" s="353"/>
    </row>
    <row r="411" spans="6:10" x14ac:dyDescent="0.2">
      <c r="F411" s="353"/>
      <c r="G411" s="353"/>
      <c r="H411" s="353"/>
      <c r="I411" s="353"/>
      <c r="J411" s="353"/>
    </row>
    <row r="412" spans="6:10" x14ac:dyDescent="0.2">
      <c r="F412" s="353"/>
      <c r="G412" s="353"/>
      <c r="H412" s="353"/>
      <c r="I412" s="353"/>
      <c r="J412" s="353"/>
    </row>
    <row r="413" spans="6:10" x14ac:dyDescent="0.2">
      <c r="F413" s="353"/>
      <c r="G413" s="353"/>
      <c r="H413" s="353"/>
      <c r="I413" s="353"/>
      <c r="J413" s="353"/>
    </row>
    <row r="414" spans="6:10" x14ac:dyDescent="0.2">
      <c r="F414" s="353"/>
      <c r="G414" s="353"/>
      <c r="H414" s="353"/>
      <c r="I414" s="353"/>
      <c r="J414" s="353"/>
    </row>
    <row r="415" spans="6:10" x14ac:dyDescent="0.2">
      <c r="F415" s="353"/>
      <c r="G415" s="353"/>
      <c r="H415" s="353"/>
      <c r="I415" s="353"/>
      <c r="J415" s="353"/>
    </row>
    <row r="416" spans="6:10" x14ac:dyDescent="0.2">
      <c r="F416" s="353"/>
      <c r="G416" s="353"/>
      <c r="H416" s="353"/>
      <c r="I416" s="353"/>
      <c r="J416" s="353"/>
    </row>
    <row r="417" spans="6:10" x14ac:dyDescent="0.2">
      <c r="F417" s="353"/>
      <c r="G417" s="353"/>
      <c r="H417" s="353"/>
      <c r="I417" s="353"/>
      <c r="J417" s="353"/>
    </row>
    <row r="418" spans="6:10" x14ac:dyDescent="0.2">
      <c r="F418" s="353"/>
      <c r="G418" s="353"/>
      <c r="H418" s="353"/>
      <c r="I418" s="353"/>
      <c r="J418" s="353"/>
    </row>
    <row r="419" spans="6:10" x14ac:dyDescent="0.2">
      <c r="F419" s="353"/>
      <c r="G419" s="353"/>
      <c r="H419" s="353"/>
      <c r="I419" s="353"/>
      <c r="J419" s="353"/>
    </row>
    <row r="420" spans="6:10" x14ac:dyDescent="0.2">
      <c r="F420" s="353"/>
      <c r="G420" s="353"/>
      <c r="H420" s="353"/>
      <c r="I420" s="353"/>
      <c r="J420" s="353"/>
    </row>
    <row r="421" spans="6:10" x14ac:dyDescent="0.2">
      <c r="F421" s="353"/>
      <c r="G421" s="353"/>
      <c r="H421" s="353"/>
      <c r="I421" s="353"/>
      <c r="J421" s="353"/>
    </row>
    <row r="422" spans="6:10" x14ac:dyDescent="0.2">
      <c r="F422" s="353"/>
      <c r="G422" s="353"/>
      <c r="H422" s="353"/>
      <c r="I422" s="353"/>
      <c r="J422" s="353"/>
    </row>
    <row r="423" spans="6:10" x14ac:dyDescent="0.2">
      <c r="F423" s="353"/>
      <c r="G423" s="353"/>
      <c r="H423" s="353"/>
      <c r="I423" s="353"/>
      <c r="J423" s="353"/>
    </row>
    <row r="424" spans="6:10" x14ac:dyDescent="0.2">
      <c r="F424" s="353"/>
      <c r="G424" s="353"/>
      <c r="H424" s="353"/>
      <c r="I424" s="353"/>
      <c r="J424" s="353"/>
    </row>
    <row r="425" spans="6:10" x14ac:dyDescent="0.2">
      <c r="F425" s="353"/>
      <c r="G425" s="353"/>
      <c r="H425" s="353"/>
      <c r="I425" s="353"/>
      <c r="J425" s="353"/>
    </row>
    <row r="426" spans="6:10" x14ac:dyDescent="0.2">
      <c r="F426" s="353"/>
      <c r="G426" s="353"/>
      <c r="H426" s="353"/>
      <c r="I426" s="353"/>
      <c r="J426" s="353"/>
    </row>
    <row r="427" spans="6:10" x14ac:dyDescent="0.2">
      <c r="F427" s="353"/>
      <c r="G427" s="353"/>
      <c r="H427" s="353"/>
      <c r="I427" s="353"/>
      <c r="J427" s="353"/>
    </row>
    <row r="428" spans="6:10" x14ac:dyDescent="0.2">
      <c r="F428" s="353"/>
      <c r="G428" s="353"/>
      <c r="H428" s="353"/>
      <c r="I428" s="353"/>
      <c r="J428" s="353"/>
    </row>
    <row r="429" spans="6:10" x14ac:dyDescent="0.2">
      <c r="F429" s="353"/>
      <c r="G429" s="353"/>
      <c r="H429" s="353"/>
      <c r="I429" s="353"/>
      <c r="J429" s="353"/>
    </row>
    <row r="430" spans="6:10" x14ac:dyDescent="0.2">
      <c r="F430" s="353"/>
      <c r="G430" s="353"/>
      <c r="H430" s="353"/>
      <c r="I430" s="353"/>
      <c r="J430" s="353"/>
    </row>
    <row r="431" spans="6:10" x14ac:dyDescent="0.2">
      <c r="F431" s="353"/>
      <c r="G431" s="353"/>
      <c r="H431" s="353"/>
      <c r="I431" s="353"/>
      <c r="J431" s="353"/>
    </row>
    <row r="432" spans="6:10" x14ac:dyDescent="0.2">
      <c r="F432" s="353"/>
      <c r="G432" s="353"/>
      <c r="H432" s="353"/>
      <c r="I432" s="353"/>
      <c r="J432" s="353"/>
    </row>
    <row r="433" spans="6:10" x14ac:dyDescent="0.2">
      <c r="F433" s="353"/>
      <c r="G433" s="353"/>
      <c r="H433" s="353"/>
      <c r="I433" s="353"/>
      <c r="J433" s="353"/>
    </row>
    <row r="434" spans="6:10" x14ac:dyDescent="0.2">
      <c r="F434" s="353"/>
      <c r="G434" s="353"/>
      <c r="H434" s="353"/>
      <c r="I434" s="353"/>
      <c r="J434" s="353"/>
    </row>
    <row r="435" spans="6:10" x14ac:dyDescent="0.2">
      <c r="F435" s="353"/>
      <c r="G435" s="353"/>
      <c r="H435" s="353"/>
      <c r="I435" s="353"/>
      <c r="J435" s="353"/>
    </row>
    <row r="436" spans="6:10" x14ac:dyDescent="0.2">
      <c r="F436" s="353"/>
      <c r="G436" s="353"/>
      <c r="H436" s="353"/>
      <c r="I436" s="353"/>
      <c r="J436" s="353"/>
    </row>
    <row r="437" spans="6:10" x14ac:dyDescent="0.2">
      <c r="F437" s="353"/>
      <c r="G437" s="353"/>
      <c r="H437" s="353"/>
      <c r="I437" s="353"/>
      <c r="J437" s="353"/>
    </row>
    <row r="438" spans="6:10" x14ac:dyDescent="0.2">
      <c r="F438" s="353"/>
      <c r="G438" s="353"/>
      <c r="H438" s="353"/>
      <c r="I438" s="353"/>
      <c r="J438" s="353"/>
    </row>
    <row r="439" spans="6:10" x14ac:dyDescent="0.2">
      <c r="F439" s="353"/>
      <c r="G439" s="353"/>
      <c r="H439" s="353"/>
      <c r="I439" s="353"/>
      <c r="J439" s="353"/>
    </row>
    <row r="440" spans="6:10" x14ac:dyDescent="0.2">
      <c r="F440" s="353"/>
      <c r="G440" s="353"/>
      <c r="H440" s="353"/>
      <c r="I440" s="353"/>
      <c r="J440" s="353"/>
    </row>
    <row r="441" spans="6:10" x14ac:dyDescent="0.2">
      <c r="F441" s="353"/>
      <c r="G441" s="353"/>
      <c r="H441" s="353"/>
      <c r="I441" s="353"/>
      <c r="J441" s="353"/>
    </row>
    <row r="442" spans="6:10" x14ac:dyDescent="0.2">
      <c r="F442" s="353"/>
      <c r="G442" s="353"/>
      <c r="H442" s="353"/>
      <c r="I442" s="353"/>
      <c r="J442" s="353"/>
    </row>
    <row r="443" spans="6:10" x14ac:dyDescent="0.2">
      <c r="F443" s="353"/>
      <c r="G443" s="353"/>
      <c r="H443" s="353"/>
      <c r="I443" s="353"/>
      <c r="J443" s="353"/>
    </row>
    <row r="444" spans="6:10" x14ac:dyDescent="0.2">
      <c r="F444" s="353"/>
      <c r="G444" s="353"/>
      <c r="H444" s="353"/>
      <c r="I444" s="353"/>
      <c r="J444" s="353"/>
    </row>
    <row r="445" spans="6:10" x14ac:dyDescent="0.2">
      <c r="F445" s="353"/>
      <c r="G445" s="353"/>
      <c r="H445" s="353"/>
      <c r="I445" s="353"/>
      <c r="J445" s="353"/>
    </row>
    <row r="446" spans="6:10" x14ac:dyDescent="0.2">
      <c r="F446" s="353"/>
      <c r="G446" s="353"/>
      <c r="H446" s="353"/>
      <c r="I446" s="353"/>
      <c r="J446" s="353"/>
    </row>
    <row r="447" spans="6:10" x14ac:dyDescent="0.2">
      <c r="F447" s="353"/>
      <c r="G447" s="353"/>
      <c r="H447" s="353"/>
      <c r="I447" s="353"/>
      <c r="J447" s="353"/>
    </row>
    <row r="448" spans="6:10" x14ac:dyDescent="0.2">
      <c r="F448" s="353"/>
      <c r="G448" s="353"/>
      <c r="H448" s="353"/>
      <c r="I448" s="353"/>
      <c r="J448" s="353"/>
    </row>
    <row r="449" spans="6:10" x14ac:dyDescent="0.2">
      <c r="F449" s="353"/>
      <c r="G449" s="353"/>
      <c r="H449" s="353"/>
      <c r="I449" s="353"/>
      <c r="J449" s="353"/>
    </row>
    <row r="450" spans="6:10" x14ac:dyDescent="0.2">
      <c r="F450" s="353"/>
      <c r="G450" s="353"/>
      <c r="H450" s="353"/>
      <c r="I450" s="353"/>
      <c r="J450" s="353"/>
    </row>
    <row r="451" spans="6:10" x14ac:dyDescent="0.2">
      <c r="F451" s="353"/>
      <c r="G451" s="353"/>
      <c r="H451" s="353"/>
      <c r="I451" s="353"/>
      <c r="J451" s="353"/>
    </row>
    <row r="452" spans="6:10" x14ac:dyDescent="0.2">
      <c r="F452" s="353"/>
      <c r="G452" s="353"/>
      <c r="H452" s="353"/>
      <c r="I452" s="353"/>
      <c r="J452" s="353"/>
    </row>
    <row r="453" spans="6:10" x14ac:dyDescent="0.2">
      <c r="F453" s="353"/>
      <c r="G453" s="353"/>
      <c r="H453" s="353"/>
      <c r="I453" s="353"/>
      <c r="J453" s="353"/>
    </row>
    <row r="454" spans="6:10" x14ac:dyDescent="0.2">
      <c r="F454" s="353"/>
      <c r="G454" s="353"/>
      <c r="H454" s="353"/>
      <c r="I454" s="353"/>
      <c r="J454" s="353"/>
    </row>
    <row r="455" spans="6:10" x14ac:dyDescent="0.2">
      <c r="F455" s="353"/>
      <c r="G455" s="353"/>
      <c r="H455" s="353"/>
      <c r="I455" s="353"/>
      <c r="J455" s="353"/>
    </row>
    <row r="456" spans="6:10" x14ac:dyDescent="0.2">
      <c r="F456" s="353"/>
      <c r="G456" s="353"/>
      <c r="H456" s="353"/>
      <c r="I456" s="353"/>
      <c r="J456" s="353"/>
    </row>
    <row r="457" spans="6:10" x14ac:dyDescent="0.2">
      <c r="F457" s="353"/>
      <c r="G457" s="353"/>
      <c r="H457" s="353"/>
      <c r="I457" s="353"/>
      <c r="J457" s="353"/>
    </row>
    <row r="458" spans="6:10" x14ac:dyDescent="0.2">
      <c r="F458" s="353"/>
      <c r="G458" s="353"/>
      <c r="H458" s="353"/>
      <c r="I458" s="353"/>
      <c r="J458" s="353"/>
    </row>
    <row r="459" spans="6:10" x14ac:dyDescent="0.2">
      <c r="F459" s="353"/>
      <c r="G459" s="353"/>
      <c r="H459" s="353"/>
      <c r="I459" s="353"/>
      <c r="J459" s="353"/>
    </row>
    <row r="460" spans="6:10" x14ac:dyDescent="0.2">
      <c r="F460" s="353"/>
      <c r="G460" s="353"/>
      <c r="H460" s="353"/>
      <c r="I460" s="353"/>
      <c r="J460" s="353"/>
    </row>
    <row r="461" spans="6:10" x14ac:dyDescent="0.2">
      <c r="F461" s="353"/>
      <c r="G461" s="353"/>
      <c r="H461" s="353"/>
      <c r="I461" s="353"/>
      <c r="J461" s="353"/>
    </row>
    <row r="462" spans="6:10" x14ac:dyDescent="0.2">
      <c r="F462" s="353"/>
      <c r="G462" s="353"/>
      <c r="H462" s="353"/>
      <c r="I462" s="353"/>
      <c r="J462" s="353"/>
    </row>
    <row r="463" spans="6:10" x14ac:dyDescent="0.2">
      <c r="F463" s="353"/>
      <c r="G463" s="353"/>
      <c r="H463" s="353"/>
      <c r="I463" s="353"/>
      <c r="J463" s="353"/>
    </row>
    <row r="464" spans="6:10" x14ac:dyDescent="0.2">
      <c r="F464" s="353"/>
      <c r="G464" s="353"/>
      <c r="H464" s="353"/>
      <c r="I464" s="353"/>
      <c r="J464" s="353"/>
    </row>
    <row r="465" spans="6:10" x14ac:dyDescent="0.2">
      <c r="F465" s="353"/>
      <c r="G465" s="353"/>
      <c r="H465" s="353"/>
      <c r="I465" s="353"/>
      <c r="J465" s="353"/>
    </row>
    <row r="466" spans="6:10" x14ac:dyDescent="0.2">
      <c r="F466" s="353"/>
      <c r="G466" s="353"/>
      <c r="H466" s="353"/>
      <c r="I466" s="353"/>
      <c r="J466" s="353"/>
    </row>
    <row r="467" spans="6:10" x14ac:dyDescent="0.2">
      <c r="F467" s="353"/>
      <c r="G467" s="353"/>
      <c r="H467" s="353"/>
      <c r="I467" s="353"/>
      <c r="J467" s="353"/>
    </row>
    <row r="468" spans="6:10" x14ac:dyDescent="0.2">
      <c r="F468" s="353"/>
      <c r="G468" s="353"/>
      <c r="H468" s="353"/>
      <c r="I468" s="353"/>
      <c r="J468" s="353"/>
    </row>
    <row r="469" spans="6:10" x14ac:dyDescent="0.2">
      <c r="F469" s="353"/>
      <c r="G469" s="353"/>
      <c r="H469" s="353"/>
      <c r="I469" s="353"/>
      <c r="J469" s="353"/>
    </row>
    <row r="470" spans="6:10" x14ac:dyDescent="0.2">
      <c r="F470" s="353"/>
      <c r="G470" s="353"/>
      <c r="H470" s="353"/>
      <c r="I470" s="353"/>
      <c r="J470" s="353"/>
    </row>
    <row r="471" spans="6:10" x14ac:dyDescent="0.2">
      <c r="F471" s="353"/>
      <c r="G471" s="353"/>
      <c r="H471" s="353"/>
      <c r="I471" s="353"/>
      <c r="J471" s="353"/>
    </row>
    <row r="472" spans="6:10" x14ac:dyDescent="0.2">
      <c r="F472" s="353"/>
      <c r="G472" s="353"/>
      <c r="H472" s="353"/>
      <c r="I472" s="353"/>
      <c r="J472" s="353"/>
    </row>
    <row r="473" spans="6:10" x14ac:dyDescent="0.2">
      <c r="F473" s="353"/>
      <c r="G473" s="353"/>
      <c r="H473" s="353"/>
      <c r="I473" s="353"/>
      <c r="J473" s="353"/>
    </row>
    <row r="474" spans="6:10" x14ac:dyDescent="0.2">
      <c r="F474" s="353"/>
      <c r="G474" s="353"/>
      <c r="H474" s="353"/>
      <c r="I474" s="353"/>
      <c r="J474" s="353"/>
    </row>
    <row r="475" spans="6:10" x14ac:dyDescent="0.2">
      <c r="F475" s="353"/>
      <c r="G475" s="353"/>
      <c r="H475" s="353"/>
      <c r="I475" s="353"/>
      <c r="J475" s="353"/>
    </row>
    <row r="476" spans="6:10" x14ac:dyDescent="0.2">
      <c r="F476" s="353"/>
      <c r="G476" s="353"/>
      <c r="H476" s="353"/>
      <c r="I476" s="353"/>
      <c r="J476" s="353"/>
    </row>
    <row r="477" spans="6:10" x14ac:dyDescent="0.2">
      <c r="F477" s="353"/>
      <c r="G477" s="353"/>
      <c r="H477" s="353"/>
      <c r="I477" s="353"/>
      <c r="J477" s="353"/>
    </row>
    <row r="478" spans="6:10" x14ac:dyDescent="0.2">
      <c r="F478" s="353"/>
      <c r="G478" s="353"/>
      <c r="H478" s="353"/>
      <c r="I478" s="353"/>
      <c r="J478" s="353"/>
    </row>
    <row r="479" spans="6:10" x14ac:dyDescent="0.2">
      <c r="F479" s="353"/>
      <c r="G479" s="353"/>
      <c r="H479" s="353"/>
      <c r="I479" s="353"/>
      <c r="J479" s="353"/>
    </row>
    <row r="480" spans="6:10" x14ac:dyDescent="0.2">
      <c r="F480" s="353"/>
      <c r="G480" s="353"/>
      <c r="H480" s="353"/>
      <c r="I480" s="353"/>
      <c r="J480" s="353"/>
    </row>
    <row r="481" spans="6:10" x14ac:dyDescent="0.2">
      <c r="F481" s="353"/>
      <c r="G481" s="353"/>
      <c r="H481" s="353"/>
      <c r="I481" s="353"/>
      <c r="J481" s="353"/>
    </row>
    <row r="482" spans="6:10" x14ac:dyDescent="0.2">
      <c r="F482" s="353"/>
      <c r="G482" s="353"/>
      <c r="H482" s="353"/>
      <c r="I482" s="353"/>
      <c r="J482" s="353"/>
    </row>
    <row r="483" spans="6:10" x14ac:dyDescent="0.2">
      <c r="F483" s="353"/>
      <c r="G483" s="353"/>
      <c r="H483" s="353"/>
      <c r="I483" s="353"/>
      <c r="J483" s="353"/>
    </row>
    <row r="484" spans="6:10" x14ac:dyDescent="0.2">
      <c r="F484" s="353"/>
      <c r="G484" s="353"/>
      <c r="H484" s="353"/>
      <c r="I484" s="353"/>
      <c r="J484" s="353"/>
    </row>
    <row r="485" spans="6:10" x14ac:dyDescent="0.2">
      <c r="F485" s="353"/>
      <c r="G485" s="353"/>
      <c r="H485" s="353"/>
      <c r="I485" s="353"/>
      <c r="J485" s="353"/>
    </row>
    <row r="486" spans="6:10" x14ac:dyDescent="0.2">
      <c r="F486" s="353"/>
      <c r="G486" s="353"/>
      <c r="H486" s="353"/>
      <c r="I486" s="353"/>
      <c r="J486" s="353"/>
    </row>
    <row r="487" spans="6:10" x14ac:dyDescent="0.2">
      <c r="F487" s="353"/>
      <c r="G487" s="353"/>
      <c r="H487" s="353"/>
      <c r="I487" s="353"/>
      <c r="J487" s="353"/>
    </row>
    <row r="488" spans="6:10" x14ac:dyDescent="0.2">
      <c r="F488" s="353"/>
      <c r="G488" s="353"/>
      <c r="H488" s="353"/>
      <c r="I488" s="353"/>
      <c r="J488" s="353"/>
    </row>
    <row r="489" spans="6:10" x14ac:dyDescent="0.2">
      <c r="F489" s="353"/>
      <c r="G489" s="353"/>
      <c r="H489" s="353"/>
      <c r="I489" s="353"/>
      <c r="J489" s="353"/>
    </row>
    <row r="490" spans="6:10" x14ac:dyDescent="0.2">
      <c r="F490" s="353"/>
      <c r="G490" s="353"/>
      <c r="H490" s="353"/>
      <c r="I490" s="353"/>
      <c r="J490" s="353"/>
    </row>
    <row r="491" spans="6:10" x14ac:dyDescent="0.2">
      <c r="F491" s="353"/>
      <c r="G491" s="353"/>
      <c r="H491" s="353"/>
      <c r="I491" s="353"/>
      <c r="J491" s="353"/>
    </row>
    <row r="492" spans="6:10" x14ac:dyDescent="0.2">
      <c r="F492" s="353"/>
      <c r="G492" s="353"/>
      <c r="H492" s="353"/>
      <c r="I492" s="353"/>
      <c r="J492" s="353"/>
    </row>
    <row r="493" spans="6:10" x14ac:dyDescent="0.2">
      <c r="F493" s="353"/>
      <c r="G493" s="353"/>
      <c r="H493" s="353"/>
      <c r="I493" s="353"/>
      <c r="J493" s="353"/>
    </row>
    <row r="494" spans="6:10" x14ac:dyDescent="0.2">
      <c r="F494" s="353"/>
      <c r="G494" s="353"/>
      <c r="H494" s="353"/>
      <c r="I494" s="353"/>
      <c r="J494" s="353"/>
    </row>
    <row r="495" spans="6:10" x14ac:dyDescent="0.2">
      <c r="F495" s="353"/>
      <c r="G495" s="353"/>
      <c r="H495" s="353"/>
      <c r="I495" s="353"/>
      <c r="J495" s="353"/>
    </row>
    <row r="496" spans="6:10" x14ac:dyDescent="0.2">
      <c r="F496" s="353"/>
      <c r="G496" s="353"/>
      <c r="H496" s="353"/>
      <c r="I496" s="353"/>
      <c r="J496" s="353"/>
    </row>
    <row r="497" spans="6:10" x14ac:dyDescent="0.2">
      <c r="F497" s="353"/>
      <c r="G497" s="353"/>
      <c r="H497" s="353"/>
      <c r="I497" s="353"/>
      <c r="J497" s="353"/>
    </row>
    <row r="498" spans="6:10" x14ac:dyDescent="0.2">
      <c r="F498" s="353"/>
      <c r="G498" s="353"/>
      <c r="H498" s="353"/>
      <c r="I498" s="353"/>
      <c r="J498" s="353"/>
    </row>
    <row r="499" spans="6:10" x14ac:dyDescent="0.2">
      <c r="F499" s="353"/>
      <c r="G499" s="353"/>
      <c r="H499" s="353"/>
      <c r="I499" s="353"/>
      <c r="J499" s="353"/>
    </row>
    <row r="500" spans="6:10" x14ac:dyDescent="0.2">
      <c r="F500" s="353"/>
      <c r="G500" s="353"/>
      <c r="H500" s="353"/>
      <c r="I500" s="353"/>
      <c r="J500" s="353"/>
    </row>
    <row r="501" spans="6:10" x14ac:dyDescent="0.2">
      <c r="F501" s="353"/>
      <c r="G501" s="353"/>
      <c r="H501" s="353"/>
      <c r="I501" s="353"/>
      <c r="J501" s="353"/>
    </row>
    <row r="502" spans="6:10" x14ac:dyDescent="0.2">
      <c r="F502" s="353"/>
      <c r="G502" s="353"/>
      <c r="H502" s="353"/>
      <c r="I502" s="353"/>
      <c r="J502" s="353"/>
    </row>
    <row r="503" spans="6:10" x14ac:dyDescent="0.2">
      <c r="F503" s="353"/>
      <c r="G503" s="353"/>
      <c r="H503" s="353"/>
      <c r="I503" s="353"/>
      <c r="J503" s="353"/>
    </row>
    <row r="504" spans="6:10" x14ac:dyDescent="0.2">
      <c r="F504" s="353"/>
      <c r="G504" s="353"/>
      <c r="H504" s="353"/>
      <c r="I504" s="353"/>
      <c r="J504" s="353"/>
    </row>
    <row r="505" spans="6:10" x14ac:dyDescent="0.2">
      <c r="F505" s="353"/>
      <c r="G505" s="353"/>
      <c r="H505" s="353"/>
      <c r="I505" s="353"/>
      <c r="J505" s="353"/>
    </row>
    <row r="506" spans="6:10" x14ac:dyDescent="0.2">
      <c r="F506" s="353"/>
      <c r="G506" s="353"/>
      <c r="H506" s="353"/>
      <c r="I506" s="353"/>
      <c r="J506" s="353"/>
    </row>
    <row r="507" spans="6:10" x14ac:dyDescent="0.2">
      <c r="F507" s="353"/>
      <c r="G507" s="353"/>
      <c r="H507" s="353"/>
      <c r="I507" s="353"/>
      <c r="J507" s="353"/>
    </row>
    <row r="508" spans="6:10" x14ac:dyDescent="0.2">
      <c r="F508" s="353"/>
      <c r="G508" s="353"/>
      <c r="H508" s="353"/>
      <c r="I508" s="353"/>
      <c r="J508" s="353"/>
    </row>
    <row r="509" spans="6:10" x14ac:dyDescent="0.2">
      <c r="F509" s="353"/>
      <c r="G509" s="353"/>
      <c r="H509" s="353"/>
      <c r="I509" s="353"/>
      <c r="J509" s="353"/>
    </row>
    <row r="510" spans="6:10" x14ac:dyDescent="0.2">
      <c r="F510" s="353"/>
      <c r="G510" s="353"/>
      <c r="H510" s="353"/>
      <c r="I510" s="353"/>
      <c r="J510" s="353"/>
    </row>
    <row r="511" spans="6:10" x14ac:dyDescent="0.2">
      <c r="F511" s="353"/>
      <c r="G511" s="353"/>
      <c r="H511" s="353"/>
      <c r="I511" s="353"/>
      <c r="J511" s="353"/>
    </row>
    <row r="512" spans="6:10" x14ac:dyDescent="0.2">
      <c r="F512" s="353"/>
      <c r="G512" s="353"/>
      <c r="H512" s="353"/>
      <c r="I512" s="353"/>
      <c r="J512" s="353"/>
    </row>
    <row r="513" spans="6:10" x14ac:dyDescent="0.2">
      <c r="F513" s="353"/>
      <c r="G513" s="353"/>
      <c r="H513" s="353"/>
      <c r="I513" s="353"/>
      <c r="J513" s="353"/>
    </row>
    <row r="514" spans="6:10" x14ac:dyDescent="0.2">
      <c r="F514" s="353"/>
      <c r="G514" s="353"/>
      <c r="H514" s="353"/>
      <c r="I514" s="353"/>
      <c r="J514" s="353"/>
    </row>
    <row r="515" spans="6:10" x14ac:dyDescent="0.2">
      <c r="F515" s="353"/>
      <c r="G515" s="353"/>
      <c r="H515" s="353"/>
      <c r="I515" s="353"/>
      <c r="J515" s="353"/>
    </row>
    <row r="516" spans="6:10" x14ac:dyDescent="0.2">
      <c r="F516" s="353"/>
      <c r="G516" s="353"/>
      <c r="H516" s="353"/>
      <c r="I516" s="353"/>
      <c r="J516" s="353"/>
    </row>
    <row r="517" spans="6:10" x14ac:dyDescent="0.2">
      <c r="F517" s="353"/>
      <c r="G517" s="353"/>
      <c r="H517" s="353"/>
      <c r="I517" s="353"/>
      <c r="J517" s="353"/>
    </row>
    <row r="518" spans="6:10" x14ac:dyDescent="0.2">
      <c r="F518" s="353"/>
      <c r="G518" s="353"/>
      <c r="H518" s="353"/>
      <c r="I518" s="353"/>
      <c r="J518" s="353"/>
    </row>
    <row r="519" spans="6:10" x14ac:dyDescent="0.2">
      <c r="F519" s="353"/>
      <c r="G519" s="353"/>
      <c r="H519" s="353"/>
      <c r="I519" s="353"/>
      <c r="J519" s="353"/>
    </row>
    <row r="520" spans="6:10" x14ac:dyDescent="0.2">
      <c r="F520" s="353"/>
      <c r="G520" s="353"/>
      <c r="H520" s="353"/>
      <c r="I520" s="353"/>
      <c r="J520" s="353"/>
    </row>
    <row r="521" spans="6:10" x14ac:dyDescent="0.2">
      <c r="F521" s="353"/>
      <c r="G521" s="353"/>
      <c r="H521" s="353"/>
      <c r="I521" s="353"/>
      <c r="J521" s="353"/>
    </row>
    <row r="522" spans="6:10" x14ac:dyDescent="0.2">
      <c r="F522" s="353"/>
      <c r="G522" s="353"/>
      <c r="H522" s="353"/>
      <c r="I522" s="353"/>
      <c r="J522" s="353"/>
    </row>
    <row r="523" spans="6:10" x14ac:dyDescent="0.2">
      <c r="F523" s="353"/>
      <c r="G523" s="353"/>
      <c r="H523" s="353"/>
      <c r="I523" s="353"/>
      <c r="J523" s="353"/>
    </row>
    <row r="524" spans="6:10" x14ac:dyDescent="0.2">
      <c r="F524" s="353"/>
      <c r="G524" s="353"/>
      <c r="H524" s="353"/>
      <c r="I524" s="353"/>
      <c r="J524" s="353"/>
    </row>
    <row r="525" spans="6:10" x14ac:dyDescent="0.2">
      <c r="F525" s="353"/>
      <c r="G525" s="353"/>
      <c r="H525" s="353"/>
      <c r="I525" s="353"/>
      <c r="J525" s="353"/>
    </row>
    <row r="526" spans="6:10" x14ac:dyDescent="0.2">
      <c r="F526" s="353"/>
      <c r="G526" s="353"/>
      <c r="H526" s="353"/>
      <c r="I526" s="353"/>
      <c r="J526" s="353"/>
    </row>
    <row r="527" spans="6:10" x14ac:dyDescent="0.2">
      <c r="F527" s="353"/>
      <c r="G527" s="353"/>
      <c r="H527" s="353"/>
      <c r="I527" s="353"/>
      <c r="J527" s="353"/>
    </row>
    <row r="528" spans="6:10" x14ac:dyDescent="0.2">
      <c r="F528" s="353"/>
      <c r="G528" s="353"/>
      <c r="H528" s="353"/>
      <c r="I528" s="353"/>
      <c r="J528" s="353"/>
    </row>
    <row r="529" spans="6:10" x14ac:dyDescent="0.2">
      <c r="F529" s="353"/>
      <c r="G529" s="353"/>
      <c r="H529" s="353"/>
      <c r="I529" s="353"/>
      <c r="J529" s="353"/>
    </row>
    <row r="530" spans="6:10" x14ac:dyDescent="0.2">
      <c r="F530" s="353"/>
      <c r="G530" s="353"/>
      <c r="H530" s="353"/>
      <c r="I530" s="353"/>
      <c r="J530" s="353"/>
    </row>
    <row r="531" spans="6:10" x14ac:dyDescent="0.2">
      <c r="F531" s="353"/>
      <c r="G531" s="353"/>
      <c r="H531" s="353"/>
      <c r="I531" s="353"/>
      <c r="J531" s="353"/>
    </row>
    <row r="532" spans="6:10" x14ac:dyDescent="0.2">
      <c r="F532" s="353"/>
      <c r="G532" s="353"/>
      <c r="H532" s="353"/>
      <c r="I532" s="353"/>
      <c r="J532" s="353"/>
    </row>
    <row r="533" spans="6:10" x14ac:dyDescent="0.2">
      <c r="F533" s="353"/>
      <c r="G533" s="353"/>
      <c r="H533" s="353"/>
      <c r="I533" s="353"/>
      <c r="J533" s="353"/>
    </row>
    <row r="534" spans="6:10" x14ac:dyDescent="0.2">
      <c r="F534" s="353"/>
      <c r="G534" s="353"/>
      <c r="H534" s="353"/>
      <c r="I534" s="353"/>
      <c r="J534" s="353"/>
    </row>
    <row r="535" spans="6:10" x14ac:dyDescent="0.2">
      <c r="F535" s="353"/>
      <c r="G535" s="353"/>
      <c r="H535" s="353"/>
      <c r="I535" s="353"/>
      <c r="J535" s="353"/>
    </row>
    <row r="536" spans="6:10" x14ac:dyDescent="0.2">
      <c r="F536" s="353"/>
      <c r="G536" s="353"/>
      <c r="H536" s="353"/>
      <c r="I536" s="353"/>
      <c r="J536" s="353"/>
    </row>
    <row r="537" spans="6:10" x14ac:dyDescent="0.2">
      <c r="F537" s="353"/>
      <c r="G537" s="353"/>
      <c r="H537" s="353"/>
      <c r="I537" s="353"/>
      <c r="J537" s="353"/>
    </row>
    <row r="538" spans="6:10" x14ac:dyDescent="0.2">
      <c r="F538" s="353"/>
      <c r="G538" s="353"/>
      <c r="H538" s="353"/>
      <c r="I538" s="353"/>
      <c r="J538" s="353"/>
    </row>
    <row r="539" spans="6:10" x14ac:dyDescent="0.2">
      <c r="F539" s="353"/>
      <c r="G539" s="353"/>
      <c r="H539" s="353"/>
      <c r="I539" s="353"/>
      <c r="J539" s="353"/>
    </row>
    <row r="540" spans="6:10" x14ac:dyDescent="0.2">
      <c r="F540" s="353"/>
      <c r="G540" s="353"/>
      <c r="H540" s="353"/>
      <c r="I540" s="353"/>
      <c r="J540" s="353"/>
    </row>
    <row r="541" spans="6:10" x14ac:dyDescent="0.2">
      <c r="F541" s="353"/>
      <c r="G541" s="353"/>
      <c r="H541" s="353"/>
      <c r="I541" s="353"/>
      <c r="J541" s="353"/>
    </row>
    <row r="542" spans="6:10" x14ac:dyDescent="0.2">
      <c r="F542" s="353"/>
      <c r="G542" s="353"/>
      <c r="H542" s="353"/>
      <c r="I542" s="353"/>
      <c r="J542" s="353"/>
    </row>
    <row r="543" spans="6:10" x14ac:dyDescent="0.2">
      <c r="F543" s="353"/>
      <c r="G543" s="353"/>
      <c r="H543" s="353"/>
      <c r="I543" s="353"/>
      <c r="J543" s="353"/>
    </row>
    <row r="544" spans="6:10" x14ac:dyDescent="0.2">
      <c r="F544" s="353"/>
      <c r="G544" s="353"/>
      <c r="H544" s="353"/>
      <c r="I544" s="353"/>
      <c r="J544" s="353"/>
    </row>
    <row r="545" spans="6:10" x14ac:dyDescent="0.2">
      <c r="F545" s="353"/>
      <c r="G545" s="353"/>
      <c r="H545" s="353"/>
      <c r="I545" s="353"/>
      <c r="J545" s="353"/>
    </row>
    <row r="546" spans="6:10" x14ac:dyDescent="0.2">
      <c r="F546" s="353"/>
      <c r="G546" s="353"/>
      <c r="H546" s="353"/>
      <c r="I546" s="353"/>
      <c r="J546" s="353"/>
    </row>
    <row r="547" spans="6:10" x14ac:dyDescent="0.2">
      <c r="F547" s="353"/>
      <c r="G547" s="353"/>
      <c r="H547" s="353"/>
      <c r="I547" s="353"/>
      <c r="J547" s="353"/>
    </row>
    <row r="548" spans="6:10" x14ac:dyDescent="0.2">
      <c r="F548" s="353"/>
      <c r="G548" s="353"/>
      <c r="H548" s="353"/>
      <c r="I548" s="353"/>
      <c r="J548" s="353"/>
    </row>
    <row r="549" spans="6:10" x14ac:dyDescent="0.2">
      <c r="F549" s="353"/>
      <c r="G549" s="353"/>
      <c r="H549" s="353"/>
      <c r="I549" s="353"/>
      <c r="J549" s="353"/>
    </row>
    <row r="550" spans="6:10" x14ac:dyDescent="0.2">
      <c r="F550" s="353"/>
      <c r="G550" s="353"/>
      <c r="H550" s="353"/>
      <c r="I550" s="353"/>
      <c r="J550" s="353"/>
    </row>
    <row r="551" spans="6:10" x14ac:dyDescent="0.2">
      <c r="F551" s="353"/>
      <c r="G551" s="353"/>
      <c r="H551" s="353"/>
      <c r="I551" s="353"/>
      <c r="J551" s="353"/>
    </row>
    <row r="552" spans="6:10" x14ac:dyDescent="0.2">
      <c r="F552" s="353"/>
      <c r="G552" s="353"/>
      <c r="H552" s="353"/>
      <c r="I552" s="353"/>
      <c r="J552" s="353"/>
    </row>
    <row r="553" spans="6:10" x14ac:dyDescent="0.2">
      <c r="F553" s="353"/>
      <c r="G553" s="353"/>
      <c r="H553" s="353"/>
      <c r="I553" s="353"/>
      <c r="J553" s="353"/>
    </row>
    <row r="554" spans="6:10" x14ac:dyDescent="0.2">
      <c r="F554" s="353"/>
      <c r="G554" s="353"/>
      <c r="H554" s="353"/>
      <c r="I554" s="353"/>
      <c r="J554" s="353"/>
    </row>
    <row r="555" spans="6:10" x14ac:dyDescent="0.2">
      <c r="F555" s="353"/>
      <c r="G555" s="353"/>
      <c r="H555" s="353"/>
      <c r="I555" s="353"/>
      <c r="J555" s="353"/>
    </row>
    <row r="556" spans="6:10" x14ac:dyDescent="0.2">
      <c r="F556" s="353"/>
      <c r="G556" s="353"/>
      <c r="H556" s="353"/>
      <c r="I556" s="353"/>
      <c r="J556" s="353"/>
    </row>
    <row r="557" spans="6:10" x14ac:dyDescent="0.2">
      <c r="F557" s="353"/>
      <c r="G557" s="353"/>
      <c r="H557" s="353"/>
      <c r="I557" s="353"/>
      <c r="J557" s="353"/>
    </row>
    <row r="558" spans="6:10" x14ac:dyDescent="0.2">
      <c r="F558" s="353"/>
      <c r="G558" s="353"/>
      <c r="H558" s="353"/>
      <c r="I558" s="353"/>
      <c r="J558" s="353"/>
    </row>
    <row r="559" spans="6:10" x14ac:dyDescent="0.2">
      <c r="F559" s="353"/>
      <c r="G559" s="353"/>
      <c r="H559" s="353"/>
      <c r="I559" s="353"/>
      <c r="J559" s="353"/>
    </row>
    <row r="560" spans="6:10" x14ac:dyDescent="0.2">
      <c r="F560" s="353"/>
      <c r="G560" s="353"/>
      <c r="H560" s="353"/>
      <c r="I560" s="353"/>
      <c r="J560" s="353"/>
    </row>
    <row r="561" spans="6:10" x14ac:dyDescent="0.2">
      <c r="F561" s="353"/>
      <c r="G561" s="353"/>
      <c r="H561" s="353"/>
      <c r="I561" s="353"/>
      <c r="J561" s="353"/>
    </row>
    <row r="562" spans="6:10" x14ac:dyDescent="0.2">
      <c r="F562" s="353"/>
      <c r="G562" s="353"/>
      <c r="H562" s="353"/>
      <c r="I562" s="353"/>
      <c r="J562" s="353"/>
    </row>
    <row r="563" spans="6:10" x14ac:dyDescent="0.2">
      <c r="F563" s="353"/>
      <c r="G563" s="353"/>
      <c r="H563" s="353"/>
      <c r="I563" s="353"/>
      <c r="J563" s="353"/>
    </row>
    <row r="564" spans="6:10" x14ac:dyDescent="0.2">
      <c r="F564" s="353"/>
      <c r="G564" s="353"/>
      <c r="H564" s="353"/>
      <c r="I564" s="353"/>
      <c r="J564" s="353"/>
    </row>
    <row r="565" spans="6:10" x14ac:dyDescent="0.2">
      <c r="F565" s="353"/>
      <c r="G565" s="353"/>
      <c r="H565" s="353"/>
      <c r="I565" s="353"/>
      <c r="J565" s="353"/>
    </row>
    <row r="566" spans="6:10" x14ac:dyDescent="0.2">
      <c r="F566" s="353"/>
      <c r="G566" s="353"/>
      <c r="H566" s="353"/>
      <c r="I566" s="353"/>
      <c r="J566" s="353"/>
    </row>
    <row r="567" spans="6:10" x14ac:dyDescent="0.2">
      <c r="F567" s="353"/>
      <c r="G567" s="353"/>
      <c r="H567" s="353"/>
      <c r="I567" s="353"/>
      <c r="J567" s="353"/>
    </row>
    <row r="568" spans="6:10" x14ac:dyDescent="0.2">
      <c r="F568" s="353"/>
      <c r="G568" s="353"/>
      <c r="H568" s="353"/>
      <c r="I568" s="353"/>
      <c r="J568" s="353"/>
    </row>
    <row r="569" spans="6:10" x14ac:dyDescent="0.2">
      <c r="F569" s="353"/>
      <c r="G569" s="353"/>
      <c r="H569" s="353"/>
      <c r="I569" s="353"/>
      <c r="J569" s="353"/>
    </row>
    <row r="570" spans="6:10" x14ac:dyDescent="0.2">
      <c r="F570" s="353"/>
      <c r="G570" s="353"/>
      <c r="H570" s="353"/>
      <c r="I570" s="353"/>
      <c r="J570" s="353"/>
    </row>
    <row r="571" spans="6:10" x14ac:dyDescent="0.2">
      <c r="F571" s="353"/>
      <c r="G571" s="353"/>
      <c r="H571" s="353"/>
      <c r="I571" s="353"/>
      <c r="J571" s="353"/>
    </row>
    <row r="572" spans="6:10" x14ac:dyDescent="0.2">
      <c r="F572" s="353"/>
      <c r="G572" s="353"/>
      <c r="H572" s="353"/>
      <c r="I572" s="353"/>
      <c r="J572" s="353"/>
    </row>
    <row r="573" spans="6:10" x14ac:dyDescent="0.2">
      <c r="F573" s="353"/>
      <c r="G573" s="353"/>
      <c r="H573" s="353"/>
      <c r="I573" s="353"/>
      <c r="J573" s="353"/>
    </row>
    <row r="574" spans="6:10" x14ac:dyDescent="0.2">
      <c r="F574" s="353"/>
      <c r="G574" s="353"/>
      <c r="H574" s="353"/>
      <c r="I574" s="353"/>
      <c r="J574" s="353"/>
    </row>
    <row r="575" spans="6:10" x14ac:dyDescent="0.2">
      <c r="F575" s="353"/>
      <c r="G575" s="353"/>
      <c r="H575" s="353"/>
      <c r="I575" s="353"/>
      <c r="J575" s="353"/>
    </row>
    <row r="576" spans="6:10" x14ac:dyDescent="0.2">
      <c r="F576" s="353"/>
      <c r="G576" s="353"/>
      <c r="H576" s="353"/>
      <c r="I576" s="353"/>
      <c r="J576" s="353"/>
    </row>
    <row r="577" spans="6:10" x14ac:dyDescent="0.2">
      <c r="F577" s="353"/>
      <c r="G577" s="353"/>
      <c r="H577" s="353"/>
      <c r="I577" s="353"/>
      <c r="J577" s="353"/>
    </row>
    <row r="578" spans="6:10" x14ac:dyDescent="0.2">
      <c r="F578" s="353"/>
      <c r="G578" s="353"/>
      <c r="H578" s="353"/>
      <c r="I578" s="353"/>
      <c r="J578" s="353"/>
    </row>
    <row r="579" spans="6:10" x14ac:dyDescent="0.2">
      <c r="F579" s="353"/>
      <c r="G579" s="353"/>
      <c r="H579" s="353"/>
      <c r="I579" s="353"/>
      <c r="J579" s="353"/>
    </row>
    <row r="580" spans="6:10" x14ac:dyDescent="0.2">
      <c r="F580" s="353"/>
      <c r="G580" s="353"/>
      <c r="H580" s="353"/>
      <c r="I580" s="353"/>
      <c r="J580" s="353"/>
    </row>
    <row r="581" spans="6:10" x14ac:dyDescent="0.2">
      <c r="F581" s="353"/>
      <c r="G581" s="353"/>
      <c r="H581" s="353"/>
      <c r="I581" s="353"/>
      <c r="J581" s="353"/>
    </row>
    <row r="582" spans="6:10" x14ac:dyDescent="0.2">
      <c r="F582" s="353"/>
      <c r="G582" s="353"/>
      <c r="H582" s="353"/>
      <c r="I582" s="353"/>
      <c r="J582" s="353"/>
    </row>
    <row r="583" spans="6:10" x14ac:dyDescent="0.2">
      <c r="F583" s="353"/>
      <c r="G583" s="353"/>
      <c r="H583" s="353"/>
      <c r="I583" s="353"/>
      <c r="J583" s="353"/>
    </row>
    <row r="584" spans="6:10" x14ac:dyDescent="0.2">
      <c r="F584" s="353"/>
      <c r="G584" s="353"/>
      <c r="H584" s="353"/>
      <c r="I584" s="353"/>
      <c r="J584" s="353"/>
    </row>
    <row r="585" spans="6:10" x14ac:dyDescent="0.2">
      <c r="F585" s="353"/>
      <c r="G585" s="353"/>
      <c r="H585" s="353"/>
      <c r="I585" s="353"/>
      <c r="J585" s="353"/>
    </row>
    <row r="586" spans="6:10" x14ac:dyDescent="0.2">
      <c r="F586" s="353"/>
      <c r="G586" s="353"/>
      <c r="H586" s="353"/>
      <c r="I586" s="353"/>
      <c r="J586" s="353"/>
    </row>
    <row r="587" spans="6:10" x14ac:dyDescent="0.2">
      <c r="F587" s="353"/>
      <c r="G587" s="353"/>
      <c r="H587" s="353"/>
      <c r="I587" s="353"/>
      <c r="J587" s="353"/>
    </row>
    <row r="588" spans="6:10" x14ac:dyDescent="0.2">
      <c r="F588" s="353"/>
      <c r="G588" s="353"/>
      <c r="H588" s="353"/>
      <c r="I588" s="353"/>
      <c r="J588" s="353"/>
    </row>
    <row r="589" spans="6:10" x14ac:dyDescent="0.2">
      <c r="F589" s="353"/>
      <c r="G589" s="353"/>
      <c r="H589" s="353"/>
      <c r="I589" s="353"/>
      <c r="J589" s="353"/>
    </row>
    <row r="590" spans="6:10" x14ac:dyDescent="0.2">
      <c r="F590" s="353"/>
      <c r="G590" s="353"/>
      <c r="H590" s="353"/>
      <c r="I590" s="353"/>
      <c r="J590" s="353"/>
    </row>
    <row r="591" spans="6:10" x14ac:dyDescent="0.2">
      <c r="F591" s="353"/>
      <c r="G591" s="353"/>
      <c r="H591" s="353"/>
      <c r="I591" s="353"/>
      <c r="J591" s="353"/>
    </row>
    <row r="592" spans="6:10" x14ac:dyDescent="0.2">
      <c r="F592" s="353"/>
      <c r="G592" s="353"/>
      <c r="H592" s="353"/>
      <c r="I592" s="353"/>
      <c r="J592" s="353"/>
    </row>
    <row r="593" spans="6:10" x14ac:dyDescent="0.2">
      <c r="F593" s="353"/>
      <c r="G593" s="353"/>
      <c r="H593" s="353"/>
      <c r="I593" s="353"/>
      <c r="J593" s="353"/>
    </row>
    <row r="594" spans="6:10" x14ac:dyDescent="0.2">
      <c r="F594" s="353"/>
      <c r="G594" s="353"/>
      <c r="H594" s="353"/>
      <c r="I594" s="353"/>
      <c r="J594" s="353"/>
    </row>
    <row r="595" spans="6:10" x14ac:dyDescent="0.2">
      <c r="F595" s="353"/>
      <c r="G595" s="353"/>
      <c r="H595" s="353"/>
      <c r="I595" s="353"/>
      <c r="J595" s="353"/>
    </row>
    <row r="596" spans="6:10" x14ac:dyDescent="0.2">
      <c r="F596" s="353"/>
      <c r="G596" s="353"/>
      <c r="H596" s="353"/>
      <c r="I596" s="353"/>
      <c r="J596" s="353"/>
    </row>
    <row r="597" spans="6:10" x14ac:dyDescent="0.2">
      <c r="F597" s="353"/>
      <c r="G597" s="353"/>
      <c r="H597" s="353"/>
      <c r="I597" s="353"/>
      <c r="J597" s="353"/>
    </row>
    <row r="598" spans="6:10" x14ac:dyDescent="0.2">
      <c r="F598" s="353"/>
      <c r="G598" s="353"/>
      <c r="H598" s="353"/>
      <c r="I598" s="353"/>
      <c r="J598" s="353"/>
    </row>
    <row r="599" spans="6:10" x14ac:dyDescent="0.2">
      <c r="F599" s="353"/>
      <c r="G599" s="353"/>
      <c r="H599" s="353"/>
      <c r="I599" s="353"/>
      <c r="J599" s="353"/>
    </row>
    <row r="600" spans="6:10" x14ac:dyDescent="0.2">
      <c r="F600" s="353"/>
      <c r="G600" s="353"/>
      <c r="H600" s="353"/>
      <c r="I600" s="353"/>
      <c r="J600" s="353"/>
    </row>
    <row r="601" spans="6:10" x14ac:dyDescent="0.2">
      <c r="F601" s="353"/>
      <c r="G601" s="353"/>
      <c r="H601" s="353"/>
      <c r="I601" s="353"/>
      <c r="J601" s="353"/>
    </row>
    <row r="602" spans="6:10" x14ac:dyDescent="0.2">
      <c r="F602" s="353"/>
      <c r="G602" s="353"/>
      <c r="H602" s="353"/>
      <c r="I602" s="353"/>
      <c r="J602" s="353"/>
    </row>
    <row r="603" spans="6:10" x14ac:dyDescent="0.2">
      <c r="F603" s="353"/>
      <c r="G603" s="353"/>
      <c r="H603" s="353"/>
      <c r="I603" s="353"/>
      <c r="J603" s="353"/>
    </row>
    <row r="604" spans="6:10" x14ac:dyDescent="0.2">
      <c r="F604" s="353"/>
      <c r="G604" s="353"/>
      <c r="H604" s="353"/>
      <c r="I604" s="353"/>
      <c r="J604" s="353"/>
    </row>
    <row r="605" spans="6:10" x14ac:dyDescent="0.2">
      <c r="F605" s="353"/>
      <c r="G605" s="353"/>
      <c r="H605" s="353"/>
      <c r="I605" s="353"/>
      <c r="J605" s="353"/>
    </row>
    <row r="606" spans="6:10" x14ac:dyDescent="0.2">
      <c r="F606" s="353"/>
      <c r="G606" s="353"/>
      <c r="H606" s="353"/>
      <c r="I606" s="353"/>
      <c r="J606" s="353"/>
    </row>
    <row r="607" spans="6:10" x14ac:dyDescent="0.2">
      <c r="F607" s="353"/>
      <c r="G607" s="353"/>
      <c r="H607" s="353"/>
      <c r="I607" s="353"/>
      <c r="J607" s="353"/>
    </row>
    <row r="608" spans="6:10" x14ac:dyDescent="0.2">
      <c r="F608" s="353"/>
      <c r="G608" s="353"/>
      <c r="H608" s="353"/>
      <c r="I608" s="353"/>
      <c r="J608" s="353"/>
    </row>
    <row r="609" spans="6:10" x14ac:dyDescent="0.2">
      <c r="F609" s="353"/>
      <c r="G609" s="353"/>
      <c r="H609" s="353"/>
      <c r="I609" s="353"/>
      <c r="J609" s="353"/>
    </row>
    <row r="610" spans="6:10" x14ac:dyDescent="0.2">
      <c r="F610" s="353"/>
      <c r="G610" s="353"/>
      <c r="H610" s="353"/>
      <c r="I610" s="353"/>
      <c r="J610" s="353"/>
    </row>
    <row r="611" spans="6:10" x14ac:dyDescent="0.2">
      <c r="F611" s="353"/>
      <c r="G611" s="353"/>
      <c r="H611" s="353"/>
      <c r="I611" s="353"/>
      <c r="J611" s="353"/>
    </row>
    <row r="612" spans="6:10" x14ac:dyDescent="0.2">
      <c r="F612" s="353"/>
      <c r="G612" s="353"/>
      <c r="H612" s="353"/>
      <c r="I612" s="353"/>
      <c r="J612" s="353"/>
    </row>
    <row r="613" spans="6:10" x14ac:dyDescent="0.2">
      <c r="F613" s="353"/>
      <c r="G613" s="353"/>
      <c r="H613" s="353"/>
      <c r="I613" s="353"/>
      <c r="J613" s="353"/>
    </row>
    <row r="614" spans="6:10" x14ac:dyDescent="0.2">
      <c r="F614" s="353"/>
      <c r="G614" s="353"/>
      <c r="H614" s="353"/>
      <c r="I614" s="353"/>
      <c r="J614" s="353"/>
    </row>
    <row r="615" spans="6:10" x14ac:dyDescent="0.2">
      <c r="F615" s="353"/>
      <c r="G615" s="353"/>
      <c r="H615" s="353"/>
      <c r="I615" s="353"/>
      <c r="J615" s="353"/>
    </row>
    <row r="616" spans="6:10" x14ac:dyDescent="0.2">
      <c r="F616" s="353"/>
      <c r="G616" s="353"/>
      <c r="H616" s="353"/>
      <c r="I616" s="353"/>
      <c r="J616" s="353"/>
    </row>
    <row r="617" spans="6:10" x14ac:dyDescent="0.2">
      <c r="F617" s="353"/>
      <c r="G617" s="353"/>
      <c r="H617" s="353"/>
      <c r="I617" s="353"/>
      <c r="J617" s="353"/>
    </row>
    <row r="618" spans="6:10" x14ac:dyDescent="0.2">
      <c r="F618" s="353"/>
      <c r="G618" s="353"/>
      <c r="H618" s="353"/>
      <c r="I618" s="353"/>
      <c r="J618" s="353"/>
    </row>
    <row r="619" spans="6:10" x14ac:dyDescent="0.2">
      <c r="F619" s="353"/>
      <c r="G619" s="353"/>
      <c r="H619" s="353"/>
      <c r="I619" s="353"/>
      <c r="J619" s="353"/>
    </row>
    <row r="620" spans="6:10" x14ac:dyDescent="0.2">
      <c r="F620" s="353"/>
      <c r="G620" s="353"/>
      <c r="H620" s="353"/>
      <c r="I620" s="353"/>
      <c r="J620" s="353"/>
    </row>
    <row r="621" spans="6:10" x14ac:dyDescent="0.2">
      <c r="F621" s="353"/>
      <c r="G621" s="353"/>
      <c r="H621" s="353"/>
      <c r="I621" s="353"/>
      <c r="J621" s="353"/>
    </row>
    <row r="622" spans="6:10" x14ac:dyDescent="0.2">
      <c r="F622" s="353"/>
      <c r="G622" s="353"/>
      <c r="H622" s="353"/>
      <c r="I622" s="353"/>
      <c r="J622" s="353"/>
    </row>
    <row r="623" spans="6:10" x14ac:dyDescent="0.2">
      <c r="F623" s="353"/>
      <c r="G623" s="353"/>
      <c r="H623" s="353"/>
      <c r="I623" s="353"/>
      <c r="J623" s="353"/>
    </row>
    <row r="624" spans="6:10" x14ac:dyDescent="0.2">
      <c r="F624" s="353"/>
      <c r="G624" s="353"/>
      <c r="H624" s="353"/>
      <c r="I624" s="353"/>
      <c r="J624" s="353"/>
    </row>
    <row r="625" spans="6:10" x14ac:dyDescent="0.2">
      <c r="F625" s="353"/>
      <c r="G625" s="353"/>
      <c r="H625" s="353"/>
      <c r="I625" s="353"/>
      <c r="J625" s="353"/>
    </row>
    <row r="626" spans="6:10" x14ac:dyDescent="0.2">
      <c r="F626" s="353"/>
      <c r="G626" s="353"/>
      <c r="H626" s="353"/>
      <c r="I626" s="353"/>
      <c r="J626" s="353"/>
    </row>
    <row r="627" spans="6:10" x14ac:dyDescent="0.2">
      <c r="F627" s="353"/>
      <c r="G627" s="353"/>
      <c r="H627" s="353"/>
      <c r="I627" s="353"/>
      <c r="J627" s="353"/>
    </row>
    <row r="628" spans="6:10" x14ac:dyDescent="0.2">
      <c r="F628" s="353"/>
      <c r="G628" s="353"/>
      <c r="H628" s="353"/>
      <c r="I628" s="353"/>
      <c r="J628" s="353"/>
    </row>
    <row r="629" spans="6:10" x14ac:dyDescent="0.2">
      <c r="F629" s="353"/>
      <c r="G629" s="353"/>
      <c r="H629" s="353"/>
      <c r="I629" s="353"/>
      <c r="J629" s="353"/>
    </row>
    <row r="630" spans="6:10" x14ac:dyDescent="0.2">
      <c r="F630" s="353"/>
      <c r="G630" s="353"/>
      <c r="H630" s="353"/>
      <c r="I630" s="353"/>
      <c r="J630" s="353"/>
    </row>
    <row r="631" spans="6:10" x14ac:dyDescent="0.2">
      <c r="F631" s="353"/>
      <c r="G631" s="353"/>
      <c r="H631" s="353"/>
      <c r="I631" s="353"/>
      <c r="J631" s="353"/>
    </row>
    <row r="632" spans="6:10" x14ac:dyDescent="0.2">
      <c r="F632" s="353"/>
      <c r="G632" s="353"/>
      <c r="H632" s="353"/>
      <c r="I632" s="353"/>
      <c r="J632" s="353"/>
    </row>
    <row r="633" spans="6:10" x14ac:dyDescent="0.2">
      <c r="F633" s="353"/>
      <c r="G633" s="353"/>
      <c r="H633" s="353"/>
      <c r="I633" s="353"/>
      <c r="J633" s="353"/>
    </row>
    <row r="634" spans="6:10" x14ac:dyDescent="0.2">
      <c r="F634" s="353"/>
      <c r="G634" s="353"/>
      <c r="H634" s="353"/>
      <c r="I634" s="353"/>
      <c r="J634" s="353"/>
    </row>
    <row r="635" spans="6:10" x14ac:dyDescent="0.2">
      <c r="F635" s="353"/>
      <c r="G635" s="353"/>
      <c r="H635" s="353"/>
      <c r="I635" s="353"/>
      <c r="J635" s="353"/>
    </row>
    <row r="636" spans="6:10" x14ac:dyDescent="0.2">
      <c r="F636" s="353"/>
      <c r="G636" s="353"/>
      <c r="H636" s="353"/>
      <c r="I636" s="353"/>
      <c r="J636" s="353"/>
    </row>
    <row r="637" spans="6:10" x14ac:dyDescent="0.2">
      <c r="F637" s="353"/>
      <c r="G637" s="353"/>
      <c r="H637" s="353"/>
      <c r="I637" s="353"/>
      <c r="J637" s="353"/>
    </row>
    <row r="638" spans="6:10" x14ac:dyDescent="0.2">
      <c r="F638" s="353"/>
      <c r="G638" s="353"/>
      <c r="H638" s="353"/>
      <c r="I638" s="353"/>
      <c r="J638" s="353"/>
    </row>
    <row r="639" spans="6:10" x14ac:dyDescent="0.2">
      <c r="F639" s="353"/>
      <c r="G639" s="353"/>
      <c r="H639" s="353"/>
      <c r="I639" s="353"/>
      <c r="J639" s="353"/>
    </row>
    <row r="640" spans="6:10" x14ac:dyDescent="0.2">
      <c r="F640" s="353"/>
      <c r="G640" s="353"/>
      <c r="H640" s="353"/>
      <c r="I640" s="353"/>
      <c r="J640" s="353"/>
    </row>
    <row r="641" spans="6:10" x14ac:dyDescent="0.2">
      <c r="F641" s="353"/>
      <c r="G641" s="353"/>
      <c r="H641" s="353"/>
      <c r="I641" s="353"/>
      <c r="J641" s="353"/>
    </row>
    <row r="642" spans="6:10" x14ac:dyDescent="0.2">
      <c r="F642" s="353"/>
      <c r="G642" s="353"/>
      <c r="H642" s="353"/>
      <c r="I642" s="353"/>
      <c r="J642" s="353"/>
    </row>
    <row r="643" spans="6:10" x14ac:dyDescent="0.2">
      <c r="F643" s="353"/>
      <c r="G643" s="353"/>
      <c r="H643" s="353"/>
      <c r="I643" s="353"/>
      <c r="J643" s="353"/>
    </row>
    <row r="644" spans="6:10" x14ac:dyDescent="0.2">
      <c r="F644" s="353"/>
      <c r="G644" s="353"/>
      <c r="H644" s="353"/>
      <c r="I644" s="353"/>
      <c r="J644" s="353"/>
    </row>
    <row r="645" spans="6:10" x14ac:dyDescent="0.2">
      <c r="F645" s="353"/>
      <c r="G645" s="353"/>
      <c r="H645" s="353"/>
      <c r="I645" s="353"/>
      <c r="J645" s="353"/>
    </row>
    <row r="646" spans="6:10" x14ac:dyDescent="0.2">
      <c r="F646" s="353"/>
      <c r="G646" s="353"/>
      <c r="H646" s="353"/>
      <c r="I646" s="353"/>
      <c r="J646" s="353"/>
    </row>
    <row r="647" spans="6:10" x14ac:dyDescent="0.2">
      <c r="F647" s="353"/>
      <c r="G647" s="353"/>
      <c r="H647" s="353"/>
      <c r="I647" s="353"/>
      <c r="J647" s="353"/>
    </row>
    <row r="648" spans="6:10" x14ac:dyDescent="0.2">
      <c r="F648" s="353"/>
      <c r="G648" s="353"/>
      <c r="H648" s="353"/>
      <c r="I648" s="353"/>
      <c r="J648" s="353"/>
    </row>
    <row r="649" spans="6:10" x14ac:dyDescent="0.2">
      <c r="F649" s="353"/>
      <c r="G649" s="353"/>
      <c r="H649" s="353"/>
      <c r="I649" s="353"/>
      <c r="J649" s="353"/>
    </row>
    <row r="650" spans="6:10" x14ac:dyDescent="0.2">
      <c r="F650" s="353"/>
      <c r="G650" s="353"/>
      <c r="H650" s="353"/>
      <c r="I650" s="353"/>
      <c r="J650" s="353"/>
    </row>
    <row r="651" spans="6:10" x14ac:dyDescent="0.2">
      <c r="F651" s="353"/>
      <c r="G651" s="353"/>
      <c r="H651" s="353"/>
      <c r="I651" s="353"/>
      <c r="J651" s="353"/>
    </row>
    <row r="652" spans="6:10" x14ac:dyDescent="0.2">
      <c r="F652" s="353"/>
      <c r="G652" s="353"/>
      <c r="H652" s="353"/>
      <c r="I652" s="353"/>
      <c r="J652" s="353"/>
    </row>
    <row r="653" spans="6:10" x14ac:dyDescent="0.2">
      <c r="F653" s="353"/>
      <c r="G653" s="353"/>
      <c r="H653" s="353"/>
      <c r="I653" s="353"/>
      <c r="J653" s="353"/>
    </row>
    <row r="654" spans="6:10" x14ac:dyDescent="0.2">
      <c r="F654" s="353"/>
      <c r="G654" s="353"/>
      <c r="H654" s="353"/>
      <c r="I654" s="353"/>
      <c r="J654" s="353"/>
    </row>
    <row r="655" spans="6:10" x14ac:dyDescent="0.2">
      <c r="F655" s="353"/>
      <c r="G655" s="353"/>
      <c r="H655" s="353"/>
      <c r="I655" s="353"/>
      <c r="J655" s="353"/>
    </row>
    <row r="656" spans="6:10" x14ac:dyDescent="0.2">
      <c r="F656" s="353"/>
      <c r="G656" s="353"/>
      <c r="H656" s="353"/>
      <c r="I656" s="353"/>
      <c r="J656" s="353"/>
    </row>
    <row r="657" spans="6:10" x14ac:dyDescent="0.2">
      <c r="F657" s="353"/>
      <c r="G657" s="353"/>
      <c r="H657" s="353"/>
      <c r="I657" s="353"/>
      <c r="J657" s="353"/>
    </row>
    <row r="658" spans="6:10" x14ac:dyDescent="0.2">
      <c r="F658" s="353"/>
      <c r="G658" s="353"/>
      <c r="H658" s="353"/>
      <c r="I658" s="353"/>
      <c r="J658" s="353"/>
    </row>
    <row r="659" spans="6:10" x14ac:dyDescent="0.2">
      <c r="F659" s="353"/>
      <c r="G659" s="353"/>
      <c r="H659" s="353"/>
      <c r="I659" s="353"/>
      <c r="J659" s="353"/>
    </row>
    <row r="660" spans="6:10" x14ac:dyDescent="0.2">
      <c r="F660" s="353"/>
      <c r="G660" s="353"/>
      <c r="H660" s="353"/>
      <c r="I660" s="353"/>
      <c r="J660" s="353"/>
    </row>
    <row r="661" spans="6:10" x14ac:dyDescent="0.2">
      <c r="F661" s="353"/>
      <c r="G661" s="353"/>
      <c r="H661" s="353"/>
      <c r="I661" s="353"/>
      <c r="J661" s="353"/>
    </row>
    <row r="662" spans="6:10" x14ac:dyDescent="0.2">
      <c r="F662" s="353"/>
      <c r="G662" s="353"/>
      <c r="H662" s="353"/>
      <c r="I662" s="353"/>
      <c r="J662" s="353"/>
    </row>
    <row r="663" spans="6:10" x14ac:dyDescent="0.2">
      <c r="F663" s="353"/>
      <c r="G663" s="353"/>
      <c r="H663" s="353"/>
      <c r="I663" s="353"/>
      <c r="J663" s="353"/>
    </row>
    <row r="664" spans="6:10" x14ac:dyDescent="0.2">
      <c r="F664" s="353"/>
      <c r="G664" s="353"/>
      <c r="H664" s="353"/>
      <c r="I664" s="353"/>
      <c r="J664" s="353"/>
    </row>
    <row r="665" spans="6:10" x14ac:dyDescent="0.2">
      <c r="F665" s="353"/>
      <c r="G665" s="353"/>
      <c r="H665" s="353"/>
      <c r="I665" s="353"/>
      <c r="J665" s="353"/>
    </row>
    <row r="666" spans="6:10" x14ac:dyDescent="0.2">
      <c r="F666" s="353"/>
      <c r="G666" s="353"/>
      <c r="H666" s="353"/>
      <c r="I666" s="353"/>
      <c r="J666" s="353"/>
    </row>
    <row r="667" spans="6:10" x14ac:dyDescent="0.2">
      <c r="F667" s="353"/>
      <c r="G667" s="353"/>
      <c r="H667" s="353"/>
      <c r="I667" s="353"/>
      <c r="J667" s="353"/>
    </row>
    <row r="668" spans="6:10" x14ac:dyDescent="0.2">
      <c r="F668" s="353"/>
      <c r="G668" s="353"/>
      <c r="H668" s="353"/>
      <c r="I668" s="353"/>
      <c r="J668" s="353"/>
    </row>
    <row r="669" spans="6:10" x14ac:dyDescent="0.2">
      <c r="F669" s="353"/>
      <c r="G669" s="353"/>
      <c r="H669" s="353"/>
      <c r="I669" s="353"/>
      <c r="J669" s="353"/>
    </row>
    <row r="670" spans="6:10" x14ac:dyDescent="0.2">
      <c r="F670" s="353"/>
      <c r="G670" s="353"/>
      <c r="H670" s="353"/>
      <c r="I670" s="353"/>
      <c r="J670" s="353"/>
    </row>
    <row r="671" spans="6:10" x14ac:dyDescent="0.2">
      <c r="F671" s="353"/>
      <c r="G671" s="353"/>
      <c r="H671" s="353"/>
      <c r="I671" s="353"/>
      <c r="J671" s="353"/>
    </row>
    <row r="672" spans="6:10" x14ac:dyDescent="0.2">
      <c r="F672" s="353"/>
      <c r="G672" s="353"/>
      <c r="H672" s="353"/>
      <c r="I672" s="353"/>
      <c r="J672" s="353"/>
    </row>
    <row r="673" spans="6:10" x14ac:dyDescent="0.2">
      <c r="F673" s="353"/>
      <c r="G673" s="353"/>
      <c r="H673" s="353"/>
      <c r="I673" s="353"/>
      <c r="J673" s="353"/>
    </row>
    <row r="674" spans="6:10" x14ac:dyDescent="0.2">
      <c r="F674" s="353"/>
      <c r="G674" s="353"/>
      <c r="H674" s="353"/>
      <c r="I674" s="353"/>
      <c r="J674" s="353"/>
    </row>
    <row r="675" spans="6:10" x14ac:dyDescent="0.2">
      <c r="F675" s="353"/>
      <c r="G675" s="353"/>
      <c r="H675" s="353"/>
      <c r="I675" s="353"/>
      <c r="J675" s="353"/>
    </row>
    <row r="676" spans="6:10" x14ac:dyDescent="0.2">
      <c r="F676" s="353"/>
      <c r="G676" s="353"/>
      <c r="H676" s="353"/>
      <c r="I676" s="353"/>
      <c r="J676" s="353"/>
    </row>
    <row r="677" spans="6:10" x14ac:dyDescent="0.2">
      <c r="F677" s="353"/>
      <c r="G677" s="353"/>
      <c r="H677" s="353"/>
      <c r="I677" s="353"/>
      <c r="J677" s="353"/>
    </row>
    <row r="678" spans="6:10" x14ac:dyDescent="0.2">
      <c r="F678" s="353"/>
      <c r="G678" s="353"/>
      <c r="H678" s="353"/>
      <c r="I678" s="353"/>
      <c r="J678" s="353"/>
    </row>
    <row r="679" spans="6:10" x14ac:dyDescent="0.2">
      <c r="F679" s="353"/>
      <c r="G679" s="353"/>
      <c r="H679" s="353"/>
      <c r="I679" s="353"/>
      <c r="J679" s="353"/>
    </row>
    <row r="680" spans="6:10" x14ac:dyDescent="0.2">
      <c r="F680" s="353"/>
      <c r="G680" s="353"/>
      <c r="H680" s="353"/>
      <c r="I680" s="353"/>
      <c r="J680" s="353"/>
    </row>
    <row r="681" spans="6:10" x14ac:dyDescent="0.2">
      <c r="F681" s="353"/>
      <c r="G681" s="353"/>
      <c r="H681" s="353"/>
      <c r="I681" s="353"/>
      <c r="J681" s="353"/>
    </row>
    <row r="682" spans="6:10" x14ac:dyDescent="0.2">
      <c r="F682" s="353"/>
      <c r="G682" s="353"/>
      <c r="H682" s="353"/>
      <c r="I682" s="353"/>
      <c r="J682" s="353"/>
    </row>
    <row r="683" spans="6:10" x14ac:dyDescent="0.2">
      <c r="F683" s="353"/>
      <c r="G683" s="353"/>
      <c r="H683" s="353"/>
      <c r="I683" s="353"/>
      <c r="J683" s="353"/>
    </row>
    <row r="684" spans="6:10" x14ac:dyDescent="0.2">
      <c r="F684" s="353"/>
      <c r="G684" s="353"/>
      <c r="H684" s="353"/>
      <c r="I684" s="353"/>
      <c r="J684" s="353"/>
    </row>
    <row r="685" spans="6:10" x14ac:dyDescent="0.2">
      <c r="F685" s="353"/>
      <c r="G685" s="353"/>
      <c r="H685" s="353"/>
      <c r="I685" s="353"/>
      <c r="J685" s="353"/>
    </row>
    <row r="686" spans="6:10" x14ac:dyDescent="0.2">
      <c r="F686" s="353"/>
      <c r="G686" s="353"/>
      <c r="H686" s="353"/>
      <c r="I686" s="353"/>
      <c r="J686" s="353"/>
    </row>
    <row r="687" spans="6:10" x14ac:dyDescent="0.2">
      <c r="F687" s="353"/>
      <c r="G687" s="353"/>
      <c r="H687" s="353"/>
      <c r="I687" s="353"/>
      <c r="J687" s="353"/>
    </row>
    <row r="688" spans="6:10" x14ac:dyDescent="0.2">
      <c r="F688" s="353"/>
      <c r="G688" s="353"/>
      <c r="H688" s="353"/>
      <c r="I688" s="353"/>
      <c r="J688" s="353"/>
    </row>
    <row r="689" spans="6:10" x14ac:dyDescent="0.2">
      <c r="F689" s="353"/>
      <c r="G689" s="353"/>
      <c r="H689" s="353"/>
      <c r="I689" s="353"/>
      <c r="J689" s="353"/>
    </row>
    <row r="690" spans="6:10" x14ac:dyDescent="0.2">
      <c r="F690" s="353"/>
      <c r="G690" s="353"/>
      <c r="H690" s="353"/>
      <c r="I690" s="353"/>
      <c r="J690" s="353"/>
    </row>
    <row r="691" spans="6:10" x14ac:dyDescent="0.2">
      <c r="F691" s="353"/>
      <c r="G691" s="353"/>
      <c r="H691" s="353"/>
      <c r="I691" s="353"/>
      <c r="J691" s="353"/>
    </row>
    <row r="692" spans="6:10" x14ac:dyDescent="0.2">
      <c r="F692" s="353"/>
      <c r="G692" s="353"/>
      <c r="H692" s="353"/>
      <c r="I692" s="353"/>
      <c r="J692" s="353"/>
    </row>
    <row r="693" spans="6:10" x14ac:dyDescent="0.2">
      <c r="F693" s="353"/>
      <c r="G693" s="353"/>
      <c r="H693" s="353"/>
      <c r="I693" s="353"/>
      <c r="J693" s="353"/>
    </row>
    <row r="694" spans="6:10" x14ac:dyDescent="0.2">
      <c r="F694" s="353"/>
      <c r="G694" s="353"/>
      <c r="H694" s="353"/>
      <c r="I694" s="353"/>
      <c r="J694" s="353"/>
    </row>
    <row r="695" spans="6:10" x14ac:dyDescent="0.2">
      <c r="F695" s="353"/>
      <c r="G695" s="353"/>
      <c r="H695" s="353"/>
      <c r="I695" s="353"/>
      <c r="J695" s="353"/>
    </row>
    <row r="696" spans="6:10" x14ac:dyDescent="0.2">
      <c r="F696" s="353"/>
      <c r="G696" s="353"/>
      <c r="H696" s="353"/>
      <c r="I696" s="353"/>
      <c r="J696" s="353"/>
    </row>
    <row r="697" spans="6:10" x14ac:dyDescent="0.2">
      <c r="F697" s="353"/>
      <c r="G697" s="353"/>
      <c r="H697" s="353"/>
      <c r="I697" s="353"/>
      <c r="J697" s="353"/>
    </row>
    <row r="698" spans="6:10" x14ac:dyDescent="0.2">
      <c r="F698" s="353"/>
      <c r="G698" s="353"/>
      <c r="H698" s="353"/>
      <c r="I698" s="353"/>
      <c r="J698" s="353"/>
    </row>
    <row r="699" spans="6:10" x14ac:dyDescent="0.2">
      <c r="F699" s="353"/>
      <c r="G699" s="353"/>
      <c r="H699" s="353"/>
      <c r="I699" s="353"/>
      <c r="J699" s="353"/>
    </row>
    <row r="700" spans="6:10" x14ac:dyDescent="0.2">
      <c r="F700" s="353"/>
      <c r="G700" s="353"/>
      <c r="H700" s="353"/>
      <c r="I700" s="353"/>
      <c r="J700" s="353"/>
    </row>
    <row r="701" spans="6:10" x14ac:dyDescent="0.2">
      <c r="F701" s="353"/>
      <c r="G701" s="353"/>
      <c r="H701" s="353"/>
      <c r="I701" s="353"/>
      <c r="J701" s="353"/>
    </row>
    <row r="702" spans="6:10" x14ac:dyDescent="0.2">
      <c r="F702" s="353"/>
      <c r="G702" s="353"/>
      <c r="H702" s="353"/>
      <c r="I702" s="353"/>
      <c r="J702" s="353"/>
    </row>
    <row r="703" spans="6:10" x14ac:dyDescent="0.2">
      <c r="F703" s="353"/>
      <c r="G703" s="353"/>
      <c r="H703" s="353"/>
      <c r="I703" s="353"/>
      <c r="J703" s="353"/>
    </row>
    <row r="704" spans="6:10" x14ac:dyDescent="0.2">
      <c r="F704" s="353"/>
      <c r="G704" s="353"/>
      <c r="H704" s="353"/>
      <c r="I704" s="353"/>
      <c r="J704" s="353"/>
    </row>
    <row r="705" spans="6:10" x14ac:dyDescent="0.2">
      <c r="F705" s="353"/>
      <c r="G705" s="353"/>
      <c r="H705" s="353"/>
      <c r="I705" s="353"/>
      <c r="J705" s="353"/>
    </row>
    <row r="706" spans="6:10" x14ac:dyDescent="0.2">
      <c r="F706" s="353"/>
      <c r="G706" s="353"/>
      <c r="H706" s="353"/>
      <c r="I706" s="353"/>
      <c r="J706" s="353"/>
    </row>
    <row r="707" spans="6:10" x14ac:dyDescent="0.2">
      <c r="F707" s="353"/>
      <c r="G707" s="353"/>
      <c r="H707" s="353"/>
      <c r="I707" s="353"/>
      <c r="J707" s="353"/>
    </row>
    <row r="708" spans="6:10" x14ac:dyDescent="0.2">
      <c r="F708" s="353"/>
      <c r="G708" s="353"/>
      <c r="H708" s="353"/>
      <c r="I708" s="353"/>
      <c r="J708" s="353"/>
    </row>
    <row r="709" spans="6:10" x14ac:dyDescent="0.2">
      <c r="F709" s="353"/>
      <c r="G709" s="353"/>
      <c r="H709" s="353"/>
      <c r="I709" s="353"/>
      <c r="J709" s="353"/>
    </row>
    <row r="710" spans="6:10" x14ac:dyDescent="0.2">
      <c r="F710" s="353"/>
      <c r="G710" s="353"/>
      <c r="H710" s="353"/>
      <c r="I710" s="353"/>
      <c r="J710" s="353"/>
    </row>
    <row r="711" spans="6:10" x14ac:dyDescent="0.2">
      <c r="F711" s="353"/>
      <c r="G711" s="353"/>
      <c r="H711" s="353"/>
      <c r="I711" s="353"/>
      <c r="J711" s="353"/>
    </row>
    <row r="712" spans="6:10" x14ac:dyDescent="0.2">
      <c r="F712" s="353"/>
      <c r="G712" s="353"/>
      <c r="H712" s="353"/>
      <c r="I712" s="353"/>
      <c r="J712" s="353"/>
    </row>
    <row r="713" spans="6:10" x14ac:dyDescent="0.2">
      <c r="F713" s="353"/>
      <c r="G713" s="353"/>
      <c r="H713" s="353"/>
      <c r="I713" s="353"/>
      <c r="J713" s="353"/>
    </row>
    <row r="714" spans="6:10" x14ac:dyDescent="0.2">
      <c r="F714" s="353"/>
      <c r="G714" s="353"/>
      <c r="H714" s="353"/>
      <c r="I714" s="353"/>
      <c r="J714" s="353"/>
    </row>
    <row r="715" spans="6:10" x14ac:dyDescent="0.2">
      <c r="F715" s="353"/>
      <c r="G715" s="353"/>
      <c r="H715" s="353"/>
      <c r="I715" s="353"/>
      <c r="J715" s="353"/>
    </row>
    <row r="716" spans="6:10" x14ac:dyDescent="0.2">
      <c r="F716" s="353"/>
      <c r="G716" s="353"/>
      <c r="H716" s="353"/>
      <c r="I716" s="353"/>
      <c r="J716" s="353"/>
    </row>
    <row r="717" spans="6:10" x14ac:dyDescent="0.2">
      <c r="F717" s="353"/>
      <c r="G717" s="353"/>
      <c r="H717" s="353"/>
      <c r="I717" s="353"/>
      <c r="J717" s="353"/>
    </row>
    <row r="718" spans="6:10" x14ac:dyDescent="0.2">
      <c r="F718" s="353"/>
      <c r="G718" s="353"/>
      <c r="H718" s="353"/>
      <c r="I718" s="353"/>
      <c r="J718" s="353"/>
    </row>
    <row r="719" spans="6:10" x14ac:dyDescent="0.2">
      <c r="F719" s="353"/>
      <c r="G719" s="353"/>
      <c r="H719" s="353"/>
      <c r="I719" s="353"/>
      <c r="J719" s="353"/>
    </row>
    <row r="720" spans="6:10" x14ac:dyDescent="0.2">
      <c r="F720" s="353"/>
      <c r="G720" s="353"/>
      <c r="H720" s="353"/>
      <c r="I720" s="353"/>
      <c r="J720" s="353"/>
    </row>
    <row r="721" spans="6:10" x14ac:dyDescent="0.2">
      <c r="F721" s="353"/>
      <c r="G721" s="353"/>
      <c r="H721" s="353"/>
      <c r="I721" s="353"/>
      <c r="J721" s="353"/>
    </row>
    <row r="722" spans="6:10" x14ac:dyDescent="0.2">
      <c r="F722" s="353"/>
      <c r="G722" s="353"/>
      <c r="H722" s="353"/>
      <c r="I722" s="353"/>
      <c r="J722" s="353"/>
    </row>
    <row r="723" spans="6:10" x14ac:dyDescent="0.2">
      <c r="F723" s="353"/>
      <c r="G723" s="353"/>
      <c r="H723" s="353"/>
      <c r="I723" s="353"/>
      <c r="J723" s="353"/>
    </row>
    <row r="724" spans="6:10" x14ac:dyDescent="0.2">
      <c r="F724" s="353"/>
      <c r="G724" s="353"/>
      <c r="H724" s="353"/>
      <c r="I724" s="353"/>
      <c r="J724" s="353"/>
    </row>
    <row r="725" spans="6:10" x14ac:dyDescent="0.2">
      <c r="F725" s="353"/>
      <c r="G725" s="353"/>
      <c r="H725" s="353"/>
      <c r="I725" s="353"/>
      <c r="J725" s="353"/>
    </row>
    <row r="726" spans="6:10" x14ac:dyDescent="0.2">
      <c r="F726" s="353"/>
      <c r="G726" s="353"/>
      <c r="H726" s="353"/>
      <c r="I726" s="353"/>
      <c r="J726" s="353"/>
    </row>
    <row r="727" spans="6:10" x14ac:dyDescent="0.2">
      <c r="F727" s="353"/>
      <c r="G727" s="353"/>
      <c r="H727" s="353"/>
      <c r="I727" s="353"/>
      <c r="J727" s="353"/>
    </row>
    <row r="728" spans="6:10" x14ac:dyDescent="0.2">
      <c r="F728" s="353"/>
      <c r="G728" s="353"/>
      <c r="H728" s="353"/>
      <c r="I728" s="353"/>
      <c r="J728" s="353"/>
    </row>
    <row r="729" spans="6:10" x14ac:dyDescent="0.2">
      <c r="F729" s="353"/>
      <c r="G729" s="353"/>
      <c r="H729" s="353"/>
      <c r="I729" s="353"/>
      <c r="J729" s="353"/>
    </row>
    <row r="730" spans="6:10" x14ac:dyDescent="0.2">
      <c r="F730" s="353"/>
      <c r="G730" s="353"/>
      <c r="H730" s="353"/>
      <c r="I730" s="353"/>
      <c r="J730" s="353"/>
    </row>
    <row r="731" spans="6:10" x14ac:dyDescent="0.2">
      <c r="F731" s="353"/>
      <c r="G731" s="353"/>
      <c r="H731" s="353"/>
      <c r="I731" s="353"/>
      <c r="J731" s="353"/>
    </row>
    <row r="732" spans="6:10" x14ac:dyDescent="0.2">
      <c r="F732" s="353"/>
      <c r="G732" s="353"/>
      <c r="H732" s="353"/>
      <c r="I732" s="353"/>
      <c r="J732" s="353"/>
    </row>
    <row r="733" spans="6:10" x14ac:dyDescent="0.2">
      <c r="F733" s="353"/>
      <c r="G733" s="353"/>
      <c r="H733" s="353"/>
      <c r="I733" s="353"/>
      <c r="J733" s="353"/>
    </row>
    <row r="734" spans="6:10" x14ac:dyDescent="0.2">
      <c r="F734" s="353"/>
      <c r="G734" s="353"/>
      <c r="H734" s="353"/>
      <c r="I734" s="353"/>
      <c r="J734" s="353"/>
    </row>
    <row r="735" spans="6:10" x14ac:dyDescent="0.2">
      <c r="F735" s="353"/>
      <c r="G735" s="353"/>
      <c r="H735" s="353"/>
      <c r="I735" s="353"/>
      <c r="J735" s="353"/>
    </row>
    <row r="736" spans="6:10" x14ac:dyDescent="0.2">
      <c r="F736" s="353"/>
      <c r="G736" s="353"/>
      <c r="H736" s="353"/>
      <c r="I736" s="353"/>
      <c r="J736" s="353"/>
    </row>
    <row r="737" spans="6:10" x14ac:dyDescent="0.2">
      <c r="F737" s="353"/>
      <c r="G737" s="353"/>
      <c r="H737" s="353"/>
      <c r="I737" s="353"/>
      <c r="J737" s="353"/>
    </row>
    <row r="738" spans="6:10" x14ac:dyDescent="0.2">
      <c r="F738" s="353"/>
      <c r="G738" s="353"/>
      <c r="H738" s="353"/>
      <c r="I738" s="353"/>
      <c r="J738" s="353"/>
    </row>
    <row r="739" spans="6:10" x14ac:dyDescent="0.2">
      <c r="F739" s="353"/>
      <c r="G739" s="353"/>
      <c r="H739" s="353"/>
      <c r="I739" s="353"/>
      <c r="J739" s="353"/>
    </row>
    <row r="740" spans="6:10" x14ac:dyDescent="0.2">
      <c r="F740" s="353"/>
      <c r="G740" s="353"/>
      <c r="H740" s="353"/>
      <c r="I740" s="353"/>
      <c r="J740" s="353"/>
    </row>
    <row r="741" spans="6:10" x14ac:dyDescent="0.2">
      <c r="F741" s="353"/>
      <c r="G741" s="353"/>
      <c r="H741" s="353"/>
      <c r="I741" s="353"/>
      <c r="J741" s="353"/>
    </row>
    <row r="742" spans="6:10" x14ac:dyDescent="0.2">
      <c r="F742" s="353"/>
      <c r="G742" s="353"/>
      <c r="H742" s="353"/>
      <c r="I742" s="353"/>
      <c r="J742" s="353"/>
    </row>
    <row r="743" spans="6:10" x14ac:dyDescent="0.2">
      <c r="F743" s="353"/>
      <c r="G743" s="353"/>
      <c r="H743" s="353"/>
      <c r="I743" s="353"/>
      <c r="J743" s="353"/>
    </row>
    <row r="744" spans="6:10" x14ac:dyDescent="0.2">
      <c r="F744" s="353"/>
      <c r="G744" s="353"/>
      <c r="H744" s="353"/>
      <c r="I744" s="353"/>
      <c r="J744" s="353"/>
    </row>
    <row r="745" spans="6:10" x14ac:dyDescent="0.2">
      <c r="F745" s="353"/>
      <c r="G745" s="353"/>
      <c r="H745" s="353"/>
      <c r="I745" s="353"/>
      <c r="J745" s="353"/>
    </row>
    <row r="746" spans="6:10" x14ac:dyDescent="0.2">
      <c r="F746" s="353"/>
      <c r="G746" s="353"/>
      <c r="H746" s="353"/>
      <c r="I746" s="353"/>
      <c r="J746" s="353"/>
    </row>
    <row r="747" spans="6:10" x14ac:dyDescent="0.2">
      <c r="F747" s="353"/>
      <c r="G747" s="353"/>
      <c r="H747" s="353"/>
      <c r="I747" s="353"/>
      <c r="J747" s="353"/>
    </row>
    <row r="748" spans="6:10" x14ac:dyDescent="0.2">
      <c r="F748" s="353"/>
      <c r="G748" s="353"/>
      <c r="H748" s="353"/>
      <c r="I748" s="353"/>
      <c r="J748" s="353"/>
    </row>
    <row r="749" spans="6:10" x14ac:dyDescent="0.2">
      <c r="F749" s="353"/>
      <c r="G749" s="353"/>
      <c r="H749" s="353"/>
      <c r="I749" s="353"/>
      <c r="J749" s="353"/>
    </row>
    <row r="750" spans="6:10" x14ac:dyDescent="0.2">
      <c r="F750" s="353"/>
      <c r="G750" s="353"/>
      <c r="H750" s="353"/>
      <c r="I750" s="353"/>
      <c r="J750" s="353"/>
    </row>
    <row r="751" spans="6:10" x14ac:dyDescent="0.2">
      <c r="F751" s="353"/>
      <c r="G751" s="353"/>
      <c r="H751" s="353"/>
      <c r="I751" s="353"/>
      <c r="J751" s="353"/>
    </row>
    <row r="752" spans="6:10" x14ac:dyDescent="0.2">
      <c r="F752" s="353"/>
      <c r="G752" s="353"/>
      <c r="H752" s="353"/>
      <c r="I752" s="353"/>
      <c r="J752" s="353"/>
    </row>
    <row r="753" spans="6:10" x14ac:dyDescent="0.2">
      <c r="F753" s="353"/>
      <c r="G753" s="353"/>
      <c r="H753" s="353"/>
      <c r="I753" s="353"/>
      <c r="J753" s="353"/>
    </row>
    <row r="754" spans="6:10" x14ac:dyDescent="0.2">
      <c r="F754" s="353"/>
      <c r="G754" s="353"/>
      <c r="H754" s="353"/>
      <c r="I754" s="353"/>
      <c r="J754" s="353"/>
    </row>
    <row r="755" spans="6:10" x14ac:dyDescent="0.2">
      <c r="F755" s="353"/>
      <c r="G755" s="353"/>
      <c r="H755" s="353"/>
      <c r="I755" s="353"/>
      <c r="J755" s="353"/>
    </row>
    <row r="756" spans="6:10" x14ac:dyDescent="0.2">
      <c r="F756" s="353"/>
      <c r="G756" s="353"/>
      <c r="H756" s="353"/>
      <c r="I756" s="353"/>
      <c r="J756" s="353"/>
    </row>
    <row r="757" spans="6:10" x14ac:dyDescent="0.2">
      <c r="F757" s="353"/>
      <c r="G757" s="353"/>
      <c r="H757" s="353"/>
      <c r="I757" s="353"/>
      <c r="J757" s="353"/>
    </row>
    <row r="758" spans="6:10" x14ac:dyDescent="0.2">
      <c r="F758" s="353"/>
      <c r="G758" s="353"/>
      <c r="H758" s="353"/>
      <c r="I758" s="353"/>
      <c r="J758" s="353"/>
    </row>
    <row r="759" spans="6:10" x14ac:dyDescent="0.2">
      <c r="F759" s="353"/>
      <c r="G759" s="353"/>
      <c r="H759" s="353"/>
      <c r="I759" s="353"/>
      <c r="J759" s="353"/>
    </row>
    <row r="760" spans="6:10" x14ac:dyDescent="0.2">
      <c r="F760" s="353"/>
      <c r="G760" s="353"/>
      <c r="H760" s="353"/>
      <c r="I760" s="353"/>
      <c r="J760" s="353"/>
    </row>
    <row r="761" spans="6:10" x14ac:dyDescent="0.2">
      <c r="F761" s="353"/>
      <c r="G761" s="353"/>
      <c r="H761" s="353"/>
      <c r="I761" s="353"/>
      <c r="J761" s="353"/>
    </row>
    <row r="762" spans="6:10" x14ac:dyDescent="0.2">
      <c r="F762" s="353"/>
      <c r="G762" s="353"/>
      <c r="H762" s="353"/>
      <c r="I762" s="353"/>
      <c r="J762" s="353"/>
    </row>
    <row r="763" spans="6:10" x14ac:dyDescent="0.2">
      <c r="F763" s="353"/>
      <c r="G763" s="353"/>
      <c r="H763" s="353"/>
      <c r="I763" s="353"/>
      <c r="J763" s="353"/>
    </row>
    <row r="764" spans="6:10" x14ac:dyDescent="0.2">
      <c r="F764" s="353"/>
      <c r="G764" s="353"/>
      <c r="H764" s="353"/>
      <c r="I764" s="353"/>
      <c r="J764" s="353"/>
    </row>
    <row r="765" spans="6:10" x14ac:dyDescent="0.2">
      <c r="F765" s="353"/>
      <c r="G765" s="353"/>
      <c r="H765" s="353"/>
      <c r="I765" s="353"/>
      <c r="J765" s="353"/>
    </row>
    <row r="766" spans="6:10" x14ac:dyDescent="0.2">
      <c r="F766" s="353"/>
      <c r="G766" s="353"/>
      <c r="H766" s="353"/>
      <c r="I766" s="353"/>
      <c r="J766" s="353"/>
    </row>
    <row r="767" spans="6:10" x14ac:dyDescent="0.2">
      <c r="F767" s="353"/>
      <c r="G767" s="353"/>
      <c r="H767" s="353"/>
      <c r="I767" s="353"/>
      <c r="J767" s="353"/>
    </row>
    <row r="768" spans="6:10" x14ac:dyDescent="0.2">
      <c r="F768" s="353"/>
      <c r="G768" s="353"/>
      <c r="H768" s="353"/>
      <c r="I768" s="353"/>
      <c r="J768" s="353"/>
    </row>
    <row r="769" spans="6:10" x14ac:dyDescent="0.2">
      <c r="F769" s="353"/>
      <c r="G769" s="353"/>
      <c r="H769" s="353"/>
      <c r="I769" s="353"/>
      <c r="J769" s="353"/>
    </row>
    <row r="770" spans="6:10" x14ac:dyDescent="0.2">
      <c r="F770" s="353"/>
      <c r="G770" s="353"/>
      <c r="H770" s="353"/>
      <c r="I770" s="353"/>
      <c r="J770" s="353"/>
    </row>
    <row r="771" spans="6:10" x14ac:dyDescent="0.2">
      <c r="F771" s="353"/>
      <c r="G771" s="353"/>
      <c r="H771" s="353"/>
      <c r="I771" s="353"/>
      <c r="J771" s="353"/>
    </row>
    <row r="772" spans="6:10" x14ac:dyDescent="0.2">
      <c r="F772" s="353"/>
      <c r="G772" s="353"/>
      <c r="H772" s="353"/>
      <c r="I772" s="353"/>
      <c r="J772" s="353"/>
    </row>
    <row r="773" spans="6:10" x14ac:dyDescent="0.2">
      <c r="F773" s="353"/>
      <c r="G773" s="353"/>
      <c r="H773" s="353"/>
      <c r="I773" s="353"/>
      <c r="J773" s="353"/>
    </row>
    <row r="774" spans="6:10" x14ac:dyDescent="0.2">
      <c r="F774" s="353"/>
      <c r="G774" s="353"/>
      <c r="H774" s="353"/>
      <c r="I774" s="353"/>
      <c r="J774" s="353"/>
    </row>
    <row r="775" spans="6:10" x14ac:dyDescent="0.2">
      <c r="F775" s="353"/>
      <c r="G775" s="353"/>
      <c r="H775" s="353"/>
      <c r="I775" s="353"/>
      <c r="J775" s="353"/>
    </row>
    <row r="776" spans="6:10" x14ac:dyDescent="0.2">
      <c r="F776" s="353"/>
      <c r="G776" s="353"/>
      <c r="H776" s="353"/>
      <c r="I776" s="353"/>
      <c r="J776" s="353"/>
    </row>
    <row r="777" spans="6:10" x14ac:dyDescent="0.2">
      <c r="F777" s="353"/>
      <c r="G777" s="353"/>
      <c r="H777" s="353"/>
      <c r="I777" s="353"/>
      <c r="J777" s="353"/>
    </row>
    <row r="778" spans="6:10" x14ac:dyDescent="0.2">
      <c r="F778" s="353"/>
      <c r="G778" s="353"/>
      <c r="H778" s="353"/>
      <c r="I778" s="353"/>
      <c r="J778" s="353"/>
    </row>
    <row r="779" spans="6:10" x14ac:dyDescent="0.2">
      <c r="F779" s="353"/>
      <c r="G779" s="353"/>
      <c r="H779" s="353"/>
      <c r="I779" s="353"/>
      <c r="J779" s="353"/>
    </row>
    <row r="780" spans="6:10" x14ac:dyDescent="0.2">
      <c r="F780" s="353"/>
      <c r="G780" s="353"/>
      <c r="H780" s="353"/>
      <c r="I780" s="353"/>
      <c r="J780" s="353"/>
    </row>
    <row r="781" spans="6:10" x14ac:dyDescent="0.2">
      <c r="F781" s="353"/>
      <c r="G781" s="353"/>
      <c r="H781" s="353"/>
      <c r="I781" s="353"/>
      <c r="J781" s="353"/>
    </row>
    <row r="782" spans="6:10" x14ac:dyDescent="0.2">
      <c r="F782" s="353"/>
      <c r="G782" s="353"/>
      <c r="H782" s="353"/>
      <c r="I782" s="353"/>
      <c r="J782" s="353"/>
    </row>
    <row r="783" spans="6:10" x14ac:dyDescent="0.2">
      <c r="F783" s="353"/>
      <c r="G783" s="353"/>
      <c r="H783" s="353"/>
      <c r="I783" s="353"/>
      <c r="J783" s="353"/>
    </row>
    <row r="784" spans="6:10" x14ac:dyDescent="0.2">
      <c r="F784" s="353"/>
      <c r="G784" s="353"/>
      <c r="H784" s="353"/>
      <c r="I784" s="353"/>
      <c r="J784" s="353"/>
    </row>
    <row r="785" spans="6:10" x14ac:dyDescent="0.2">
      <c r="F785" s="353"/>
      <c r="G785" s="353"/>
      <c r="H785" s="353"/>
      <c r="I785" s="353"/>
      <c r="J785" s="353"/>
    </row>
    <row r="786" spans="6:10" x14ac:dyDescent="0.2">
      <c r="F786" s="353"/>
      <c r="G786" s="353"/>
      <c r="H786" s="353"/>
      <c r="I786" s="353"/>
      <c r="J786" s="353"/>
    </row>
    <row r="787" spans="6:10" x14ac:dyDescent="0.2">
      <c r="F787" s="353"/>
      <c r="G787" s="353"/>
      <c r="H787" s="353"/>
      <c r="I787" s="353"/>
      <c r="J787" s="353"/>
    </row>
    <row r="788" spans="6:10" x14ac:dyDescent="0.2">
      <c r="F788" s="353"/>
      <c r="G788" s="353"/>
      <c r="H788" s="353"/>
      <c r="I788" s="353"/>
      <c r="J788" s="353"/>
    </row>
    <row r="789" spans="6:10" x14ac:dyDescent="0.2">
      <c r="F789" s="353"/>
      <c r="G789" s="353"/>
      <c r="H789" s="353"/>
      <c r="I789" s="353"/>
      <c r="J789" s="353"/>
    </row>
    <row r="790" spans="6:10" x14ac:dyDescent="0.2">
      <c r="F790" s="353"/>
      <c r="G790" s="353"/>
      <c r="H790" s="353"/>
      <c r="I790" s="353"/>
      <c r="J790" s="353"/>
    </row>
    <row r="791" spans="6:10" x14ac:dyDescent="0.2">
      <c r="F791" s="353"/>
      <c r="G791" s="353"/>
      <c r="H791" s="353"/>
      <c r="I791" s="353"/>
      <c r="J791" s="353"/>
    </row>
    <row r="792" spans="6:10" x14ac:dyDescent="0.2">
      <c r="F792" s="353"/>
      <c r="G792" s="353"/>
      <c r="H792" s="353"/>
      <c r="I792" s="353"/>
      <c r="J792" s="353"/>
    </row>
    <row r="793" spans="6:10" x14ac:dyDescent="0.2">
      <c r="F793" s="353"/>
      <c r="G793" s="353"/>
      <c r="H793" s="353"/>
      <c r="I793" s="353"/>
      <c r="J793" s="353"/>
    </row>
    <row r="794" spans="6:10" x14ac:dyDescent="0.2">
      <c r="F794" s="353"/>
      <c r="G794" s="353"/>
      <c r="H794" s="353"/>
      <c r="I794" s="353"/>
      <c r="J794" s="353"/>
    </row>
    <row r="795" spans="6:10" x14ac:dyDescent="0.2">
      <c r="F795" s="353"/>
      <c r="G795" s="353"/>
      <c r="H795" s="353"/>
      <c r="I795" s="353"/>
      <c r="J795" s="353"/>
    </row>
    <row r="796" spans="6:10" x14ac:dyDescent="0.2">
      <c r="F796" s="353"/>
      <c r="G796" s="353"/>
      <c r="H796" s="353"/>
      <c r="I796" s="353"/>
      <c r="J796" s="353"/>
    </row>
    <row r="797" spans="6:10" x14ac:dyDescent="0.2">
      <c r="F797" s="353"/>
      <c r="G797" s="353"/>
      <c r="H797" s="353"/>
      <c r="I797" s="353"/>
      <c r="J797" s="353"/>
    </row>
    <row r="798" spans="6:10" x14ac:dyDescent="0.2">
      <c r="F798" s="353"/>
      <c r="G798" s="353"/>
      <c r="H798" s="353"/>
      <c r="I798" s="353"/>
      <c r="J798" s="353"/>
    </row>
    <row r="799" spans="6:10" x14ac:dyDescent="0.2">
      <c r="F799" s="353"/>
      <c r="G799" s="353"/>
      <c r="H799" s="353"/>
      <c r="I799" s="353"/>
      <c r="J799" s="353"/>
    </row>
    <row r="800" spans="6:10" x14ac:dyDescent="0.2">
      <c r="F800" s="353"/>
      <c r="G800" s="353"/>
      <c r="H800" s="353"/>
      <c r="I800" s="353"/>
      <c r="J800" s="353"/>
    </row>
    <row r="801" spans="6:10" x14ac:dyDescent="0.2">
      <c r="F801" s="353"/>
      <c r="G801" s="353"/>
      <c r="H801" s="353"/>
      <c r="I801" s="353"/>
      <c r="J801" s="353"/>
    </row>
    <row r="802" spans="6:10" x14ac:dyDescent="0.2">
      <c r="F802" s="353"/>
      <c r="G802" s="353"/>
      <c r="H802" s="353"/>
      <c r="I802" s="353"/>
      <c r="J802" s="353"/>
    </row>
    <row r="803" spans="6:10" x14ac:dyDescent="0.2">
      <c r="F803" s="353"/>
      <c r="G803" s="353"/>
      <c r="H803" s="353"/>
      <c r="I803" s="353"/>
      <c r="J803" s="353"/>
    </row>
    <row r="804" spans="6:10" x14ac:dyDescent="0.2">
      <c r="F804" s="353"/>
      <c r="G804" s="353"/>
      <c r="H804" s="353"/>
      <c r="I804" s="353"/>
      <c r="J804" s="353"/>
    </row>
    <row r="805" spans="6:10" x14ac:dyDescent="0.2">
      <c r="F805" s="353"/>
      <c r="G805" s="353"/>
      <c r="H805" s="353"/>
      <c r="I805" s="353"/>
      <c r="J805" s="353"/>
    </row>
    <row r="806" spans="6:10" x14ac:dyDescent="0.2">
      <c r="F806" s="353"/>
      <c r="G806" s="353"/>
      <c r="H806" s="353"/>
      <c r="I806" s="353"/>
      <c r="J806" s="353"/>
    </row>
    <row r="807" spans="6:10" x14ac:dyDescent="0.2">
      <c r="F807" s="353"/>
      <c r="G807" s="353"/>
      <c r="H807" s="353"/>
      <c r="I807" s="353"/>
      <c r="J807" s="353"/>
    </row>
    <row r="808" spans="6:10" x14ac:dyDescent="0.2">
      <c r="F808" s="353"/>
      <c r="G808" s="353"/>
      <c r="H808" s="353"/>
      <c r="I808" s="353"/>
      <c r="J808" s="353"/>
    </row>
    <row r="809" spans="6:10" x14ac:dyDescent="0.2">
      <c r="F809" s="353"/>
      <c r="G809" s="353"/>
      <c r="H809" s="353"/>
      <c r="I809" s="353"/>
      <c r="J809" s="353"/>
    </row>
    <row r="810" spans="6:10" x14ac:dyDescent="0.2">
      <c r="F810" s="353"/>
      <c r="G810" s="353"/>
      <c r="H810" s="353"/>
      <c r="I810" s="353"/>
      <c r="J810" s="353"/>
    </row>
    <row r="811" spans="6:10" x14ac:dyDescent="0.2">
      <c r="F811" s="353"/>
      <c r="G811" s="353"/>
      <c r="H811" s="353"/>
      <c r="I811" s="353"/>
      <c r="J811" s="353"/>
    </row>
    <row r="812" spans="6:10" x14ac:dyDescent="0.2">
      <c r="F812" s="353"/>
      <c r="G812" s="353"/>
      <c r="H812" s="353"/>
      <c r="I812" s="353"/>
      <c r="J812" s="353"/>
    </row>
    <row r="813" spans="6:10" x14ac:dyDescent="0.2">
      <c r="F813" s="353"/>
      <c r="G813" s="353"/>
      <c r="H813" s="353"/>
      <c r="I813" s="353"/>
      <c r="J813" s="353"/>
    </row>
    <row r="814" spans="6:10" x14ac:dyDescent="0.2">
      <c r="F814" s="353"/>
      <c r="G814" s="353"/>
      <c r="H814" s="353"/>
      <c r="I814" s="353"/>
      <c r="J814" s="353"/>
    </row>
    <row r="815" spans="6:10" x14ac:dyDescent="0.2">
      <c r="F815" s="353"/>
      <c r="G815" s="353"/>
      <c r="H815" s="353"/>
      <c r="I815" s="353"/>
      <c r="J815" s="353"/>
    </row>
    <row r="816" spans="6:10" x14ac:dyDescent="0.2">
      <c r="F816" s="353"/>
      <c r="G816" s="353"/>
      <c r="H816" s="353"/>
      <c r="I816" s="353"/>
      <c r="J816" s="353"/>
    </row>
    <row r="817" spans="6:10" x14ac:dyDescent="0.2">
      <c r="F817" s="353"/>
      <c r="G817" s="353"/>
      <c r="H817" s="353"/>
      <c r="I817" s="353"/>
      <c r="J817" s="353"/>
    </row>
    <row r="818" spans="6:10" x14ac:dyDescent="0.2">
      <c r="F818" s="353"/>
      <c r="G818" s="353"/>
      <c r="H818" s="353"/>
      <c r="I818" s="353"/>
      <c r="J818" s="353"/>
    </row>
    <row r="819" spans="6:10" x14ac:dyDescent="0.2">
      <c r="F819" s="353"/>
      <c r="G819" s="353"/>
      <c r="H819" s="353"/>
      <c r="I819" s="353"/>
      <c r="J819" s="353"/>
    </row>
    <row r="820" spans="6:10" x14ac:dyDescent="0.2">
      <c r="F820" s="353"/>
      <c r="G820" s="353"/>
      <c r="H820" s="353"/>
      <c r="I820" s="353"/>
      <c r="J820" s="353"/>
    </row>
    <row r="821" spans="6:10" x14ac:dyDescent="0.2">
      <c r="F821" s="353"/>
      <c r="G821" s="353"/>
      <c r="H821" s="353"/>
      <c r="I821" s="353"/>
      <c r="J821" s="353"/>
    </row>
    <row r="822" spans="6:10" x14ac:dyDescent="0.2">
      <c r="F822" s="353"/>
      <c r="G822" s="353"/>
      <c r="H822" s="353"/>
      <c r="I822" s="353"/>
      <c r="J822" s="353"/>
    </row>
    <row r="823" spans="6:10" x14ac:dyDescent="0.2">
      <c r="F823" s="353"/>
      <c r="G823" s="353"/>
      <c r="H823" s="353"/>
      <c r="I823" s="353"/>
      <c r="J823" s="353"/>
    </row>
    <row r="824" spans="6:10" x14ac:dyDescent="0.2">
      <c r="F824" s="353"/>
      <c r="G824" s="353"/>
      <c r="H824" s="353"/>
      <c r="I824" s="353"/>
      <c r="J824" s="353"/>
    </row>
    <row r="825" spans="6:10" x14ac:dyDescent="0.2">
      <c r="F825" s="353"/>
      <c r="G825" s="353"/>
      <c r="H825" s="353"/>
      <c r="I825" s="353"/>
      <c r="J825" s="353"/>
    </row>
    <row r="826" spans="6:10" x14ac:dyDescent="0.2">
      <c r="F826" s="353"/>
      <c r="G826" s="353"/>
      <c r="H826" s="353"/>
      <c r="I826" s="353"/>
      <c r="J826" s="353"/>
    </row>
    <row r="827" spans="6:10" x14ac:dyDescent="0.2">
      <c r="F827" s="353"/>
      <c r="G827" s="353"/>
      <c r="H827" s="353"/>
      <c r="I827" s="353"/>
      <c r="J827" s="353"/>
    </row>
    <row r="828" spans="6:10" x14ac:dyDescent="0.2">
      <c r="F828" s="353"/>
      <c r="G828" s="353"/>
      <c r="H828" s="353"/>
      <c r="I828" s="353"/>
      <c r="J828" s="353"/>
    </row>
    <row r="829" spans="6:10" x14ac:dyDescent="0.2">
      <c r="F829" s="353"/>
      <c r="G829" s="353"/>
      <c r="H829" s="353"/>
      <c r="I829" s="353"/>
      <c r="J829" s="353"/>
    </row>
    <row r="830" spans="6:10" x14ac:dyDescent="0.2">
      <c r="F830" s="353"/>
      <c r="G830" s="353"/>
      <c r="H830" s="353"/>
      <c r="I830" s="353"/>
      <c r="J830" s="353"/>
    </row>
    <row r="831" spans="6:10" x14ac:dyDescent="0.2">
      <c r="F831" s="353"/>
      <c r="G831" s="353"/>
      <c r="H831" s="353"/>
      <c r="I831" s="353"/>
      <c r="J831" s="353"/>
    </row>
    <row r="832" spans="6:10" x14ac:dyDescent="0.2">
      <c r="F832" s="353"/>
      <c r="G832" s="353"/>
      <c r="H832" s="353"/>
      <c r="I832" s="353"/>
      <c r="J832" s="353"/>
    </row>
    <row r="833" spans="6:10" x14ac:dyDescent="0.2">
      <c r="F833" s="353"/>
      <c r="G833" s="353"/>
      <c r="H833" s="353"/>
      <c r="I833" s="353"/>
      <c r="J833" s="353"/>
    </row>
    <row r="834" spans="6:10" x14ac:dyDescent="0.2">
      <c r="F834" s="353"/>
      <c r="G834" s="353"/>
      <c r="H834" s="353"/>
      <c r="I834" s="353"/>
      <c r="J834" s="353"/>
    </row>
    <row r="835" spans="6:10" x14ac:dyDescent="0.2">
      <c r="F835" s="353"/>
      <c r="G835" s="353"/>
      <c r="H835" s="353"/>
      <c r="I835" s="353"/>
      <c r="J835" s="353"/>
    </row>
    <row r="836" spans="6:10" x14ac:dyDescent="0.2">
      <c r="F836" s="353"/>
      <c r="G836" s="353"/>
      <c r="H836" s="353"/>
      <c r="I836" s="353"/>
      <c r="J836" s="353"/>
    </row>
    <row r="837" spans="6:10" x14ac:dyDescent="0.2">
      <c r="F837" s="353"/>
      <c r="G837" s="353"/>
      <c r="H837" s="353"/>
      <c r="I837" s="353"/>
      <c r="J837" s="353"/>
    </row>
    <row r="838" spans="6:10" x14ac:dyDescent="0.2">
      <c r="F838" s="353"/>
      <c r="G838" s="353"/>
      <c r="H838" s="353"/>
      <c r="I838" s="353"/>
      <c r="J838" s="353"/>
    </row>
    <row r="839" spans="6:10" x14ac:dyDescent="0.2">
      <c r="F839" s="353"/>
      <c r="G839" s="353"/>
      <c r="H839" s="353"/>
      <c r="I839" s="353"/>
      <c r="J839" s="353"/>
    </row>
    <row r="840" spans="6:10" x14ac:dyDescent="0.2">
      <c r="F840" s="353"/>
      <c r="G840" s="353"/>
      <c r="H840" s="353"/>
      <c r="I840" s="353"/>
      <c r="J840" s="353"/>
    </row>
    <row r="841" spans="6:10" x14ac:dyDescent="0.2">
      <c r="F841" s="353"/>
      <c r="G841" s="353"/>
      <c r="H841" s="353"/>
      <c r="I841" s="353"/>
      <c r="J841" s="353"/>
    </row>
    <row r="842" spans="6:10" x14ac:dyDescent="0.2">
      <c r="F842" s="353"/>
      <c r="G842" s="353"/>
      <c r="H842" s="353"/>
      <c r="I842" s="353"/>
      <c r="J842" s="353"/>
    </row>
    <row r="843" spans="6:10" x14ac:dyDescent="0.2">
      <c r="F843" s="353"/>
      <c r="G843" s="353"/>
      <c r="H843" s="353"/>
      <c r="I843" s="353"/>
      <c r="J843" s="353"/>
    </row>
    <row r="844" spans="6:10" x14ac:dyDescent="0.2">
      <c r="F844" s="353"/>
      <c r="G844" s="353"/>
      <c r="H844" s="353"/>
      <c r="I844" s="353"/>
      <c r="J844" s="353"/>
    </row>
    <row r="845" spans="6:10" x14ac:dyDescent="0.2">
      <c r="F845" s="353"/>
      <c r="G845" s="353"/>
      <c r="H845" s="353"/>
      <c r="I845" s="353"/>
      <c r="J845" s="353"/>
    </row>
    <row r="846" spans="6:10" x14ac:dyDescent="0.2">
      <c r="F846" s="353"/>
      <c r="G846" s="353"/>
      <c r="H846" s="353"/>
      <c r="I846" s="353"/>
      <c r="J846" s="353"/>
    </row>
    <row r="847" spans="6:10" x14ac:dyDescent="0.2">
      <c r="F847" s="353"/>
      <c r="G847" s="353"/>
      <c r="H847" s="353"/>
      <c r="I847" s="353"/>
      <c r="J847" s="353"/>
    </row>
    <row r="848" spans="6:10" x14ac:dyDescent="0.2">
      <c r="F848" s="353"/>
      <c r="G848" s="353"/>
      <c r="H848" s="353"/>
      <c r="I848" s="353"/>
      <c r="J848" s="353"/>
    </row>
    <row r="849" spans="6:10" x14ac:dyDescent="0.2">
      <c r="F849" s="353"/>
      <c r="G849" s="353"/>
      <c r="H849" s="353"/>
      <c r="I849" s="353"/>
      <c r="J849" s="353"/>
    </row>
    <row r="850" spans="6:10" x14ac:dyDescent="0.2">
      <c r="F850" s="353"/>
      <c r="G850" s="353"/>
      <c r="H850" s="353"/>
      <c r="I850" s="353"/>
      <c r="J850" s="353"/>
    </row>
    <row r="851" spans="6:10" x14ac:dyDescent="0.2">
      <c r="F851" s="353"/>
      <c r="G851" s="353"/>
      <c r="H851" s="353"/>
      <c r="I851" s="353"/>
      <c r="J851" s="353"/>
    </row>
    <row r="852" spans="6:10" x14ac:dyDescent="0.2">
      <c r="F852" s="353"/>
      <c r="G852" s="353"/>
      <c r="H852" s="353"/>
      <c r="I852" s="353"/>
      <c r="J852" s="353"/>
    </row>
    <row r="853" spans="6:10" x14ac:dyDescent="0.2">
      <c r="F853" s="353"/>
      <c r="G853" s="353"/>
      <c r="H853" s="353"/>
      <c r="I853" s="353"/>
      <c r="J853" s="353"/>
    </row>
    <row r="854" spans="6:10" x14ac:dyDescent="0.2">
      <c r="F854" s="353"/>
      <c r="G854" s="353"/>
      <c r="H854" s="353"/>
      <c r="I854" s="353"/>
      <c r="J854" s="353"/>
    </row>
    <row r="855" spans="6:10" x14ac:dyDescent="0.2">
      <c r="F855" s="353"/>
      <c r="G855" s="353"/>
      <c r="H855" s="353"/>
      <c r="I855" s="353"/>
      <c r="J855" s="353"/>
    </row>
    <row r="856" spans="6:10" x14ac:dyDescent="0.2">
      <c r="F856" s="353"/>
      <c r="G856" s="353"/>
      <c r="H856" s="353"/>
      <c r="I856" s="353"/>
      <c r="J856" s="353"/>
    </row>
    <row r="857" spans="6:10" x14ac:dyDescent="0.2">
      <c r="F857" s="353"/>
      <c r="G857" s="353"/>
      <c r="H857" s="353"/>
      <c r="I857" s="353"/>
      <c r="J857" s="353"/>
    </row>
    <row r="858" spans="6:10" x14ac:dyDescent="0.2">
      <c r="F858" s="353"/>
      <c r="G858" s="353"/>
      <c r="H858" s="353"/>
      <c r="I858" s="353"/>
      <c r="J858" s="353"/>
    </row>
    <row r="859" spans="6:10" x14ac:dyDescent="0.2">
      <c r="F859" s="353"/>
      <c r="G859" s="353"/>
      <c r="H859" s="353"/>
      <c r="I859" s="353"/>
      <c r="J859" s="353"/>
    </row>
    <row r="860" spans="6:10" x14ac:dyDescent="0.2">
      <c r="F860" s="353"/>
      <c r="G860" s="353"/>
      <c r="H860" s="353"/>
      <c r="I860" s="353"/>
      <c r="J860" s="353"/>
    </row>
    <row r="861" spans="6:10" x14ac:dyDescent="0.2">
      <c r="F861" s="353"/>
      <c r="G861" s="353"/>
      <c r="H861" s="353"/>
      <c r="I861" s="353"/>
      <c r="J861" s="353"/>
    </row>
    <row r="862" spans="6:10" x14ac:dyDescent="0.2">
      <c r="F862" s="353"/>
      <c r="G862" s="353"/>
      <c r="H862" s="353"/>
      <c r="I862" s="353"/>
      <c r="J862" s="353"/>
    </row>
    <row r="863" spans="6:10" x14ac:dyDescent="0.2">
      <c r="F863" s="353"/>
      <c r="G863" s="353"/>
      <c r="H863" s="353"/>
      <c r="I863" s="353"/>
      <c r="J863" s="353"/>
    </row>
    <row r="864" spans="6:10" x14ac:dyDescent="0.2">
      <c r="F864" s="353"/>
      <c r="G864" s="353"/>
      <c r="H864" s="353"/>
      <c r="I864" s="353"/>
      <c r="J864" s="353"/>
    </row>
    <row r="865" spans="6:10" x14ac:dyDescent="0.2">
      <c r="F865" s="353"/>
      <c r="G865" s="353"/>
      <c r="H865" s="353"/>
      <c r="I865" s="353"/>
      <c r="J865" s="353"/>
    </row>
    <row r="866" spans="6:10" x14ac:dyDescent="0.2">
      <c r="F866" s="353"/>
      <c r="G866" s="353"/>
      <c r="H866" s="353"/>
      <c r="I866" s="353"/>
      <c r="J866" s="353"/>
    </row>
    <row r="867" spans="6:10" x14ac:dyDescent="0.2">
      <c r="F867" s="353"/>
      <c r="G867" s="353"/>
      <c r="H867" s="353"/>
      <c r="I867" s="353"/>
      <c r="J867" s="353"/>
    </row>
    <row r="868" spans="6:10" x14ac:dyDescent="0.2">
      <c r="F868" s="353"/>
      <c r="G868" s="353"/>
      <c r="H868" s="353"/>
      <c r="I868" s="353"/>
      <c r="J868" s="353"/>
    </row>
    <row r="869" spans="6:10" x14ac:dyDescent="0.2">
      <c r="F869" s="353"/>
      <c r="G869" s="353"/>
      <c r="H869" s="353"/>
      <c r="I869" s="353"/>
      <c r="J869" s="353"/>
    </row>
    <row r="870" spans="6:10" x14ac:dyDescent="0.2">
      <c r="F870" s="353"/>
      <c r="G870" s="353"/>
      <c r="H870" s="353"/>
      <c r="I870" s="353"/>
      <c r="J870" s="353"/>
    </row>
    <row r="871" spans="6:10" x14ac:dyDescent="0.2">
      <c r="F871" s="353"/>
      <c r="G871" s="353"/>
      <c r="H871" s="353"/>
      <c r="I871" s="353"/>
      <c r="J871" s="353"/>
    </row>
    <row r="872" spans="6:10" x14ac:dyDescent="0.2">
      <c r="F872" s="353"/>
      <c r="G872" s="353"/>
      <c r="H872" s="353"/>
      <c r="I872" s="353"/>
      <c r="J872" s="353"/>
    </row>
    <row r="873" spans="6:10" x14ac:dyDescent="0.2">
      <c r="F873" s="353"/>
      <c r="G873" s="353"/>
      <c r="H873" s="353"/>
      <c r="I873" s="353"/>
      <c r="J873" s="353"/>
    </row>
    <row r="874" spans="6:10" x14ac:dyDescent="0.2">
      <c r="F874" s="353"/>
      <c r="G874" s="353"/>
      <c r="H874" s="353"/>
      <c r="I874" s="353"/>
      <c r="J874" s="353"/>
    </row>
    <row r="875" spans="6:10" x14ac:dyDescent="0.2">
      <c r="F875" s="353"/>
      <c r="G875" s="353"/>
      <c r="H875" s="353"/>
      <c r="I875" s="353"/>
      <c r="J875" s="353"/>
    </row>
    <row r="876" spans="6:10" x14ac:dyDescent="0.2">
      <c r="F876" s="353"/>
      <c r="G876" s="353"/>
      <c r="H876" s="353"/>
      <c r="I876" s="353"/>
      <c r="J876" s="353"/>
    </row>
    <row r="877" spans="6:10" x14ac:dyDescent="0.2">
      <c r="F877" s="353"/>
      <c r="G877" s="353"/>
      <c r="H877" s="353"/>
      <c r="I877" s="353"/>
      <c r="J877" s="353"/>
    </row>
    <row r="878" spans="6:10" x14ac:dyDescent="0.2">
      <c r="F878" s="353"/>
      <c r="G878" s="353"/>
      <c r="H878" s="353"/>
      <c r="I878" s="353"/>
      <c r="J878" s="353"/>
    </row>
    <row r="879" spans="6:10" x14ac:dyDescent="0.2">
      <c r="F879" s="353"/>
      <c r="G879" s="353"/>
      <c r="H879" s="353"/>
      <c r="I879" s="353"/>
      <c r="J879" s="353"/>
    </row>
    <row r="880" spans="6:10" x14ac:dyDescent="0.2">
      <c r="F880" s="353"/>
      <c r="G880" s="353"/>
      <c r="H880" s="353"/>
      <c r="I880" s="353"/>
      <c r="J880" s="353"/>
    </row>
    <row r="881" spans="6:10" x14ac:dyDescent="0.2">
      <c r="F881" s="353"/>
      <c r="G881" s="353"/>
      <c r="H881" s="353"/>
      <c r="I881" s="353"/>
      <c r="J881" s="353"/>
    </row>
    <row r="882" spans="6:10" x14ac:dyDescent="0.2">
      <c r="F882" s="353"/>
      <c r="G882" s="353"/>
      <c r="H882" s="353"/>
      <c r="I882" s="353"/>
      <c r="J882" s="353"/>
    </row>
    <row r="883" spans="6:10" x14ac:dyDescent="0.2">
      <c r="F883" s="353"/>
      <c r="G883" s="353"/>
      <c r="H883" s="353"/>
      <c r="I883" s="353"/>
      <c r="J883" s="353"/>
    </row>
    <row r="884" spans="6:10" x14ac:dyDescent="0.2">
      <c r="F884" s="353"/>
      <c r="G884" s="353"/>
      <c r="H884" s="353"/>
      <c r="I884" s="353"/>
      <c r="J884" s="353"/>
    </row>
    <row r="885" spans="6:10" x14ac:dyDescent="0.2">
      <c r="F885" s="353"/>
      <c r="G885" s="353"/>
      <c r="H885" s="353"/>
      <c r="I885" s="353"/>
      <c r="J885" s="353"/>
    </row>
    <row r="886" spans="6:10" x14ac:dyDescent="0.2">
      <c r="F886" s="353"/>
      <c r="G886" s="353"/>
      <c r="H886" s="353"/>
      <c r="I886" s="353"/>
      <c r="J886" s="353"/>
    </row>
    <row r="887" spans="6:10" x14ac:dyDescent="0.2">
      <c r="F887" s="353"/>
      <c r="G887" s="353"/>
      <c r="H887" s="353"/>
      <c r="I887" s="353"/>
      <c r="J887" s="353"/>
    </row>
    <row r="888" spans="6:10" x14ac:dyDescent="0.2">
      <c r="F888" s="353"/>
      <c r="G888" s="353"/>
      <c r="H888" s="353"/>
      <c r="I888" s="353"/>
      <c r="J888" s="353"/>
    </row>
    <row r="889" spans="6:10" x14ac:dyDescent="0.2">
      <c r="F889" s="353"/>
      <c r="G889" s="353"/>
      <c r="H889" s="353"/>
      <c r="I889" s="353"/>
      <c r="J889" s="353"/>
    </row>
    <row r="890" spans="6:10" x14ac:dyDescent="0.2">
      <c r="F890" s="353"/>
      <c r="G890" s="353"/>
      <c r="H890" s="353"/>
      <c r="I890" s="353"/>
      <c r="J890" s="353"/>
    </row>
    <row r="891" spans="6:10" x14ac:dyDescent="0.2">
      <c r="F891" s="353"/>
      <c r="G891" s="353"/>
      <c r="H891" s="353"/>
      <c r="I891" s="353"/>
      <c r="J891" s="353"/>
    </row>
    <row r="892" spans="6:10" x14ac:dyDescent="0.2">
      <c r="F892" s="353"/>
      <c r="G892" s="353"/>
      <c r="H892" s="353"/>
      <c r="I892" s="353"/>
      <c r="J892" s="353"/>
    </row>
    <row r="893" spans="6:10" x14ac:dyDescent="0.2">
      <c r="F893" s="353"/>
      <c r="G893" s="353"/>
      <c r="H893" s="353"/>
      <c r="I893" s="353"/>
      <c r="J893" s="353"/>
    </row>
    <row r="894" spans="6:10" x14ac:dyDescent="0.2">
      <c r="F894" s="353"/>
      <c r="G894" s="353"/>
      <c r="H894" s="353"/>
      <c r="I894" s="353"/>
      <c r="J894" s="353"/>
    </row>
    <row r="895" spans="6:10" x14ac:dyDescent="0.2">
      <c r="F895" s="353"/>
      <c r="G895" s="353"/>
      <c r="H895" s="353"/>
      <c r="I895" s="353"/>
      <c r="J895" s="353"/>
    </row>
    <row r="896" spans="6:10" x14ac:dyDescent="0.2">
      <c r="F896" s="353"/>
      <c r="G896" s="353"/>
      <c r="H896" s="353"/>
      <c r="I896" s="353"/>
      <c r="J896" s="353"/>
    </row>
    <row r="897" spans="6:10" x14ac:dyDescent="0.2">
      <c r="F897" s="353"/>
      <c r="G897" s="353"/>
      <c r="H897" s="353"/>
      <c r="I897" s="353"/>
      <c r="J897" s="353"/>
    </row>
    <row r="898" spans="6:10" x14ac:dyDescent="0.2">
      <c r="F898" s="353"/>
      <c r="G898" s="353"/>
      <c r="H898" s="353"/>
      <c r="I898" s="353"/>
      <c r="J898" s="353"/>
    </row>
    <row r="899" spans="6:10" x14ac:dyDescent="0.2">
      <c r="F899" s="353"/>
      <c r="G899" s="353"/>
      <c r="H899" s="353"/>
      <c r="I899" s="353"/>
      <c r="J899" s="353"/>
    </row>
    <row r="900" spans="6:10" x14ac:dyDescent="0.2">
      <c r="F900" s="353"/>
      <c r="G900" s="353"/>
      <c r="H900" s="353"/>
      <c r="I900" s="353"/>
      <c r="J900" s="353"/>
    </row>
    <row r="901" spans="6:10" x14ac:dyDescent="0.2">
      <c r="F901" s="353"/>
      <c r="G901" s="353"/>
      <c r="H901" s="353"/>
      <c r="I901" s="353"/>
      <c r="J901" s="353"/>
    </row>
    <row r="902" spans="6:10" x14ac:dyDescent="0.2">
      <c r="F902" s="353"/>
      <c r="G902" s="353"/>
      <c r="H902" s="353"/>
      <c r="I902" s="353"/>
      <c r="J902" s="353"/>
    </row>
    <row r="903" spans="6:10" x14ac:dyDescent="0.2">
      <c r="F903" s="353"/>
      <c r="G903" s="353"/>
      <c r="H903" s="353"/>
      <c r="I903" s="353"/>
      <c r="J903" s="353"/>
    </row>
    <row r="904" spans="6:10" x14ac:dyDescent="0.2">
      <c r="F904" s="353"/>
      <c r="G904" s="353"/>
      <c r="H904" s="353"/>
      <c r="I904" s="353"/>
      <c r="J904" s="353"/>
    </row>
    <row r="905" spans="6:10" x14ac:dyDescent="0.2">
      <c r="F905" s="353"/>
      <c r="G905" s="353"/>
      <c r="H905" s="353"/>
      <c r="I905" s="353"/>
      <c r="J905" s="353"/>
    </row>
    <row r="906" spans="6:10" x14ac:dyDescent="0.2">
      <c r="F906" s="353"/>
      <c r="G906" s="353"/>
      <c r="H906" s="353"/>
      <c r="I906" s="353"/>
      <c r="J906" s="353"/>
    </row>
    <row r="907" spans="6:10" x14ac:dyDescent="0.2">
      <c r="F907" s="353"/>
      <c r="G907" s="353"/>
      <c r="H907" s="353"/>
      <c r="I907" s="353"/>
      <c r="J907" s="353"/>
    </row>
    <row r="908" spans="6:10" x14ac:dyDescent="0.2">
      <c r="F908" s="353"/>
      <c r="G908" s="353"/>
      <c r="H908" s="353"/>
      <c r="I908" s="353"/>
      <c r="J908" s="353"/>
    </row>
    <row r="909" spans="6:10" x14ac:dyDescent="0.2">
      <c r="F909" s="353"/>
      <c r="G909" s="353"/>
      <c r="H909" s="353"/>
      <c r="I909" s="353"/>
      <c r="J909" s="353"/>
    </row>
    <row r="910" spans="6:10" x14ac:dyDescent="0.2">
      <c r="F910" s="353"/>
      <c r="G910" s="353"/>
      <c r="H910" s="353"/>
      <c r="I910" s="353"/>
      <c r="J910" s="353"/>
    </row>
    <row r="911" spans="6:10" x14ac:dyDescent="0.2">
      <c r="F911" s="353"/>
      <c r="G911" s="353"/>
      <c r="H911" s="353"/>
      <c r="I911" s="353"/>
      <c r="J911" s="353"/>
    </row>
    <row r="912" spans="6:10" x14ac:dyDescent="0.2">
      <c r="F912" s="353"/>
      <c r="G912" s="353"/>
      <c r="H912" s="353"/>
      <c r="I912" s="353"/>
      <c r="J912" s="353"/>
    </row>
    <row r="913" spans="6:10" x14ac:dyDescent="0.2">
      <c r="F913" s="353"/>
      <c r="G913" s="353"/>
      <c r="H913" s="353"/>
      <c r="I913" s="353"/>
      <c r="J913" s="353"/>
    </row>
    <row r="914" spans="6:10" x14ac:dyDescent="0.2">
      <c r="F914" s="353"/>
      <c r="G914" s="353"/>
      <c r="H914" s="353"/>
      <c r="I914" s="353"/>
      <c r="J914" s="353"/>
    </row>
    <row r="915" spans="6:10" x14ac:dyDescent="0.2">
      <c r="F915" s="353"/>
      <c r="G915" s="353"/>
      <c r="H915" s="353"/>
      <c r="I915" s="353"/>
      <c r="J915" s="353"/>
    </row>
    <row r="916" spans="6:10" x14ac:dyDescent="0.2">
      <c r="F916" s="353"/>
      <c r="G916" s="353"/>
      <c r="H916" s="353"/>
      <c r="I916" s="353"/>
      <c r="J916" s="353"/>
    </row>
    <row r="917" spans="6:10" x14ac:dyDescent="0.2">
      <c r="F917" s="353"/>
      <c r="G917" s="353"/>
      <c r="H917" s="353"/>
      <c r="I917" s="353"/>
      <c r="J917" s="353"/>
    </row>
    <row r="918" spans="6:10" x14ac:dyDescent="0.2">
      <c r="F918" s="353"/>
      <c r="G918" s="353"/>
      <c r="H918" s="353"/>
      <c r="I918" s="353"/>
      <c r="J918" s="353"/>
    </row>
    <row r="919" spans="6:10" x14ac:dyDescent="0.2">
      <c r="F919" s="353"/>
      <c r="G919" s="353"/>
      <c r="H919" s="353"/>
      <c r="I919" s="353"/>
      <c r="J919" s="353"/>
    </row>
    <row r="920" spans="6:10" x14ac:dyDescent="0.2">
      <c r="F920" s="353"/>
      <c r="G920" s="353"/>
      <c r="H920" s="353"/>
      <c r="I920" s="353"/>
      <c r="J920" s="353"/>
    </row>
    <row r="921" spans="6:10" x14ac:dyDescent="0.2">
      <c r="F921" s="353"/>
      <c r="G921" s="353"/>
      <c r="H921" s="353"/>
      <c r="I921" s="353"/>
      <c r="J921" s="353"/>
    </row>
    <row r="922" spans="6:10" x14ac:dyDescent="0.2">
      <c r="F922" s="353"/>
      <c r="G922" s="353"/>
      <c r="H922" s="353"/>
      <c r="I922" s="353"/>
      <c r="J922" s="353"/>
    </row>
    <row r="923" spans="6:10" x14ac:dyDescent="0.2">
      <c r="F923" s="353"/>
      <c r="G923" s="353"/>
      <c r="H923" s="353"/>
      <c r="I923" s="353"/>
      <c r="J923" s="353"/>
    </row>
    <row r="924" spans="6:10" x14ac:dyDescent="0.2">
      <c r="F924" s="353"/>
      <c r="G924" s="353"/>
      <c r="H924" s="353"/>
      <c r="I924" s="353"/>
      <c r="J924" s="353"/>
    </row>
    <row r="925" spans="6:10" x14ac:dyDescent="0.2">
      <c r="F925" s="353"/>
      <c r="G925" s="353"/>
      <c r="H925" s="353"/>
      <c r="I925" s="353"/>
      <c r="J925" s="353"/>
    </row>
    <row r="926" spans="6:10" x14ac:dyDescent="0.2">
      <c r="F926" s="353"/>
      <c r="G926" s="353"/>
      <c r="H926" s="353"/>
      <c r="I926" s="353"/>
      <c r="J926" s="353"/>
    </row>
    <row r="927" spans="6:10" x14ac:dyDescent="0.2">
      <c r="F927" s="353"/>
      <c r="G927" s="353"/>
      <c r="H927" s="353"/>
      <c r="I927" s="353"/>
      <c r="J927" s="353"/>
    </row>
    <row r="928" spans="6:10" x14ac:dyDescent="0.2">
      <c r="F928" s="353"/>
      <c r="G928" s="353"/>
      <c r="H928" s="353"/>
      <c r="I928" s="353"/>
      <c r="J928" s="353"/>
    </row>
    <row r="929" spans="6:10" x14ac:dyDescent="0.2">
      <c r="F929" s="353"/>
      <c r="G929" s="353"/>
      <c r="H929" s="353"/>
      <c r="I929" s="353"/>
      <c r="J929" s="353"/>
    </row>
    <row r="930" spans="6:10" x14ac:dyDescent="0.2">
      <c r="F930" s="353"/>
      <c r="G930" s="353"/>
      <c r="H930" s="353"/>
      <c r="I930" s="353"/>
      <c r="J930" s="353"/>
    </row>
    <row r="931" spans="6:10" x14ac:dyDescent="0.2">
      <c r="F931" s="353"/>
      <c r="G931" s="353"/>
      <c r="H931" s="353"/>
      <c r="I931" s="353"/>
      <c r="J931" s="353"/>
    </row>
    <row r="932" spans="6:10" x14ac:dyDescent="0.2">
      <c r="F932" s="353"/>
      <c r="G932" s="353"/>
      <c r="H932" s="353"/>
      <c r="I932" s="353"/>
      <c r="J932" s="353"/>
    </row>
    <row r="933" spans="6:10" x14ac:dyDescent="0.2">
      <c r="F933" s="353"/>
      <c r="G933" s="353"/>
      <c r="H933" s="353"/>
      <c r="I933" s="353"/>
      <c r="J933" s="353"/>
    </row>
    <row r="934" spans="6:10" x14ac:dyDescent="0.2">
      <c r="F934" s="353"/>
      <c r="G934" s="353"/>
      <c r="H934" s="353"/>
      <c r="I934" s="353"/>
      <c r="J934" s="353"/>
    </row>
    <row r="935" spans="6:10" x14ac:dyDescent="0.2">
      <c r="F935" s="353"/>
      <c r="G935" s="353"/>
      <c r="H935" s="353"/>
      <c r="I935" s="353"/>
      <c r="J935" s="353"/>
    </row>
    <row r="936" spans="6:10" x14ac:dyDescent="0.2">
      <c r="F936" s="353"/>
      <c r="G936" s="353"/>
      <c r="H936" s="353"/>
      <c r="I936" s="353"/>
      <c r="J936" s="353"/>
    </row>
    <row r="937" spans="6:10" x14ac:dyDescent="0.2">
      <c r="F937" s="353"/>
      <c r="G937" s="353"/>
      <c r="H937" s="353"/>
      <c r="I937" s="353"/>
      <c r="J937" s="353"/>
    </row>
    <row r="938" spans="6:10" x14ac:dyDescent="0.2">
      <c r="F938" s="353"/>
      <c r="G938" s="353"/>
      <c r="H938" s="353"/>
      <c r="I938" s="353"/>
      <c r="J938" s="353"/>
    </row>
    <row r="939" spans="6:10" x14ac:dyDescent="0.2">
      <c r="F939" s="353"/>
      <c r="G939" s="353"/>
      <c r="H939" s="353"/>
      <c r="I939" s="353"/>
      <c r="J939" s="353"/>
    </row>
    <row r="940" spans="6:10" x14ac:dyDescent="0.2">
      <c r="F940" s="353"/>
      <c r="G940" s="353"/>
      <c r="H940" s="353"/>
      <c r="I940" s="353"/>
      <c r="J940" s="353"/>
    </row>
    <row r="941" spans="6:10" x14ac:dyDescent="0.2">
      <c r="F941" s="353"/>
      <c r="G941" s="353"/>
      <c r="H941" s="353"/>
      <c r="I941" s="353"/>
      <c r="J941" s="353"/>
    </row>
    <row r="942" spans="6:10" x14ac:dyDescent="0.2">
      <c r="F942" s="353"/>
      <c r="G942" s="353"/>
      <c r="H942" s="353"/>
      <c r="I942" s="353"/>
      <c r="J942" s="353"/>
    </row>
    <row r="943" spans="6:10" x14ac:dyDescent="0.2">
      <c r="F943" s="353"/>
      <c r="G943" s="353"/>
      <c r="H943" s="353"/>
      <c r="I943" s="353"/>
      <c r="J943" s="353"/>
    </row>
    <row r="944" spans="6:10" x14ac:dyDescent="0.2">
      <c r="F944" s="353"/>
      <c r="G944" s="353"/>
      <c r="H944" s="353"/>
      <c r="I944" s="353"/>
      <c r="J944" s="353"/>
    </row>
    <row r="945" spans="6:10" x14ac:dyDescent="0.2">
      <c r="F945" s="353"/>
      <c r="G945" s="353"/>
      <c r="H945" s="353"/>
      <c r="I945" s="353"/>
      <c r="J945" s="353"/>
    </row>
    <row r="946" spans="6:10" x14ac:dyDescent="0.2">
      <c r="F946" s="353"/>
      <c r="G946" s="353"/>
      <c r="H946" s="353"/>
      <c r="I946" s="353"/>
      <c r="J946" s="353"/>
    </row>
    <row r="947" spans="6:10" x14ac:dyDescent="0.2">
      <c r="F947" s="353"/>
      <c r="G947" s="353"/>
      <c r="H947" s="353"/>
      <c r="I947" s="353"/>
      <c r="J947" s="353"/>
    </row>
    <row r="948" spans="6:10" x14ac:dyDescent="0.2">
      <c r="F948" s="353"/>
      <c r="G948" s="353"/>
      <c r="H948" s="353"/>
      <c r="I948" s="353"/>
      <c r="J948" s="353"/>
    </row>
    <row r="949" spans="6:10" x14ac:dyDescent="0.2">
      <c r="F949" s="353"/>
      <c r="G949" s="353"/>
      <c r="H949" s="353"/>
      <c r="I949" s="353"/>
      <c r="J949" s="353"/>
    </row>
    <row r="950" spans="6:10" x14ac:dyDescent="0.2">
      <c r="F950" s="353"/>
      <c r="G950" s="353"/>
      <c r="H950" s="353"/>
      <c r="I950" s="353"/>
      <c r="J950" s="353"/>
    </row>
    <row r="951" spans="6:10" x14ac:dyDescent="0.2">
      <c r="F951" s="353"/>
      <c r="G951" s="353"/>
      <c r="H951" s="353"/>
      <c r="I951" s="353"/>
      <c r="J951" s="353"/>
    </row>
    <row r="952" spans="6:10" x14ac:dyDescent="0.2">
      <c r="F952" s="353"/>
      <c r="G952" s="353"/>
      <c r="H952" s="353"/>
      <c r="I952" s="353"/>
      <c r="J952" s="353"/>
    </row>
    <row r="953" spans="6:10" x14ac:dyDescent="0.2">
      <c r="F953" s="353"/>
      <c r="G953" s="353"/>
      <c r="H953" s="353"/>
      <c r="I953" s="353"/>
      <c r="J953" s="353"/>
    </row>
    <row r="954" spans="6:10" x14ac:dyDescent="0.2">
      <c r="F954" s="353"/>
      <c r="G954" s="353"/>
      <c r="H954" s="353"/>
      <c r="I954" s="353"/>
      <c r="J954" s="353"/>
    </row>
    <row r="955" spans="6:10" x14ac:dyDescent="0.2">
      <c r="F955" s="353"/>
      <c r="G955" s="353"/>
      <c r="H955" s="353"/>
      <c r="I955" s="353"/>
      <c r="J955" s="353"/>
    </row>
    <row r="956" spans="6:10" x14ac:dyDescent="0.2">
      <c r="F956" s="353"/>
      <c r="G956" s="353"/>
      <c r="H956" s="353"/>
      <c r="I956" s="353"/>
      <c r="J956" s="353"/>
    </row>
    <row r="957" spans="6:10" x14ac:dyDescent="0.2">
      <c r="F957" s="353"/>
      <c r="G957" s="353"/>
      <c r="H957" s="353"/>
      <c r="I957" s="353"/>
      <c r="J957" s="353"/>
    </row>
    <row r="958" spans="6:10" x14ac:dyDescent="0.2">
      <c r="F958" s="353"/>
      <c r="G958" s="353"/>
      <c r="H958" s="353"/>
      <c r="I958" s="353"/>
      <c r="J958" s="353"/>
    </row>
    <row r="959" spans="6:10" x14ac:dyDescent="0.2">
      <c r="F959" s="353"/>
      <c r="G959" s="353"/>
      <c r="H959" s="353"/>
      <c r="I959" s="353"/>
      <c r="J959" s="353"/>
    </row>
    <row r="960" spans="6:10" x14ac:dyDescent="0.2">
      <c r="F960" s="353"/>
      <c r="G960" s="353"/>
      <c r="H960" s="353"/>
      <c r="I960" s="353"/>
      <c r="J960" s="353"/>
    </row>
    <row r="961" spans="6:10" x14ac:dyDescent="0.2">
      <c r="F961" s="353"/>
      <c r="G961" s="353"/>
      <c r="H961" s="353"/>
      <c r="I961" s="353"/>
      <c r="J961" s="353"/>
    </row>
    <row r="962" spans="6:10" x14ac:dyDescent="0.2">
      <c r="F962" s="353"/>
      <c r="G962" s="353"/>
      <c r="H962" s="353"/>
      <c r="I962" s="353"/>
      <c r="J962" s="353"/>
    </row>
    <row r="963" spans="6:10" x14ac:dyDescent="0.2">
      <c r="F963" s="353"/>
      <c r="G963" s="353"/>
      <c r="H963" s="353"/>
      <c r="I963" s="353"/>
      <c r="J963" s="353"/>
    </row>
    <row r="964" spans="6:10" x14ac:dyDescent="0.2">
      <c r="F964" s="353"/>
      <c r="G964" s="353"/>
      <c r="H964" s="353"/>
      <c r="I964" s="353"/>
      <c r="J964" s="353"/>
    </row>
    <row r="965" spans="6:10" x14ac:dyDescent="0.2">
      <c r="F965" s="353"/>
      <c r="G965" s="353"/>
      <c r="H965" s="353"/>
      <c r="I965" s="353"/>
      <c r="J965" s="353"/>
    </row>
    <row r="966" spans="6:10" x14ac:dyDescent="0.2">
      <c r="F966" s="353"/>
      <c r="G966" s="353"/>
      <c r="H966" s="353"/>
      <c r="I966" s="353"/>
      <c r="J966" s="353"/>
    </row>
    <row r="967" spans="6:10" x14ac:dyDescent="0.2">
      <c r="F967" s="353"/>
      <c r="G967" s="353"/>
      <c r="H967" s="353"/>
      <c r="I967" s="353"/>
      <c r="J967" s="353"/>
    </row>
    <row r="968" spans="6:10" x14ac:dyDescent="0.2">
      <c r="F968" s="353"/>
      <c r="G968" s="353"/>
      <c r="H968" s="353"/>
      <c r="I968" s="353"/>
      <c r="J968" s="353"/>
    </row>
    <row r="969" spans="6:10" x14ac:dyDescent="0.2">
      <c r="F969" s="353"/>
      <c r="G969" s="353"/>
      <c r="H969" s="353"/>
      <c r="I969" s="353"/>
      <c r="J969" s="353"/>
    </row>
    <row r="970" spans="6:10" x14ac:dyDescent="0.2">
      <c r="F970" s="353"/>
      <c r="G970" s="353"/>
      <c r="H970" s="353"/>
      <c r="I970" s="353"/>
      <c r="J970" s="353"/>
    </row>
    <row r="971" spans="6:10" x14ac:dyDescent="0.2">
      <c r="F971" s="353"/>
      <c r="G971" s="353"/>
      <c r="H971" s="353"/>
      <c r="I971" s="353"/>
      <c r="J971" s="353"/>
    </row>
    <row r="972" spans="6:10" x14ac:dyDescent="0.2">
      <c r="F972" s="353"/>
      <c r="G972" s="353"/>
      <c r="H972" s="353"/>
      <c r="I972" s="353"/>
      <c r="J972" s="353"/>
    </row>
    <row r="973" spans="6:10" x14ac:dyDescent="0.2">
      <c r="F973" s="353"/>
      <c r="G973" s="353"/>
      <c r="H973" s="353"/>
      <c r="I973" s="353"/>
      <c r="J973" s="353"/>
    </row>
    <row r="974" spans="6:10" x14ac:dyDescent="0.2">
      <c r="F974" s="353"/>
      <c r="G974" s="353"/>
      <c r="H974" s="353"/>
      <c r="I974" s="353"/>
      <c r="J974" s="353"/>
    </row>
    <row r="975" spans="6:10" x14ac:dyDescent="0.2">
      <c r="F975" s="353"/>
      <c r="G975" s="353"/>
      <c r="H975" s="353"/>
      <c r="I975" s="353"/>
      <c r="J975" s="353"/>
    </row>
    <row r="976" spans="6:10" x14ac:dyDescent="0.2">
      <c r="F976" s="353"/>
      <c r="G976" s="353"/>
      <c r="H976" s="353"/>
      <c r="I976" s="353"/>
      <c r="J976" s="353"/>
    </row>
    <row r="977" spans="6:10" x14ac:dyDescent="0.2">
      <c r="F977" s="353"/>
      <c r="G977" s="353"/>
      <c r="H977" s="353"/>
      <c r="I977" s="353"/>
      <c r="J977" s="353"/>
    </row>
    <row r="978" spans="6:10" x14ac:dyDescent="0.2">
      <c r="F978" s="353"/>
      <c r="G978" s="353"/>
      <c r="H978" s="353"/>
      <c r="I978" s="353"/>
      <c r="J978" s="353"/>
    </row>
    <row r="979" spans="6:10" x14ac:dyDescent="0.2">
      <c r="F979" s="353"/>
      <c r="G979" s="353"/>
      <c r="H979" s="353"/>
      <c r="I979" s="353"/>
      <c r="J979" s="353"/>
    </row>
    <row r="980" spans="6:10" x14ac:dyDescent="0.2">
      <c r="F980" s="353"/>
      <c r="G980" s="353"/>
      <c r="H980" s="353"/>
      <c r="I980" s="353"/>
      <c r="J980" s="353"/>
    </row>
    <row r="981" spans="6:10" x14ac:dyDescent="0.2">
      <c r="F981" s="353"/>
      <c r="G981" s="353"/>
      <c r="H981" s="353"/>
      <c r="I981" s="353"/>
      <c r="J981" s="353"/>
    </row>
    <row r="982" spans="6:10" x14ac:dyDescent="0.2">
      <c r="F982" s="353"/>
      <c r="G982" s="353"/>
      <c r="H982" s="353"/>
      <c r="I982" s="353"/>
      <c r="J982" s="353"/>
    </row>
    <row r="983" spans="6:10" x14ac:dyDescent="0.2">
      <c r="F983" s="353"/>
      <c r="G983" s="353"/>
      <c r="H983" s="353"/>
      <c r="I983" s="353"/>
      <c r="J983" s="353"/>
    </row>
    <row r="984" spans="6:10" x14ac:dyDescent="0.2">
      <c r="F984" s="353"/>
      <c r="G984" s="353"/>
      <c r="H984" s="353"/>
      <c r="I984" s="353"/>
      <c r="J984" s="353"/>
    </row>
    <row r="985" spans="6:10" x14ac:dyDescent="0.2">
      <c r="F985" s="353"/>
      <c r="G985" s="353"/>
      <c r="H985" s="353"/>
      <c r="I985" s="353"/>
      <c r="J985" s="353"/>
    </row>
    <row r="986" spans="6:10" x14ac:dyDescent="0.2">
      <c r="F986" s="353"/>
      <c r="G986" s="353"/>
      <c r="H986" s="353"/>
      <c r="I986" s="353"/>
      <c r="J986" s="353"/>
    </row>
    <row r="987" spans="6:10" x14ac:dyDescent="0.2">
      <c r="F987" s="353"/>
      <c r="G987" s="353"/>
      <c r="H987" s="353"/>
      <c r="I987" s="353"/>
      <c r="J987" s="353"/>
    </row>
    <row r="988" spans="6:10" x14ac:dyDescent="0.2">
      <c r="F988" s="353"/>
      <c r="G988" s="353"/>
      <c r="H988" s="353"/>
      <c r="I988" s="353"/>
      <c r="J988" s="353"/>
    </row>
    <row r="989" spans="6:10" x14ac:dyDescent="0.2">
      <c r="F989" s="353"/>
      <c r="G989" s="353"/>
      <c r="H989" s="353"/>
      <c r="I989" s="353"/>
      <c r="J989" s="353"/>
    </row>
    <row r="990" spans="6:10" x14ac:dyDescent="0.2">
      <c r="F990" s="353"/>
      <c r="G990" s="353"/>
      <c r="H990" s="353"/>
      <c r="I990" s="353"/>
      <c r="J990" s="353"/>
    </row>
    <row r="991" spans="6:10" x14ac:dyDescent="0.2">
      <c r="F991" s="353"/>
      <c r="G991" s="353"/>
      <c r="H991" s="353"/>
      <c r="I991" s="353"/>
      <c r="J991" s="353"/>
    </row>
    <row r="992" spans="6:10" x14ac:dyDescent="0.2">
      <c r="F992" s="353"/>
      <c r="G992" s="353"/>
      <c r="H992" s="353"/>
      <c r="I992" s="353"/>
      <c r="J992" s="353"/>
    </row>
    <row r="993" spans="6:10" x14ac:dyDescent="0.2">
      <c r="F993" s="353"/>
      <c r="G993" s="353"/>
      <c r="H993" s="353"/>
      <c r="I993" s="353"/>
      <c r="J993" s="353"/>
    </row>
    <row r="994" spans="6:10" x14ac:dyDescent="0.2">
      <c r="F994" s="353"/>
      <c r="G994" s="353"/>
      <c r="H994" s="353"/>
      <c r="I994" s="353"/>
      <c r="J994" s="353"/>
    </row>
    <row r="995" spans="6:10" x14ac:dyDescent="0.2">
      <c r="F995" s="353"/>
      <c r="G995" s="353"/>
      <c r="H995" s="353"/>
      <c r="I995" s="353"/>
      <c r="J995" s="353"/>
    </row>
    <row r="996" spans="6:10" x14ac:dyDescent="0.2">
      <c r="F996" s="353"/>
      <c r="G996" s="353"/>
      <c r="H996" s="353"/>
      <c r="I996" s="353"/>
      <c r="J996" s="353"/>
    </row>
    <row r="997" spans="6:10" x14ac:dyDescent="0.2">
      <c r="F997" s="353"/>
      <c r="G997" s="353"/>
      <c r="H997" s="353"/>
      <c r="I997" s="353"/>
      <c r="J997" s="353"/>
    </row>
    <row r="998" spans="6:10" x14ac:dyDescent="0.2">
      <c r="F998" s="353"/>
      <c r="G998" s="353"/>
      <c r="H998" s="353"/>
      <c r="I998" s="353"/>
      <c r="J998" s="353"/>
    </row>
    <row r="999" spans="6:10" x14ac:dyDescent="0.2">
      <c r="F999" s="353"/>
      <c r="G999" s="353"/>
      <c r="H999" s="353"/>
      <c r="I999" s="353"/>
      <c r="J999" s="353"/>
    </row>
    <row r="1000" spans="6:10" x14ac:dyDescent="0.2">
      <c r="F1000" s="353"/>
      <c r="G1000" s="353"/>
      <c r="H1000" s="353"/>
      <c r="I1000" s="353"/>
      <c r="J1000" s="353"/>
    </row>
    <row r="1001" spans="6:10" x14ac:dyDescent="0.2">
      <c r="F1001" s="353"/>
      <c r="G1001" s="353"/>
      <c r="H1001" s="353"/>
      <c r="I1001" s="353"/>
      <c r="J1001" s="353"/>
    </row>
    <row r="1002" spans="6:10" x14ac:dyDescent="0.2">
      <c r="F1002" s="353"/>
      <c r="G1002" s="353"/>
      <c r="H1002" s="353"/>
      <c r="I1002" s="353"/>
      <c r="J1002" s="353"/>
    </row>
    <row r="1003" spans="6:10" x14ac:dyDescent="0.2">
      <c r="F1003" s="353"/>
      <c r="G1003" s="353"/>
      <c r="H1003" s="353"/>
      <c r="I1003" s="353"/>
      <c r="J1003" s="353"/>
    </row>
    <row r="1004" spans="6:10" x14ac:dyDescent="0.2">
      <c r="F1004" s="353"/>
      <c r="G1004" s="353"/>
      <c r="H1004" s="353"/>
      <c r="I1004" s="353"/>
      <c r="J1004" s="353"/>
    </row>
    <row r="1005" spans="6:10" x14ac:dyDescent="0.2">
      <c r="F1005" s="353"/>
      <c r="G1005" s="353"/>
      <c r="H1005" s="353"/>
      <c r="I1005" s="353"/>
      <c r="J1005" s="353"/>
    </row>
    <row r="1006" spans="6:10" x14ac:dyDescent="0.2">
      <c r="F1006" s="353"/>
      <c r="G1006" s="353"/>
      <c r="H1006" s="353"/>
      <c r="I1006" s="353"/>
      <c r="J1006" s="353"/>
    </row>
    <row r="1007" spans="6:10" x14ac:dyDescent="0.2">
      <c r="F1007" s="353"/>
      <c r="G1007" s="353"/>
      <c r="H1007" s="353"/>
      <c r="I1007" s="353"/>
      <c r="J1007" s="353"/>
    </row>
    <row r="1008" spans="6:10" x14ac:dyDescent="0.2">
      <c r="F1008" s="353"/>
      <c r="G1008" s="353"/>
      <c r="H1008" s="353"/>
      <c r="I1008" s="353"/>
      <c r="J1008" s="353"/>
    </row>
    <row r="1009" spans="6:10" x14ac:dyDescent="0.2">
      <c r="F1009" s="353"/>
      <c r="G1009" s="353"/>
      <c r="H1009" s="353"/>
      <c r="I1009" s="353"/>
      <c r="J1009" s="353"/>
    </row>
    <row r="1010" spans="6:10" x14ac:dyDescent="0.2">
      <c r="F1010" s="353"/>
      <c r="G1010" s="353"/>
      <c r="H1010" s="353"/>
      <c r="I1010" s="353"/>
      <c r="J1010" s="353"/>
    </row>
    <row r="1011" spans="6:10" x14ac:dyDescent="0.2">
      <c r="F1011" s="353"/>
      <c r="G1011" s="353"/>
      <c r="H1011" s="353"/>
      <c r="I1011" s="353"/>
      <c r="J1011" s="353"/>
    </row>
    <row r="1012" spans="6:10" x14ac:dyDescent="0.2">
      <c r="F1012" s="353"/>
      <c r="G1012" s="353"/>
      <c r="H1012" s="353"/>
      <c r="I1012" s="353"/>
      <c r="J1012" s="353"/>
    </row>
    <row r="1013" spans="6:10" x14ac:dyDescent="0.2">
      <c r="F1013" s="353"/>
      <c r="G1013" s="353"/>
      <c r="H1013" s="353"/>
      <c r="I1013" s="353"/>
      <c r="J1013" s="353"/>
    </row>
    <row r="1014" spans="6:10" x14ac:dyDescent="0.2">
      <c r="F1014" s="353"/>
      <c r="G1014" s="353"/>
      <c r="H1014" s="353"/>
      <c r="I1014" s="353"/>
      <c r="J1014" s="353"/>
    </row>
    <row r="1015" spans="6:10" x14ac:dyDescent="0.2">
      <c r="F1015" s="353"/>
      <c r="G1015" s="353"/>
      <c r="H1015" s="353"/>
      <c r="I1015" s="353"/>
      <c r="J1015" s="353"/>
    </row>
    <row r="1016" spans="6:10" x14ac:dyDescent="0.2">
      <c r="F1016" s="353"/>
      <c r="G1016" s="353"/>
      <c r="H1016" s="353"/>
      <c r="I1016" s="353"/>
      <c r="J1016" s="353"/>
    </row>
    <row r="1017" spans="6:10" x14ac:dyDescent="0.2">
      <c r="F1017" s="353"/>
      <c r="G1017" s="353"/>
      <c r="H1017" s="353"/>
      <c r="I1017" s="353"/>
      <c r="J1017" s="353"/>
    </row>
    <row r="1018" spans="6:10" x14ac:dyDescent="0.2">
      <c r="F1018" s="353"/>
      <c r="G1018" s="353"/>
      <c r="H1018" s="353"/>
      <c r="I1018" s="353"/>
      <c r="J1018" s="353"/>
    </row>
    <row r="1019" spans="6:10" x14ac:dyDescent="0.2">
      <c r="F1019" s="353"/>
      <c r="G1019" s="353"/>
      <c r="H1019" s="353"/>
      <c r="I1019" s="353"/>
      <c r="J1019" s="353"/>
    </row>
    <row r="1020" spans="6:10" x14ac:dyDescent="0.2">
      <c r="F1020" s="353"/>
      <c r="G1020" s="353"/>
      <c r="H1020" s="353"/>
      <c r="I1020" s="353"/>
      <c r="J1020" s="353"/>
    </row>
    <row r="1021" spans="6:10" x14ac:dyDescent="0.2">
      <c r="F1021" s="353"/>
      <c r="G1021" s="353"/>
      <c r="H1021" s="353"/>
      <c r="I1021" s="353"/>
      <c r="J1021" s="353"/>
    </row>
    <row r="1022" spans="6:10" x14ac:dyDescent="0.2">
      <c r="F1022" s="353"/>
      <c r="G1022" s="353"/>
      <c r="H1022" s="353"/>
      <c r="I1022" s="353"/>
      <c r="J1022" s="353"/>
    </row>
    <row r="1023" spans="6:10" x14ac:dyDescent="0.2">
      <c r="F1023" s="353"/>
      <c r="G1023" s="353"/>
      <c r="H1023" s="353"/>
      <c r="I1023" s="353"/>
      <c r="J1023" s="353"/>
    </row>
    <row r="1024" spans="6:10" x14ac:dyDescent="0.2">
      <c r="F1024" s="353"/>
      <c r="G1024" s="353"/>
      <c r="H1024" s="353"/>
      <c r="I1024" s="353"/>
      <c r="J1024" s="353"/>
    </row>
    <row r="1025" spans="6:10" x14ac:dyDescent="0.2">
      <c r="F1025" s="353"/>
      <c r="G1025" s="353"/>
      <c r="H1025" s="353"/>
      <c r="I1025" s="353"/>
      <c r="J1025" s="353"/>
    </row>
    <row r="1026" spans="6:10" x14ac:dyDescent="0.2">
      <c r="F1026" s="353"/>
      <c r="G1026" s="353"/>
      <c r="H1026" s="353"/>
      <c r="I1026" s="353"/>
      <c r="J1026" s="353"/>
    </row>
    <row r="1027" spans="6:10" x14ac:dyDescent="0.2">
      <c r="F1027" s="353"/>
      <c r="G1027" s="353"/>
      <c r="H1027" s="353"/>
      <c r="I1027" s="353"/>
      <c r="J1027" s="353"/>
    </row>
    <row r="1028" spans="6:10" x14ac:dyDescent="0.2">
      <c r="F1028" s="353"/>
      <c r="G1028" s="353"/>
      <c r="H1028" s="353"/>
      <c r="I1028" s="353"/>
      <c r="J1028" s="353"/>
    </row>
    <row r="1029" spans="6:10" x14ac:dyDescent="0.2">
      <c r="F1029" s="353"/>
      <c r="G1029" s="353"/>
      <c r="H1029" s="353"/>
      <c r="I1029" s="353"/>
      <c r="J1029" s="353"/>
    </row>
    <row r="1030" spans="6:10" x14ac:dyDescent="0.2">
      <c r="F1030" s="353"/>
      <c r="G1030" s="353"/>
      <c r="H1030" s="353"/>
      <c r="I1030" s="353"/>
      <c r="J1030" s="353"/>
    </row>
    <row r="1031" spans="6:10" x14ac:dyDescent="0.2">
      <c r="F1031" s="353"/>
      <c r="G1031" s="353"/>
      <c r="H1031" s="353"/>
      <c r="I1031" s="353"/>
      <c r="J1031" s="353"/>
    </row>
    <row r="1032" spans="6:10" x14ac:dyDescent="0.2">
      <c r="F1032" s="353"/>
      <c r="G1032" s="353"/>
      <c r="H1032" s="353"/>
      <c r="I1032" s="353"/>
      <c r="J1032" s="353"/>
    </row>
    <row r="1033" spans="6:10" x14ac:dyDescent="0.2">
      <c r="F1033" s="353"/>
      <c r="G1033" s="353"/>
      <c r="H1033" s="353"/>
      <c r="I1033" s="353"/>
      <c r="J1033" s="353"/>
    </row>
    <row r="1034" spans="6:10" x14ac:dyDescent="0.2">
      <c r="F1034" s="353"/>
      <c r="G1034" s="353"/>
      <c r="H1034" s="353"/>
      <c r="I1034" s="353"/>
      <c r="J1034" s="353"/>
    </row>
    <row r="1035" spans="6:10" x14ac:dyDescent="0.2">
      <c r="F1035" s="353"/>
      <c r="G1035" s="353"/>
      <c r="H1035" s="353"/>
      <c r="I1035" s="353"/>
      <c r="J1035" s="353"/>
    </row>
    <row r="1036" spans="6:10" x14ac:dyDescent="0.2">
      <c r="F1036" s="353"/>
      <c r="G1036" s="353"/>
      <c r="H1036" s="353"/>
      <c r="I1036" s="353"/>
      <c r="J1036" s="353"/>
    </row>
    <row r="1037" spans="6:10" x14ac:dyDescent="0.2">
      <c r="F1037" s="353"/>
      <c r="G1037" s="353"/>
      <c r="H1037" s="353"/>
      <c r="I1037" s="353"/>
      <c r="J1037" s="353"/>
    </row>
    <row r="1038" spans="6:10" x14ac:dyDescent="0.2">
      <c r="F1038" s="353"/>
      <c r="G1038" s="353"/>
      <c r="H1038" s="353"/>
      <c r="I1038" s="353"/>
      <c r="J1038" s="353"/>
    </row>
    <row r="1039" spans="6:10" x14ac:dyDescent="0.2">
      <c r="F1039" s="353"/>
      <c r="G1039" s="353"/>
      <c r="H1039" s="353"/>
      <c r="I1039" s="353"/>
      <c r="J1039" s="353"/>
    </row>
    <row r="1040" spans="6:10" x14ac:dyDescent="0.2">
      <c r="F1040" s="353"/>
      <c r="G1040" s="353"/>
      <c r="H1040" s="353"/>
      <c r="I1040" s="353"/>
      <c r="J1040" s="353"/>
    </row>
    <row r="1041" spans="6:10" x14ac:dyDescent="0.2">
      <c r="F1041" s="353"/>
      <c r="G1041" s="353"/>
      <c r="H1041" s="353"/>
      <c r="I1041" s="353"/>
      <c r="J1041" s="353"/>
    </row>
    <row r="1042" spans="6:10" x14ac:dyDescent="0.2">
      <c r="F1042" s="353"/>
      <c r="G1042" s="353"/>
      <c r="H1042" s="353"/>
      <c r="I1042" s="353"/>
      <c r="J1042" s="353"/>
    </row>
    <row r="1043" spans="6:10" x14ac:dyDescent="0.2">
      <c r="F1043" s="353"/>
      <c r="G1043" s="353"/>
      <c r="H1043" s="353"/>
      <c r="I1043" s="353"/>
      <c r="J1043" s="353"/>
    </row>
    <row r="1044" spans="6:10" x14ac:dyDescent="0.2">
      <c r="F1044" s="353"/>
      <c r="G1044" s="353"/>
      <c r="H1044" s="353"/>
      <c r="I1044" s="353"/>
      <c r="J1044" s="353"/>
    </row>
    <row r="1045" spans="6:10" x14ac:dyDescent="0.2">
      <c r="F1045" s="353"/>
      <c r="G1045" s="353"/>
      <c r="H1045" s="353"/>
      <c r="I1045" s="353"/>
      <c r="J1045" s="353"/>
    </row>
    <row r="1046" spans="6:10" x14ac:dyDescent="0.2">
      <c r="F1046" s="353"/>
      <c r="G1046" s="353"/>
      <c r="H1046" s="353"/>
      <c r="I1046" s="353"/>
      <c r="J1046" s="353"/>
    </row>
    <row r="1047" spans="6:10" x14ac:dyDescent="0.2">
      <c r="F1047" s="353"/>
      <c r="G1047" s="353"/>
      <c r="H1047" s="353"/>
      <c r="I1047" s="353"/>
      <c r="J1047" s="353"/>
    </row>
    <row r="1048" spans="6:10" x14ac:dyDescent="0.2">
      <c r="F1048" s="353"/>
      <c r="G1048" s="353"/>
      <c r="H1048" s="353"/>
      <c r="I1048" s="353"/>
      <c r="J1048" s="353"/>
    </row>
    <row r="1049" spans="6:10" x14ac:dyDescent="0.2">
      <c r="F1049" s="353"/>
      <c r="G1049" s="353"/>
      <c r="H1049" s="353"/>
      <c r="I1049" s="353"/>
      <c r="J1049" s="353"/>
    </row>
    <row r="1050" spans="6:10" x14ac:dyDescent="0.2">
      <c r="F1050" s="353"/>
      <c r="G1050" s="353"/>
      <c r="H1050" s="353"/>
      <c r="I1050" s="353"/>
      <c r="J1050" s="353"/>
    </row>
    <row r="1051" spans="6:10" x14ac:dyDescent="0.2">
      <c r="F1051" s="353"/>
      <c r="G1051" s="353"/>
      <c r="H1051" s="353"/>
      <c r="I1051" s="353"/>
      <c r="J1051" s="353"/>
    </row>
    <row r="1052" spans="6:10" x14ac:dyDescent="0.2">
      <c r="F1052" s="353"/>
      <c r="G1052" s="353"/>
      <c r="H1052" s="353"/>
      <c r="I1052" s="353"/>
      <c r="J1052" s="353"/>
    </row>
    <row r="1053" spans="6:10" x14ac:dyDescent="0.2">
      <c r="F1053" s="353"/>
      <c r="G1053" s="353"/>
      <c r="H1053" s="353"/>
      <c r="I1053" s="353"/>
      <c r="J1053" s="353"/>
    </row>
    <row r="1054" spans="6:10" x14ac:dyDescent="0.2">
      <c r="F1054" s="353"/>
      <c r="G1054" s="353"/>
      <c r="H1054" s="353"/>
      <c r="I1054" s="353"/>
      <c r="J1054" s="353"/>
    </row>
    <row r="1055" spans="6:10" x14ac:dyDescent="0.2">
      <c r="F1055" s="353"/>
      <c r="G1055" s="353"/>
      <c r="H1055" s="353"/>
      <c r="I1055" s="353"/>
      <c r="J1055" s="353"/>
    </row>
    <row r="1056" spans="6:10" x14ac:dyDescent="0.2">
      <c r="F1056" s="353"/>
      <c r="G1056" s="353"/>
      <c r="H1056" s="353"/>
      <c r="I1056" s="353"/>
      <c r="J1056" s="353"/>
    </row>
    <row r="1057" spans="6:10" x14ac:dyDescent="0.2">
      <c r="F1057" s="353"/>
      <c r="G1057" s="353"/>
      <c r="H1057" s="353"/>
      <c r="I1057" s="353"/>
      <c r="J1057" s="353"/>
    </row>
    <row r="1058" spans="6:10" x14ac:dyDescent="0.2">
      <c r="F1058" s="353"/>
      <c r="G1058" s="353"/>
      <c r="H1058" s="353"/>
      <c r="I1058" s="353"/>
      <c r="J1058" s="353"/>
    </row>
    <row r="1059" spans="6:10" x14ac:dyDescent="0.2">
      <c r="F1059" s="353"/>
      <c r="G1059" s="353"/>
      <c r="H1059" s="353"/>
      <c r="I1059" s="353"/>
      <c r="J1059" s="353"/>
    </row>
    <row r="1060" spans="6:10" x14ac:dyDescent="0.2">
      <c r="F1060" s="353"/>
      <c r="G1060" s="353"/>
      <c r="H1060" s="353"/>
      <c r="I1060" s="353"/>
      <c r="J1060" s="353"/>
    </row>
    <row r="1061" spans="6:10" x14ac:dyDescent="0.2">
      <c r="F1061" s="353"/>
      <c r="G1061" s="353"/>
      <c r="H1061" s="353"/>
      <c r="I1061" s="353"/>
      <c r="J1061" s="353"/>
    </row>
    <row r="1062" spans="6:10" x14ac:dyDescent="0.2">
      <c r="F1062" s="353"/>
      <c r="G1062" s="353"/>
      <c r="H1062" s="353"/>
      <c r="I1062" s="353"/>
      <c r="J1062" s="353"/>
    </row>
    <row r="1063" spans="6:10" x14ac:dyDescent="0.2">
      <c r="F1063" s="353"/>
      <c r="G1063" s="353"/>
      <c r="H1063" s="353"/>
      <c r="I1063" s="353"/>
      <c r="J1063" s="353"/>
    </row>
    <row r="1064" spans="6:10" x14ac:dyDescent="0.2">
      <c r="F1064" s="353"/>
      <c r="G1064" s="353"/>
      <c r="H1064" s="353"/>
      <c r="I1064" s="353"/>
      <c r="J1064" s="353"/>
    </row>
    <row r="1065" spans="6:10" x14ac:dyDescent="0.2">
      <c r="F1065" s="353"/>
      <c r="G1065" s="353"/>
      <c r="H1065" s="353"/>
      <c r="I1065" s="353"/>
      <c r="J1065" s="353"/>
    </row>
    <row r="1066" spans="6:10" x14ac:dyDescent="0.2">
      <c r="F1066" s="353"/>
      <c r="G1066" s="353"/>
      <c r="H1066" s="353"/>
      <c r="I1066" s="353"/>
      <c r="J1066" s="353"/>
    </row>
    <row r="1067" spans="6:10" x14ac:dyDescent="0.2">
      <c r="F1067" s="353"/>
      <c r="G1067" s="353"/>
      <c r="H1067" s="353"/>
      <c r="I1067" s="353"/>
      <c r="J1067" s="353"/>
    </row>
    <row r="1068" spans="6:10" x14ac:dyDescent="0.2">
      <c r="F1068" s="353"/>
      <c r="G1068" s="353"/>
      <c r="H1068" s="353"/>
      <c r="I1068" s="353"/>
      <c r="J1068" s="353"/>
    </row>
    <row r="1069" spans="6:10" x14ac:dyDescent="0.2">
      <c r="F1069" s="353"/>
      <c r="G1069" s="353"/>
      <c r="H1069" s="353"/>
      <c r="I1069" s="353"/>
      <c r="J1069" s="353"/>
    </row>
    <row r="1070" spans="6:10" x14ac:dyDescent="0.2">
      <c r="F1070" s="353"/>
      <c r="G1070" s="353"/>
      <c r="H1070" s="353"/>
      <c r="I1070" s="353"/>
      <c r="J1070" s="353"/>
    </row>
    <row r="1071" spans="6:10" x14ac:dyDescent="0.2">
      <c r="F1071" s="353"/>
      <c r="G1071" s="353"/>
      <c r="H1071" s="353"/>
      <c r="I1071" s="353"/>
      <c r="J1071" s="353"/>
    </row>
    <row r="1072" spans="6:10" x14ac:dyDescent="0.2">
      <c r="F1072" s="353"/>
      <c r="G1072" s="353"/>
      <c r="H1072" s="353"/>
      <c r="I1072" s="353"/>
      <c r="J1072" s="353"/>
    </row>
    <row r="1073" spans="6:10" x14ac:dyDescent="0.2">
      <c r="F1073" s="353"/>
      <c r="G1073" s="353"/>
      <c r="H1073" s="353"/>
      <c r="I1073" s="353"/>
      <c r="J1073" s="353"/>
    </row>
    <row r="1074" spans="6:10" x14ac:dyDescent="0.2">
      <c r="F1074" s="353"/>
      <c r="G1074" s="353"/>
      <c r="H1074" s="353"/>
      <c r="I1074" s="353"/>
      <c r="J1074" s="353"/>
    </row>
    <row r="1075" spans="6:10" x14ac:dyDescent="0.2">
      <c r="F1075" s="353"/>
      <c r="G1075" s="353"/>
      <c r="H1075" s="353"/>
      <c r="I1075" s="353"/>
      <c r="J1075" s="353"/>
    </row>
    <row r="1076" spans="6:10" x14ac:dyDescent="0.2">
      <c r="F1076" s="353"/>
      <c r="G1076" s="353"/>
      <c r="H1076" s="353"/>
      <c r="I1076" s="353"/>
      <c r="J1076" s="353"/>
    </row>
    <row r="1077" spans="6:10" x14ac:dyDescent="0.2">
      <c r="F1077" s="353"/>
      <c r="G1077" s="353"/>
      <c r="H1077" s="353"/>
      <c r="I1077" s="353"/>
      <c r="J1077" s="353"/>
    </row>
    <row r="1078" spans="6:10" x14ac:dyDescent="0.2">
      <c r="F1078" s="353"/>
      <c r="G1078" s="353"/>
      <c r="H1078" s="353"/>
      <c r="I1078" s="353"/>
      <c r="J1078" s="353"/>
    </row>
    <row r="1079" spans="6:10" x14ac:dyDescent="0.2">
      <c r="F1079" s="353"/>
      <c r="G1079" s="353"/>
      <c r="H1079" s="353"/>
      <c r="I1079" s="353"/>
      <c r="J1079" s="353"/>
    </row>
    <row r="1080" spans="6:10" x14ac:dyDescent="0.2">
      <c r="F1080" s="353"/>
      <c r="G1080" s="353"/>
      <c r="H1080" s="353"/>
      <c r="I1080" s="353"/>
      <c r="J1080" s="353"/>
    </row>
    <row r="1081" spans="6:10" x14ac:dyDescent="0.2">
      <c r="F1081" s="353"/>
      <c r="G1081" s="353"/>
      <c r="H1081" s="353"/>
      <c r="I1081" s="353"/>
      <c r="J1081" s="353"/>
    </row>
    <row r="1082" spans="6:10" x14ac:dyDescent="0.2">
      <c r="F1082" s="353"/>
      <c r="G1082" s="353"/>
      <c r="H1082" s="353"/>
      <c r="I1082" s="353"/>
      <c r="J1082" s="353"/>
    </row>
    <row r="1083" spans="6:10" x14ac:dyDescent="0.2">
      <c r="F1083" s="353"/>
      <c r="G1083" s="353"/>
      <c r="H1083" s="353"/>
      <c r="I1083" s="353"/>
      <c r="J1083" s="353"/>
    </row>
    <row r="1084" spans="6:10" x14ac:dyDescent="0.2">
      <c r="F1084" s="353"/>
      <c r="G1084" s="353"/>
      <c r="H1084" s="353"/>
      <c r="I1084" s="353"/>
      <c r="J1084" s="353"/>
    </row>
    <row r="1085" spans="6:10" x14ac:dyDescent="0.2">
      <c r="F1085" s="353"/>
      <c r="G1085" s="353"/>
      <c r="H1085" s="353"/>
      <c r="I1085" s="353"/>
      <c r="J1085" s="353"/>
    </row>
    <row r="1086" spans="6:10" x14ac:dyDescent="0.2">
      <c r="F1086" s="353"/>
      <c r="G1086" s="353"/>
      <c r="H1086" s="353"/>
      <c r="I1086" s="353"/>
      <c r="J1086" s="353"/>
    </row>
    <row r="1087" spans="6:10" x14ac:dyDescent="0.2">
      <c r="F1087" s="353"/>
      <c r="G1087" s="353"/>
      <c r="H1087" s="353"/>
      <c r="I1087" s="353"/>
      <c r="J1087" s="353"/>
    </row>
    <row r="1088" spans="6:10" x14ac:dyDescent="0.2">
      <c r="F1088" s="353"/>
      <c r="G1088" s="353"/>
      <c r="H1088" s="353"/>
      <c r="I1088" s="353"/>
      <c r="J1088" s="353"/>
    </row>
    <row r="1089" spans="6:10" x14ac:dyDescent="0.2">
      <c r="F1089" s="353"/>
      <c r="G1089" s="353"/>
      <c r="H1089" s="353"/>
      <c r="I1089" s="353"/>
      <c r="J1089" s="353"/>
    </row>
    <row r="1090" spans="6:10" x14ac:dyDescent="0.2">
      <c r="F1090" s="353"/>
      <c r="G1090" s="353"/>
      <c r="H1090" s="353"/>
      <c r="I1090" s="353"/>
      <c r="J1090" s="353"/>
    </row>
    <row r="1091" spans="6:10" x14ac:dyDescent="0.2">
      <c r="F1091" s="353"/>
      <c r="G1091" s="353"/>
      <c r="H1091" s="353"/>
      <c r="I1091" s="353"/>
      <c r="J1091" s="353"/>
    </row>
    <row r="1092" spans="6:10" x14ac:dyDescent="0.2">
      <c r="F1092" s="353"/>
      <c r="G1092" s="353"/>
      <c r="H1092" s="353"/>
      <c r="I1092" s="353"/>
      <c r="J1092" s="353"/>
    </row>
    <row r="1093" spans="6:10" x14ac:dyDescent="0.2">
      <c r="F1093" s="353"/>
      <c r="G1093" s="353"/>
      <c r="H1093" s="353"/>
      <c r="I1093" s="353"/>
      <c r="J1093" s="353"/>
    </row>
    <row r="1094" spans="6:10" x14ac:dyDescent="0.2">
      <c r="F1094" s="353"/>
      <c r="G1094" s="353"/>
      <c r="H1094" s="353"/>
      <c r="I1094" s="353"/>
      <c r="J1094" s="353"/>
    </row>
    <row r="1095" spans="6:10" x14ac:dyDescent="0.2">
      <c r="F1095" s="353"/>
      <c r="G1095" s="353"/>
      <c r="H1095" s="353"/>
      <c r="I1095" s="353"/>
      <c r="J1095" s="353"/>
    </row>
    <row r="1096" spans="6:10" x14ac:dyDescent="0.2">
      <c r="F1096" s="353"/>
      <c r="G1096" s="353"/>
      <c r="H1096" s="353"/>
      <c r="I1096" s="353"/>
      <c r="J1096" s="353"/>
    </row>
    <row r="1097" spans="6:10" x14ac:dyDescent="0.2">
      <c r="F1097" s="353"/>
      <c r="G1097" s="353"/>
      <c r="H1097" s="353"/>
      <c r="I1097" s="353"/>
      <c r="J1097" s="353"/>
    </row>
    <row r="1098" spans="6:10" x14ac:dyDescent="0.2">
      <c r="F1098" s="353"/>
      <c r="G1098" s="353"/>
      <c r="H1098" s="353"/>
      <c r="I1098" s="353"/>
      <c r="J1098" s="353"/>
    </row>
    <row r="1099" spans="6:10" x14ac:dyDescent="0.2">
      <c r="F1099" s="353"/>
      <c r="G1099" s="353"/>
      <c r="H1099" s="353"/>
      <c r="I1099" s="353"/>
      <c r="J1099" s="353"/>
    </row>
    <row r="1100" spans="6:10" x14ac:dyDescent="0.2">
      <c r="F1100" s="353"/>
      <c r="G1100" s="353"/>
      <c r="H1100" s="353"/>
      <c r="I1100" s="353"/>
      <c r="J1100" s="353"/>
    </row>
    <row r="1101" spans="6:10" x14ac:dyDescent="0.2">
      <c r="F1101" s="353"/>
      <c r="G1101" s="353"/>
      <c r="H1101" s="353"/>
      <c r="I1101" s="353"/>
      <c r="J1101" s="353"/>
    </row>
    <row r="1102" spans="6:10" x14ac:dyDescent="0.2">
      <c r="F1102" s="353"/>
      <c r="G1102" s="353"/>
      <c r="H1102" s="353"/>
      <c r="I1102" s="353"/>
      <c r="J1102" s="353"/>
    </row>
    <row r="1103" spans="6:10" x14ac:dyDescent="0.2">
      <c r="F1103" s="353"/>
      <c r="G1103" s="353"/>
      <c r="H1103" s="353"/>
      <c r="I1103" s="353"/>
      <c r="J1103" s="353"/>
    </row>
    <row r="1104" spans="6:10" x14ac:dyDescent="0.2">
      <c r="F1104" s="353"/>
      <c r="G1104" s="353"/>
      <c r="H1104" s="353"/>
      <c r="I1104" s="353"/>
      <c r="J1104" s="353"/>
    </row>
    <row r="1105" spans="6:10" x14ac:dyDescent="0.2">
      <c r="F1105" s="353"/>
      <c r="G1105" s="353"/>
      <c r="H1105" s="353"/>
      <c r="I1105" s="353"/>
      <c r="J1105" s="353"/>
    </row>
    <row r="1106" spans="6:10" x14ac:dyDescent="0.2">
      <c r="F1106" s="353"/>
      <c r="G1106" s="353"/>
      <c r="H1106" s="353"/>
      <c r="I1106" s="353"/>
      <c r="J1106" s="353"/>
    </row>
    <row r="1107" spans="6:10" x14ac:dyDescent="0.2">
      <c r="F1107" s="353"/>
      <c r="G1107" s="353"/>
      <c r="H1107" s="353"/>
      <c r="I1107" s="353"/>
      <c r="J1107" s="353"/>
    </row>
    <row r="1108" spans="6:10" x14ac:dyDescent="0.2">
      <c r="F1108" s="353"/>
      <c r="G1108" s="353"/>
      <c r="H1108" s="353"/>
      <c r="I1108" s="353"/>
      <c r="J1108" s="353"/>
    </row>
    <row r="1109" spans="6:10" x14ac:dyDescent="0.2">
      <c r="F1109" s="353"/>
      <c r="G1109" s="353"/>
      <c r="H1109" s="353"/>
      <c r="I1109" s="353"/>
      <c r="J1109" s="353"/>
    </row>
    <row r="1110" spans="6:10" x14ac:dyDescent="0.2">
      <c r="F1110" s="353"/>
      <c r="G1110" s="353"/>
      <c r="H1110" s="353"/>
      <c r="I1110" s="353"/>
      <c r="J1110" s="353"/>
    </row>
    <row r="1111" spans="6:10" x14ac:dyDescent="0.2">
      <c r="F1111" s="353"/>
      <c r="G1111" s="353"/>
      <c r="H1111" s="353"/>
      <c r="I1111" s="353"/>
      <c r="J1111" s="353"/>
    </row>
    <row r="1112" spans="6:10" x14ac:dyDescent="0.2">
      <c r="F1112" s="353"/>
      <c r="G1112" s="353"/>
      <c r="H1112" s="353"/>
      <c r="I1112" s="353"/>
      <c r="J1112" s="353"/>
    </row>
    <row r="1113" spans="6:10" x14ac:dyDescent="0.2">
      <c r="F1113" s="353"/>
      <c r="G1113" s="353"/>
      <c r="H1113" s="353"/>
      <c r="I1113" s="353"/>
      <c r="J1113" s="353"/>
    </row>
    <row r="1114" spans="6:10" x14ac:dyDescent="0.2">
      <c r="F1114" s="353"/>
      <c r="G1114" s="353"/>
      <c r="H1114" s="353"/>
      <c r="I1114" s="353"/>
      <c r="J1114" s="353"/>
    </row>
    <row r="1115" spans="6:10" x14ac:dyDescent="0.2">
      <c r="F1115" s="353"/>
      <c r="G1115" s="353"/>
      <c r="H1115" s="353"/>
      <c r="I1115" s="353"/>
      <c r="J1115" s="353"/>
    </row>
    <row r="1116" spans="6:10" x14ac:dyDescent="0.2">
      <c r="F1116" s="353"/>
      <c r="G1116" s="353"/>
      <c r="H1116" s="353"/>
      <c r="I1116" s="353"/>
      <c r="J1116" s="353"/>
    </row>
    <row r="1117" spans="6:10" x14ac:dyDescent="0.2">
      <c r="F1117" s="353"/>
      <c r="G1117" s="353"/>
      <c r="H1117" s="353"/>
      <c r="I1117" s="353"/>
      <c r="J1117" s="353"/>
    </row>
    <row r="1118" spans="6:10" x14ac:dyDescent="0.2">
      <c r="F1118" s="353"/>
      <c r="G1118" s="353"/>
      <c r="H1118" s="353"/>
      <c r="I1118" s="353"/>
      <c r="J1118" s="353"/>
    </row>
    <row r="1119" spans="6:10" x14ac:dyDescent="0.2">
      <c r="F1119" s="353"/>
      <c r="G1119" s="353"/>
      <c r="H1119" s="353"/>
      <c r="I1119" s="353"/>
      <c r="J1119" s="353"/>
    </row>
    <row r="1120" spans="6:10" x14ac:dyDescent="0.2">
      <c r="F1120" s="353"/>
      <c r="G1120" s="353"/>
      <c r="H1120" s="353"/>
      <c r="I1120" s="353"/>
      <c r="J1120" s="353"/>
    </row>
    <row r="1121" spans="6:10" x14ac:dyDescent="0.2">
      <c r="F1121" s="353"/>
      <c r="G1121" s="353"/>
      <c r="H1121" s="353"/>
      <c r="I1121" s="353"/>
      <c r="J1121" s="353"/>
    </row>
    <row r="1122" spans="6:10" x14ac:dyDescent="0.2">
      <c r="F1122" s="353"/>
      <c r="G1122" s="353"/>
      <c r="H1122" s="353"/>
      <c r="I1122" s="353"/>
      <c r="J1122" s="353"/>
    </row>
    <row r="1123" spans="6:10" x14ac:dyDescent="0.2">
      <c r="F1123" s="353"/>
      <c r="G1123" s="353"/>
      <c r="H1123" s="353"/>
      <c r="I1123" s="353"/>
      <c r="J1123" s="353"/>
    </row>
    <row r="1124" spans="6:10" x14ac:dyDescent="0.2">
      <c r="F1124" s="353"/>
      <c r="G1124" s="353"/>
      <c r="H1124" s="353"/>
      <c r="I1124" s="353"/>
      <c r="J1124" s="353"/>
    </row>
    <row r="1125" spans="6:10" x14ac:dyDescent="0.2">
      <c r="F1125" s="353"/>
      <c r="G1125" s="353"/>
      <c r="H1125" s="353"/>
      <c r="I1125" s="353"/>
      <c r="J1125" s="353"/>
    </row>
    <row r="1126" spans="6:10" x14ac:dyDescent="0.2">
      <c r="F1126" s="353"/>
      <c r="G1126" s="353"/>
      <c r="H1126" s="353"/>
      <c r="I1126" s="353"/>
      <c r="J1126" s="353"/>
    </row>
    <row r="1127" spans="6:10" x14ac:dyDescent="0.2">
      <c r="F1127" s="353"/>
      <c r="G1127" s="353"/>
      <c r="H1127" s="353"/>
      <c r="I1127" s="353"/>
      <c r="J1127" s="353"/>
    </row>
    <row r="1128" spans="6:10" x14ac:dyDescent="0.2">
      <c r="F1128" s="353"/>
      <c r="G1128" s="353"/>
      <c r="H1128" s="353"/>
      <c r="I1128" s="353"/>
      <c r="J1128" s="353"/>
    </row>
    <row r="1129" spans="6:10" x14ac:dyDescent="0.2">
      <c r="F1129" s="353"/>
      <c r="G1129" s="353"/>
      <c r="H1129" s="353"/>
      <c r="I1129" s="353"/>
      <c r="J1129" s="353"/>
    </row>
    <row r="1130" spans="6:10" x14ac:dyDescent="0.2">
      <c r="F1130" s="353"/>
      <c r="G1130" s="353"/>
      <c r="H1130" s="353"/>
      <c r="I1130" s="353"/>
      <c r="J1130" s="353"/>
    </row>
    <row r="1131" spans="6:10" x14ac:dyDescent="0.2">
      <c r="F1131" s="353"/>
      <c r="G1131" s="353"/>
      <c r="H1131" s="353"/>
      <c r="I1131" s="353"/>
      <c r="J1131" s="353"/>
    </row>
    <row r="1132" spans="6:10" x14ac:dyDescent="0.2">
      <c r="F1132" s="353"/>
      <c r="G1132" s="353"/>
      <c r="H1132" s="353"/>
      <c r="I1132" s="353"/>
      <c r="J1132" s="353"/>
    </row>
    <row r="1133" spans="6:10" x14ac:dyDescent="0.2">
      <c r="F1133" s="353"/>
      <c r="G1133" s="353"/>
      <c r="H1133" s="353"/>
      <c r="I1133" s="353"/>
      <c r="J1133" s="353"/>
    </row>
    <row r="1134" spans="6:10" x14ac:dyDescent="0.2">
      <c r="F1134" s="353"/>
      <c r="G1134" s="353"/>
      <c r="H1134" s="353"/>
      <c r="I1134" s="353"/>
      <c r="J1134" s="353"/>
    </row>
    <row r="1135" spans="6:10" x14ac:dyDescent="0.2">
      <c r="F1135" s="353"/>
      <c r="G1135" s="353"/>
      <c r="H1135" s="353"/>
      <c r="I1135" s="353"/>
      <c r="J1135" s="353"/>
    </row>
    <row r="1136" spans="6:10" x14ac:dyDescent="0.2">
      <c r="F1136" s="353"/>
      <c r="G1136" s="353"/>
      <c r="H1136" s="353"/>
      <c r="I1136" s="353"/>
      <c r="J1136" s="353"/>
    </row>
    <row r="1137" spans="6:10" x14ac:dyDescent="0.2">
      <c r="F1137" s="353"/>
      <c r="G1137" s="353"/>
      <c r="H1137" s="353"/>
      <c r="I1137" s="353"/>
      <c r="J1137" s="353"/>
    </row>
    <row r="1138" spans="6:10" x14ac:dyDescent="0.2">
      <c r="F1138" s="353"/>
      <c r="G1138" s="353"/>
      <c r="H1138" s="353"/>
      <c r="I1138" s="353"/>
      <c r="J1138" s="353"/>
    </row>
    <row r="1139" spans="6:10" x14ac:dyDescent="0.2">
      <c r="F1139" s="353"/>
      <c r="G1139" s="353"/>
      <c r="H1139" s="353"/>
      <c r="I1139" s="353"/>
      <c r="J1139" s="353"/>
    </row>
    <row r="1140" spans="6:10" x14ac:dyDescent="0.2">
      <c r="F1140" s="353"/>
      <c r="G1140" s="353"/>
      <c r="H1140" s="353"/>
      <c r="I1140" s="353"/>
      <c r="J1140" s="353"/>
    </row>
    <row r="1141" spans="6:10" x14ac:dyDescent="0.2">
      <c r="F1141" s="353"/>
      <c r="G1141" s="353"/>
      <c r="H1141" s="353"/>
      <c r="I1141" s="353"/>
      <c r="J1141" s="353"/>
    </row>
    <row r="1142" spans="6:10" x14ac:dyDescent="0.2">
      <c r="F1142" s="353"/>
      <c r="G1142" s="353"/>
      <c r="H1142" s="353"/>
      <c r="I1142" s="353"/>
      <c r="J1142" s="353"/>
    </row>
    <row r="1143" spans="6:10" x14ac:dyDescent="0.2">
      <c r="F1143" s="353"/>
      <c r="G1143" s="353"/>
      <c r="H1143" s="353"/>
      <c r="I1143" s="353"/>
      <c r="J1143" s="353"/>
    </row>
    <row r="1144" spans="6:10" x14ac:dyDescent="0.2">
      <c r="F1144" s="353"/>
      <c r="G1144" s="353"/>
      <c r="H1144" s="353"/>
      <c r="I1144" s="353"/>
      <c r="J1144" s="353"/>
    </row>
    <row r="1145" spans="6:10" x14ac:dyDescent="0.2">
      <c r="F1145" s="353"/>
      <c r="G1145" s="353"/>
      <c r="H1145" s="353"/>
      <c r="I1145" s="353"/>
      <c r="J1145" s="353"/>
    </row>
    <row r="1146" spans="6:10" x14ac:dyDescent="0.2">
      <c r="F1146" s="353"/>
      <c r="G1146" s="353"/>
      <c r="H1146" s="353"/>
      <c r="I1146" s="353"/>
      <c r="J1146" s="353"/>
    </row>
    <row r="1147" spans="6:10" x14ac:dyDescent="0.2">
      <c r="F1147" s="353"/>
      <c r="G1147" s="353"/>
      <c r="H1147" s="353"/>
      <c r="I1147" s="353"/>
      <c r="J1147" s="353"/>
    </row>
    <row r="1148" spans="6:10" x14ac:dyDescent="0.2">
      <c r="F1148" s="353"/>
      <c r="G1148" s="353"/>
      <c r="H1148" s="353"/>
      <c r="I1148" s="353"/>
      <c r="J1148" s="353"/>
    </row>
    <row r="1149" spans="6:10" x14ac:dyDescent="0.2">
      <c r="F1149" s="353"/>
      <c r="G1149" s="353"/>
      <c r="H1149" s="353"/>
      <c r="I1149" s="353"/>
      <c r="J1149" s="353"/>
    </row>
    <row r="1150" spans="6:10" x14ac:dyDescent="0.2">
      <c r="F1150" s="353"/>
      <c r="G1150" s="353"/>
      <c r="H1150" s="353"/>
      <c r="I1150" s="353"/>
      <c r="J1150" s="353"/>
    </row>
    <row r="1151" spans="6:10" x14ac:dyDescent="0.2">
      <c r="F1151" s="353"/>
      <c r="G1151" s="353"/>
      <c r="H1151" s="353"/>
      <c r="I1151" s="353"/>
      <c r="J1151" s="353"/>
    </row>
    <row r="1152" spans="6:10" x14ac:dyDescent="0.2">
      <c r="F1152" s="353"/>
      <c r="G1152" s="353"/>
      <c r="H1152" s="353"/>
      <c r="I1152" s="353"/>
      <c r="J1152" s="353"/>
    </row>
    <row r="1153" spans="6:10" x14ac:dyDescent="0.2">
      <c r="F1153" s="353"/>
      <c r="G1153" s="353"/>
      <c r="H1153" s="353"/>
      <c r="I1153" s="353"/>
      <c r="J1153" s="353"/>
    </row>
    <row r="1154" spans="6:10" x14ac:dyDescent="0.2">
      <c r="F1154" s="353"/>
      <c r="G1154" s="353"/>
      <c r="H1154" s="353"/>
      <c r="I1154" s="353"/>
      <c r="J1154" s="353"/>
    </row>
    <row r="1155" spans="6:10" x14ac:dyDescent="0.2">
      <c r="F1155" s="353"/>
      <c r="G1155" s="353"/>
      <c r="H1155" s="353"/>
      <c r="I1155" s="353"/>
      <c r="J1155" s="353"/>
    </row>
    <row r="1156" spans="6:10" x14ac:dyDescent="0.2">
      <c r="F1156" s="353"/>
      <c r="G1156" s="353"/>
      <c r="H1156" s="353"/>
      <c r="I1156" s="353"/>
      <c r="J1156" s="353"/>
    </row>
    <row r="1157" spans="6:10" x14ac:dyDescent="0.2">
      <c r="F1157" s="353"/>
      <c r="G1157" s="353"/>
      <c r="H1157" s="353"/>
      <c r="I1157" s="353"/>
      <c r="J1157" s="353"/>
    </row>
    <row r="1158" spans="6:10" x14ac:dyDescent="0.2">
      <c r="F1158" s="353"/>
      <c r="G1158" s="353"/>
      <c r="H1158" s="353"/>
      <c r="I1158" s="353"/>
      <c r="J1158" s="353"/>
    </row>
    <row r="1159" spans="6:10" x14ac:dyDescent="0.2">
      <c r="F1159" s="353"/>
      <c r="G1159" s="353"/>
      <c r="H1159" s="353"/>
      <c r="I1159" s="353"/>
      <c r="J1159" s="353"/>
    </row>
    <row r="1160" spans="6:10" x14ac:dyDescent="0.2">
      <c r="F1160" s="353"/>
      <c r="G1160" s="353"/>
      <c r="H1160" s="353"/>
      <c r="I1160" s="353"/>
      <c r="J1160" s="353"/>
    </row>
    <row r="1161" spans="6:10" x14ac:dyDescent="0.2">
      <c r="F1161" s="353"/>
      <c r="G1161" s="353"/>
      <c r="H1161" s="353"/>
      <c r="I1161" s="353"/>
      <c r="J1161" s="353"/>
    </row>
    <row r="1162" spans="6:10" x14ac:dyDescent="0.2">
      <c r="F1162" s="353"/>
      <c r="G1162" s="353"/>
      <c r="H1162" s="353"/>
      <c r="I1162" s="353"/>
      <c r="J1162" s="353"/>
    </row>
    <row r="1163" spans="6:10" x14ac:dyDescent="0.2">
      <c r="F1163" s="353"/>
      <c r="G1163" s="353"/>
      <c r="H1163" s="353"/>
      <c r="I1163" s="353"/>
      <c r="J1163" s="353"/>
    </row>
    <row r="1164" spans="6:10" x14ac:dyDescent="0.2">
      <c r="F1164" s="353"/>
      <c r="G1164" s="353"/>
      <c r="H1164" s="353"/>
      <c r="I1164" s="353"/>
      <c r="J1164" s="353"/>
    </row>
    <row r="1165" spans="6:10" x14ac:dyDescent="0.2">
      <c r="F1165" s="353"/>
      <c r="G1165" s="353"/>
      <c r="H1165" s="353"/>
      <c r="I1165" s="353"/>
      <c r="J1165" s="353"/>
    </row>
    <row r="1166" spans="6:10" x14ac:dyDescent="0.2">
      <c r="F1166" s="353"/>
      <c r="G1166" s="353"/>
      <c r="H1166" s="353"/>
      <c r="I1166" s="353"/>
      <c r="J1166" s="353"/>
    </row>
    <row r="1167" spans="6:10" x14ac:dyDescent="0.2">
      <c r="F1167" s="353"/>
      <c r="G1167" s="353"/>
      <c r="H1167" s="353"/>
      <c r="I1167" s="353"/>
      <c r="J1167" s="353"/>
    </row>
    <row r="1168" spans="6:10" x14ac:dyDescent="0.2">
      <c r="F1168" s="353"/>
      <c r="G1168" s="353"/>
      <c r="H1168" s="353"/>
      <c r="I1168" s="353"/>
      <c r="J1168" s="353"/>
    </row>
    <row r="1169" spans="6:10" x14ac:dyDescent="0.2">
      <c r="F1169" s="353"/>
      <c r="G1169" s="353"/>
      <c r="H1169" s="353"/>
      <c r="I1169" s="353"/>
      <c r="J1169" s="353"/>
    </row>
    <row r="1170" spans="6:10" x14ac:dyDescent="0.2">
      <c r="F1170" s="353"/>
      <c r="G1170" s="353"/>
      <c r="H1170" s="353"/>
      <c r="I1170" s="353"/>
      <c r="J1170" s="353"/>
    </row>
    <row r="1171" spans="6:10" x14ac:dyDescent="0.2">
      <c r="F1171" s="353"/>
      <c r="G1171" s="353"/>
      <c r="H1171" s="353"/>
      <c r="I1171" s="353"/>
      <c r="J1171" s="353"/>
    </row>
    <row r="1172" spans="6:10" x14ac:dyDescent="0.2">
      <c r="F1172" s="353"/>
      <c r="G1172" s="353"/>
      <c r="H1172" s="353"/>
      <c r="I1172" s="353"/>
      <c r="J1172" s="353"/>
    </row>
    <row r="1173" spans="6:10" x14ac:dyDescent="0.2">
      <c r="F1173" s="353"/>
      <c r="G1173" s="353"/>
      <c r="H1173" s="353"/>
      <c r="I1173" s="353"/>
      <c r="J1173" s="353"/>
    </row>
    <row r="1174" spans="6:10" x14ac:dyDescent="0.2">
      <c r="F1174" s="353"/>
      <c r="G1174" s="353"/>
      <c r="H1174" s="353"/>
      <c r="I1174" s="353"/>
      <c r="J1174" s="353"/>
    </row>
    <row r="1175" spans="6:10" x14ac:dyDescent="0.2">
      <c r="F1175" s="353"/>
      <c r="G1175" s="353"/>
      <c r="H1175" s="353"/>
      <c r="I1175" s="353"/>
      <c r="J1175" s="353"/>
    </row>
    <row r="1176" spans="6:10" x14ac:dyDescent="0.2">
      <c r="F1176" s="353"/>
      <c r="G1176" s="353"/>
      <c r="H1176" s="353"/>
      <c r="I1176" s="353"/>
      <c r="J1176" s="353"/>
    </row>
    <row r="1177" spans="6:10" x14ac:dyDescent="0.2">
      <c r="F1177" s="353"/>
      <c r="G1177" s="353"/>
      <c r="H1177" s="353"/>
      <c r="I1177" s="353"/>
      <c r="J1177" s="353"/>
    </row>
    <row r="1178" spans="6:10" x14ac:dyDescent="0.2">
      <c r="F1178" s="353"/>
      <c r="G1178" s="353"/>
      <c r="H1178" s="353"/>
      <c r="I1178" s="353"/>
      <c r="J1178" s="353"/>
    </row>
    <row r="1179" spans="6:10" x14ac:dyDescent="0.2">
      <c r="F1179" s="353"/>
      <c r="G1179" s="353"/>
      <c r="H1179" s="353"/>
      <c r="I1179" s="353"/>
      <c r="J1179" s="353"/>
    </row>
    <row r="1180" spans="6:10" x14ac:dyDescent="0.2">
      <c r="F1180" s="353"/>
      <c r="G1180" s="353"/>
      <c r="H1180" s="353"/>
      <c r="I1180" s="353"/>
      <c r="J1180" s="353"/>
    </row>
    <row r="1181" spans="6:10" x14ac:dyDescent="0.2">
      <c r="F1181" s="353"/>
      <c r="G1181" s="353"/>
      <c r="H1181" s="353"/>
      <c r="I1181" s="353"/>
      <c r="J1181" s="353"/>
    </row>
    <row r="1182" spans="6:10" x14ac:dyDescent="0.2">
      <c r="F1182" s="353"/>
      <c r="G1182" s="353"/>
      <c r="H1182" s="353"/>
      <c r="I1182" s="353"/>
      <c r="J1182" s="353"/>
    </row>
    <row r="1183" spans="6:10" x14ac:dyDescent="0.2">
      <c r="F1183" s="353"/>
      <c r="G1183" s="353"/>
      <c r="H1183" s="353"/>
      <c r="I1183" s="353"/>
      <c r="J1183" s="353"/>
    </row>
    <row r="1184" spans="6:10" x14ac:dyDescent="0.2">
      <c r="F1184" s="353"/>
      <c r="G1184" s="353"/>
      <c r="H1184" s="353"/>
      <c r="I1184" s="353"/>
      <c r="J1184" s="353"/>
    </row>
    <row r="1185" spans="6:10" x14ac:dyDescent="0.2">
      <c r="F1185" s="353"/>
      <c r="G1185" s="353"/>
      <c r="H1185" s="353"/>
      <c r="I1185" s="353"/>
      <c r="J1185" s="353"/>
    </row>
    <row r="1186" spans="6:10" x14ac:dyDescent="0.2">
      <c r="F1186" s="353"/>
      <c r="G1186" s="353"/>
      <c r="H1186" s="353"/>
      <c r="I1186" s="353"/>
      <c r="J1186" s="353"/>
    </row>
    <row r="1187" spans="6:10" x14ac:dyDescent="0.2">
      <c r="F1187" s="353"/>
      <c r="G1187" s="353"/>
      <c r="H1187" s="353"/>
      <c r="I1187" s="353"/>
      <c r="J1187" s="353"/>
    </row>
    <row r="1188" spans="6:10" x14ac:dyDescent="0.2">
      <c r="F1188" s="353"/>
      <c r="G1188" s="353"/>
      <c r="H1188" s="353"/>
      <c r="I1188" s="353"/>
      <c r="J1188" s="353"/>
    </row>
    <row r="1189" spans="6:10" x14ac:dyDescent="0.2">
      <c r="F1189" s="353"/>
      <c r="G1189" s="353"/>
      <c r="H1189" s="353"/>
      <c r="I1189" s="353"/>
      <c r="J1189" s="353"/>
    </row>
    <row r="1190" spans="6:10" x14ac:dyDescent="0.2">
      <c r="F1190" s="353"/>
      <c r="G1190" s="353"/>
      <c r="H1190" s="353"/>
      <c r="I1190" s="353"/>
      <c r="J1190" s="353"/>
    </row>
    <row r="1191" spans="6:10" x14ac:dyDescent="0.2">
      <c r="F1191" s="353"/>
      <c r="G1191" s="353"/>
      <c r="H1191" s="353"/>
      <c r="I1191" s="353"/>
      <c r="J1191" s="353"/>
    </row>
    <row r="1192" spans="6:10" x14ac:dyDescent="0.2">
      <c r="F1192" s="353"/>
      <c r="G1192" s="353"/>
      <c r="H1192" s="353"/>
      <c r="I1192" s="353"/>
      <c r="J1192" s="353"/>
    </row>
    <row r="1193" spans="6:10" x14ac:dyDescent="0.2">
      <c r="F1193" s="353"/>
      <c r="G1193" s="353"/>
      <c r="H1193" s="353"/>
      <c r="I1193" s="353"/>
      <c r="J1193" s="353"/>
    </row>
    <row r="1194" spans="6:10" x14ac:dyDescent="0.2">
      <c r="F1194" s="353"/>
      <c r="G1194" s="353"/>
      <c r="H1194" s="353"/>
      <c r="I1194" s="353"/>
      <c r="J1194" s="353"/>
    </row>
    <row r="1195" spans="6:10" x14ac:dyDescent="0.2">
      <c r="F1195" s="353"/>
      <c r="G1195" s="353"/>
      <c r="H1195" s="353"/>
      <c r="I1195" s="353"/>
      <c r="J1195" s="353"/>
    </row>
    <row r="1196" spans="6:10" x14ac:dyDescent="0.2">
      <c r="F1196" s="353"/>
      <c r="G1196" s="353"/>
      <c r="H1196" s="353"/>
      <c r="I1196" s="353"/>
      <c r="J1196" s="353"/>
    </row>
    <row r="1197" spans="6:10" x14ac:dyDescent="0.2">
      <c r="F1197" s="353"/>
      <c r="G1197" s="353"/>
      <c r="H1197" s="353"/>
      <c r="I1197" s="353"/>
      <c r="J1197" s="353"/>
    </row>
    <row r="1198" spans="6:10" x14ac:dyDescent="0.2">
      <c r="F1198" s="353"/>
      <c r="G1198" s="353"/>
      <c r="H1198" s="353"/>
      <c r="I1198" s="353"/>
      <c r="J1198" s="353"/>
    </row>
    <row r="1199" spans="6:10" x14ac:dyDescent="0.2">
      <c r="F1199" s="353"/>
      <c r="G1199" s="353"/>
      <c r="H1199" s="353"/>
      <c r="I1199" s="353"/>
      <c r="J1199" s="353"/>
    </row>
    <row r="1200" spans="6:10" x14ac:dyDescent="0.2">
      <c r="F1200" s="353"/>
      <c r="G1200" s="353"/>
      <c r="H1200" s="353"/>
      <c r="I1200" s="353"/>
      <c r="J1200" s="353"/>
    </row>
    <row r="1201" spans="6:10" x14ac:dyDescent="0.2">
      <c r="F1201" s="353"/>
      <c r="G1201" s="353"/>
      <c r="H1201" s="353"/>
      <c r="I1201" s="353"/>
      <c r="J1201" s="353"/>
    </row>
    <row r="1202" spans="6:10" x14ac:dyDescent="0.2">
      <c r="F1202" s="353"/>
      <c r="G1202" s="353"/>
      <c r="H1202" s="353"/>
      <c r="I1202" s="353"/>
      <c r="J1202" s="353"/>
    </row>
    <row r="1203" spans="6:10" x14ac:dyDescent="0.2">
      <c r="F1203" s="353"/>
      <c r="G1203" s="353"/>
      <c r="H1203" s="353"/>
      <c r="I1203" s="353"/>
      <c r="J1203" s="353"/>
    </row>
    <row r="1204" spans="6:10" x14ac:dyDescent="0.2">
      <c r="F1204" s="353"/>
      <c r="G1204" s="353"/>
      <c r="H1204" s="353"/>
      <c r="I1204" s="353"/>
      <c r="J1204" s="353"/>
    </row>
    <row r="1205" spans="6:10" x14ac:dyDescent="0.2">
      <c r="F1205" s="353"/>
      <c r="G1205" s="353"/>
      <c r="H1205" s="353"/>
      <c r="I1205" s="353"/>
      <c r="J1205" s="353"/>
    </row>
    <row r="1206" spans="6:10" x14ac:dyDescent="0.2">
      <c r="F1206" s="353"/>
      <c r="G1206" s="353"/>
      <c r="H1206" s="353"/>
      <c r="I1206" s="353"/>
      <c r="J1206" s="353"/>
    </row>
    <row r="1207" spans="6:10" x14ac:dyDescent="0.2">
      <c r="F1207" s="353"/>
      <c r="G1207" s="353"/>
      <c r="H1207" s="353"/>
      <c r="I1207" s="353"/>
      <c r="J1207" s="353"/>
    </row>
    <row r="1208" spans="6:10" x14ac:dyDescent="0.2">
      <c r="F1208" s="353"/>
      <c r="G1208" s="353"/>
      <c r="H1208" s="353"/>
      <c r="I1208" s="353"/>
      <c r="J1208" s="353"/>
    </row>
    <row r="1209" spans="6:10" x14ac:dyDescent="0.2">
      <c r="F1209" s="353"/>
      <c r="G1209" s="353"/>
      <c r="H1209" s="353"/>
      <c r="I1209" s="353"/>
      <c r="J1209" s="353"/>
    </row>
    <row r="1210" spans="6:10" x14ac:dyDescent="0.2">
      <c r="F1210" s="353"/>
      <c r="G1210" s="353"/>
      <c r="H1210" s="353"/>
      <c r="I1210" s="353"/>
      <c r="J1210" s="353"/>
    </row>
    <row r="1211" spans="6:10" x14ac:dyDescent="0.2">
      <c r="F1211" s="353"/>
      <c r="G1211" s="353"/>
      <c r="H1211" s="353"/>
      <c r="I1211" s="353"/>
      <c r="J1211" s="353"/>
    </row>
    <row r="1212" spans="6:10" x14ac:dyDescent="0.2">
      <c r="F1212" s="353"/>
      <c r="G1212" s="353"/>
      <c r="H1212" s="353"/>
      <c r="I1212" s="353"/>
      <c r="J1212" s="353"/>
    </row>
    <row r="1213" spans="6:10" x14ac:dyDescent="0.2">
      <c r="F1213" s="353"/>
      <c r="G1213" s="353"/>
      <c r="H1213" s="353"/>
      <c r="I1213" s="353"/>
      <c r="J1213" s="353"/>
    </row>
    <row r="1214" spans="6:10" x14ac:dyDescent="0.2">
      <c r="F1214" s="353"/>
      <c r="G1214" s="353"/>
      <c r="H1214" s="353"/>
      <c r="I1214" s="353"/>
      <c r="J1214" s="353"/>
    </row>
    <row r="1215" spans="6:10" x14ac:dyDescent="0.2">
      <c r="F1215" s="353"/>
      <c r="G1215" s="353"/>
      <c r="H1215" s="353"/>
      <c r="I1215" s="353"/>
      <c r="J1215" s="353"/>
    </row>
    <row r="1216" spans="6:10" x14ac:dyDescent="0.2">
      <c r="F1216" s="353"/>
      <c r="G1216" s="353"/>
      <c r="H1216" s="353"/>
      <c r="I1216" s="353"/>
      <c r="J1216" s="353"/>
    </row>
    <row r="1217" spans="6:10" x14ac:dyDescent="0.2">
      <c r="F1217" s="353"/>
      <c r="G1217" s="353"/>
      <c r="H1217" s="353"/>
      <c r="I1217" s="353"/>
      <c r="J1217" s="353"/>
    </row>
    <row r="1218" spans="6:10" x14ac:dyDescent="0.2">
      <c r="F1218" s="353"/>
      <c r="G1218" s="353"/>
      <c r="H1218" s="353"/>
      <c r="I1218" s="353"/>
      <c r="J1218" s="353"/>
    </row>
    <row r="1219" spans="6:10" x14ac:dyDescent="0.2">
      <c r="F1219" s="353"/>
      <c r="G1219" s="353"/>
      <c r="H1219" s="353"/>
      <c r="I1219" s="353"/>
      <c r="J1219" s="353"/>
    </row>
    <row r="1220" spans="6:10" x14ac:dyDescent="0.2">
      <c r="F1220" s="353"/>
      <c r="G1220" s="353"/>
      <c r="H1220" s="353"/>
      <c r="I1220" s="353"/>
      <c r="J1220" s="353"/>
    </row>
    <row r="1221" spans="6:10" x14ac:dyDescent="0.2">
      <c r="F1221" s="353"/>
      <c r="G1221" s="353"/>
      <c r="H1221" s="353"/>
      <c r="I1221" s="353"/>
      <c r="J1221" s="353"/>
    </row>
    <row r="1222" spans="6:10" x14ac:dyDescent="0.2">
      <c r="F1222" s="353"/>
      <c r="G1222" s="353"/>
      <c r="H1222" s="353"/>
      <c r="I1222" s="353"/>
      <c r="J1222" s="353"/>
    </row>
    <row r="1223" spans="6:10" x14ac:dyDescent="0.2">
      <c r="F1223" s="353"/>
      <c r="G1223" s="353"/>
      <c r="H1223" s="353"/>
      <c r="I1223" s="353"/>
      <c r="J1223" s="353"/>
    </row>
    <row r="1224" spans="6:10" x14ac:dyDescent="0.2">
      <c r="F1224" s="353"/>
      <c r="G1224" s="353"/>
      <c r="H1224" s="353"/>
      <c r="I1224" s="353"/>
      <c r="J1224" s="353"/>
    </row>
    <row r="1225" spans="6:10" x14ac:dyDescent="0.2">
      <c r="F1225" s="353"/>
      <c r="G1225" s="353"/>
      <c r="H1225" s="353"/>
      <c r="I1225" s="353"/>
      <c r="J1225" s="353"/>
    </row>
    <row r="1226" spans="6:10" x14ac:dyDescent="0.2">
      <c r="F1226" s="353"/>
      <c r="G1226" s="353"/>
      <c r="H1226" s="353"/>
      <c r="I1226" s="353"/>
      <c r="J1226" s="353"/>
    </row>
    <row r="1227" spans="6:10" x14ac:dyDescent="0.2">
      <c r="F1227" s="353"/>
      <c r="G1227" s="353"/>
      <c r="H1227" s="353"/>
      <c r="I1227" s="353"/>
      <c r="J1227" s="353"/>
    </row>
    <row r="1228" spans="6:10" x14ac:dyDescent="0.2">
      <c r="F1228" s="353"/>
      <c r="G1228" s="353"/>
      <c r="H1228" s="353"/>
      <c r="I1228" s="353"/>
      <c r="J1228" s="353"/>
    </row>
    <row r="1229" spans="6:10" x14ac:dyDescent="0.2">
      <c r="F1229" s="353"/>
      <c r="G1229" s="353"/>
      <c r="H1229" s="353"/>
      <c r="I1229" s="353"/>
      <c r="J1229" s="353"/>
    </row>
    <row r="1230" spans="6:10" x14ac:dyDescent="0.2">
      <c r="F1230" s="353"/>
      <c r="G1230" s="353"/>
      <c r="H1230" s="353"/>
      <c r="I1230" s="353"/>
      <c r="J1230" s="353"/>
    </row>
    <row r="1231" spans="6:10" x14ac:dyDescent="0.2">
      <c r="F1231" s="353"/>
      <c r="G1231" s="353"/>
      <c r="H1231" s="353"/>
      <c r="I1231" s="353"/>
      <c r="J1231" s="353"/>
    </row>
    <row r="1232" spans="6:10" x14ac:dyDescent="0.2">
      <c r="F1232" s="353"/>
      <c r="G1232" s="353"/>
      <c r="H1232" s="353"/>
      <c r="I1232" s="353"/>
      <c r="J1232" s="353"/>
    </row>
    <row r="1233" spans="6:10" x14ac:dyDescent="0.2">
      <c r="F1233" s="353"/>
      <c r="G1233" s="353"/>
      <c r="H1233" s="353"/>
      <c r="I1233" s="353"/>
      <c r="J1233" s="353"/>
    </row>
    <row r="1234" spans="6:10" x14ac:dyDescent="0.2">
      <c r="F1234" s="353"/>
      <c r="G1234" s="353"/>
      <c r="H1234" s="353"/>
      <c r="I1234" s="353"/>
      <c r="J1234" s="353"/>
    </row>
    <row r="1235" spans="6:10" x14ac:dyDescent="0.2">
      <c r="F1235" s="353"/>
      <c r="G1235" s="353"/>
      <c r="H1235" s="353"/>
      <c r="I1235" s="353"/>
      <c r="J1235" s="353"/>
    </row>
    <row r="1236" spans="6:10" x14ac:dyDescent="0.2">
      <c r="F1236" s="353"/>
      <c r="G1236" s="353"/>
      <c r="H1236" s="353"/>
      <c r="I1236" s="353"/>
      <c r="J1236" s="353"/>
    </row>
    <row r="1237" spans="6:10" x14ac:dyDescent="0.2">
      <c r="F1237" s="353"/>
      <c r="G1237" s="353"/>
      <c r="H1237" s="353"/>
      <c r="I1237" s="353"/>
      <c r="J1237" s="353"/>
    </row>
    <row r="1238" spans="6:10" x14ac:dyDescent="0.2">
      <c r="F1238" s="353"/>
      <c r="G1238" s="353"/>
      <c r="H1238" s="353"/>
      <c r="I1238" s="353"/>
      <c r="J1238" s="353"/>
    </row>
    <row r="1239" spans="6:10" x14ac:dyDescent="0.2">
      <c r="F1239" s="353"/>
      <c r="G1239" s="353"/>
      <c r="H1239" s="353"/>
      <c r="I1239" s="353"/>
      <c r="J1239" s="353"/>
    </row>
    <row r="1240" spans="6:10" x14ac:dyDescent="0.2">
      <c r="F1240" s="353"/>
      <c r="G1240" s="353"/>
      <c r="H1240" s="353"/>
      <c r="I1240" s="353"/>
      <c r="J1240" s="353"/>
    </row>
    <row r="1241" spans="6:10" x14ac:dyDescent="0.2">
      <c r="F1241" s="353"/>
      <c r="G1241" s="353"/>
      <c r="H1241" s="353"/>
      <c r="I1241" s="353"/>
      <c r="J1241" s="353"/>
    </row>
    <row r="1242" spans="6:10" x14ac:dyDescent="0.2">
      <c r="F1242" s="353"/>
      <c r="G1242" s="353"/>
      <c r="H1242" s="353"/>
      <c r="I1242" s="353"/>
      <c r="J1242" s="353"/>
    </row>
    <row r="1243" spans="6:10" x14ac:dyDescent="0.2">
      <c r="F1243" s="353"/>
      <c r="G1243" s="353"/>
      <c r="H1243" s="353"/>
      <c r="I1243" s="353"/>
      <c r="J1243" s="353"/>
    </row>
    <row r="1244" spans="6:10" x14ac:dyDescent="0.2">
      <c r="F1244" s="353"/>
      <c r="G1244" s="353"/>
      <c r="H1244" s="353"/>
      <c r="I1244" s="353"/>
      <c r="J1244" s="353"/>
    </row>
    <row r="1245" spans="6:10" x14ac:dyDescent="0.2">
      <c r="F1245" s="353"/>
      <c r="G1245" s="353"/>
      <c r="H1245" s="353"/>
      <c r="I1245" s="353"/>
      <c r="J1245" s="353"/>
    </row>
    <row r="1246" spans="6:10" x14ac:dyDescent="0.2">
      <c r="F1246" s="353"/>
      <c r="G1246" s="353"/>
      <c r="H1246" s="353"/>
      <c r="I1246" s="353"/>
      <c r="J1246" s="353"/>
    </row>
    <row r="1247" spans="6:10" x14ac:dyDescent="0.2">
      <c r="F1247" s="353"/>
      <c r="G1247" s="353"/>
      <c r="H1247" s="353"/>
      <c r="I1247" s="353"/>
      <c r="J1247" s="353"/>
    </row>
    <row r="1248" spans="6:10" x14ac:dyDescent="0.2">
      <c r="F1248" s="353"/>
      <c r="G1248" s="353"/>
      <c r="H1248" s="353"/>
      <c r="I1248" s="353"/>
      <c r="J1248" s="353"/>
    </row>
    <row r="1249" spans="6:10" x14ac:dyDescent="0.2">
      <c r="F1249" s="353"/>
      <c r="G1249" s="353"/>
      <c r="H1249" s="353"/>
      <c r="I1249" s="353"/>
      <c r="J1249" s="353"/>
    </row>
    <row r="1250" spans="6:10" x14ac:dyDescent="0.2">
      <c r="F1250" s="353"/>
      <c r="G1250" s="353"/>
      <c r="H1250" s="353"/>
      <c r="I1250" s="353"/>
      <c r="J1250" s="353"/>
    </row>
    <row r="1251" spans="6:10" x14ac:dyDescent="0.2">
      <c r="F1251" s="353"/>
      <c r="G1251" s="353"/>
      <c r="H1251" s="353"/>
      <c r="I1251" s="353"/>
      <c r="J1251" s="353"/>
    </row>
    <row r="1252" spans="6:10" x14ac:dyDescent="0.2">
      <c r="F1252" s="353"/>
      <c r="G1252" s="353"/>
      <c r="H1252" s="353"/>
      <c r="I1252" s="353"/>
      <c r="J1252" s="353"/>
    </row>
    <row r="1253" spans="6:10" x14ac:dyDescent="0.2">
      <c r="F1253" s="353"/>
      <c r="G1253" s="353"/>
      <c r="H1253" s="353"/>
      <c r="I1253" s="353"/>
      <c r="J1253" s="353"/>
    </row>
    <row r="1254" spans="6:10" x14ac:dyDescent="0.2">
      <c r="F1254" s="353"/>
      <c r="G1254" s="353"/>
      <c r="H1254" s="353"/>
      <c r="I1254" s="353"/>
      <c r="J1254" s="353"/>
    </row>
    <row r="1255" spans="6:10" x14ac:dyDescent="0.2">
      <c r="F1255" s="353"/>
      <c r="G1255" s="353"/>
      <c r="H1255" s="353"/>
      <c r="I1255" s="353"/>
      <c r="J1255" s="353"/>
    </row>
    <row r="1256" spans="6:10" x14ac:dyDescent="0.2">
      <c r="F1256" s="353"/>
      <c r="G1256" s="353"/>
      <c r="H1256" s="353"/>
      <c r="I1256" s="353"/>
      <c r="J1256" s="353"/>
    </row>
    <row r="1257" spans="6:10" x14ac:dyDescent="0.2">
      <c r="F1257" s="353"/>
      <c r="G1257" s="353"/>
      <c r="H1257" s="353"/>
      <c r="I1257" s="353"/>
      <c r="J1257" s="353"/>
    </row>
    <row r="1258" spans="6:10" x14ac:dyDescent="0.2">
      <c r="F1258" s="353"/>
      <c r="G1258" s="353"/>
      <c r="H1258" s="353"/>
      <c r="I1258" s="353"/>
      <c r="J1258" s="353"/>
    </row>
    <row r="1259" spans="6:10" x14ac:dyDescent="0.2">
      <c r="F1259" s="353"/>
      <c r="G1259" s="353"/>
      <c r="H1259" s="353"/>
      <c r="I1259" s="353"/>
      <c r="J1259" s="353"/>
    </row>
    <row r="1260" spans="6:10" x14ac:dyDescent="0.2">
      <c r="F1260" s="353"/>
      <c r="G1260" s="353"/>
      <c r="H1260" s="353"/>
      <c r="I1260" s="353"/>
      <c r="J1260" s="353"/>
    </row>
    <row r="1261" spans="6:10" x14ac:dyDescent="0.2">
      <c r="F1261" s="353"/>
      <c r="G1261" s="353"/>
      <c r="H1261" s="353"/>
      <c r="I1261" s="353"/>
      <c r="J1261" s="353"/>
    </row>
    <row r="1262" spans="6:10" x14ac:dyDescent="0.2">
      <c r="F1262" s="353"/>
      <c r="G1262" s="353"/>
      <c r="H1262" s="353"/>
      <c r="I1262" s="353"/>
      <c r="J1262" s="353"/>
    </row>
    <row r="1263" spans="6:10" x14ac:dyDescent="0.2">
      <c r="F1263" s="353"/>
      <c r="G1263" s="353"/>
      <c r="H1263" s="353"/>
      <c r="I1263" s="353"/>
      <c r="J1263" s="353"/>
    </row>
    <row r="1264" spans="6:10" x14ac:dyDescent="0.2">
      <c r="F1264" s="353"/>
      <c r="G1264" s="353"/>
      <c r="H1264" s="353"/>
      <c r="I1264" s="353"/>
      <c r="J1264" s="353"/>
    </row>
    <row r="1265" spans="6:10" x14ac:dyDescent="0.2">
      <c r="F1265" s="353"/>
      <c r="G1265" s="353"/>
      <c r="H1265" s="353"/>
      <c r="I1265" s="353"/>
      <c r="J1265" s="353"/>
    </row>
    <row r="1266" spans="6:10" x14ac:dyDescent="0.2">
      <c r="F1266" s="353"/>
      <c r="G1266" s="353"/>
      <c r="H1266" s="353"/>
      <c r="I1266" s="353"/>
      <c r="J1266" s="353"/>
    </row>
    <row r="1267" spans="6:10" x14ac:dyDescent="0.2">
      <c r="F1267" s="353"/>
      <c r="G1267" s="353"/>
      <c r="H1267" s="353"/>
      <c r="I1267" s="353"/>
      <c r="J1267" s="353"/>
    </row>
    <row r="1268" spans="6:10" x14ac:dyDescent="0.2">
      <c r="F1268" s="353"/>
      <c r="G1268" s="353"/>
      <c r="H1268" s="353"/>
      <c r="I1268" s="353"/>
      <c r="J1268" s="353"/>
    </row>
    <row r="1269" spans="6:10" x14ac:dyDescent="0.2">
      <c r="F1269" s="353"/>
      <c r="G1269" s="353"/>
      <c r="H1269" s="353"/>
      <c r="I1269" s="353"/>
      <c r="J1269" s="353"/>
    </row>
    <row r="1270" spans="6:10" x14ac:dyDescent="0.2">
      <c r="F1270" s="353"/>
      <c r="G1270" s="353"/>
      <c r="H1270" s="353"/>
      <c r="I1270" s="353"/>
      <c r="J1270" s="353"/>
    </row>
    <row r="1271" spans="6:10" x14ac:dyDescent="0.2">
      <c r="F1271" s="353"/>
      <c r="G1271" s="353"/>
      <c r="H1271" s="353"/>
      <c r="I1271" s="353"/>
      <c r="J1271" s="353"/>
    </row>
    <row r="1272" spans="6:10" x14ac:dyDescent="0.2">
      <c r="F1272" s="353"/>
      <c r="G1272" s="353"/>
      <c r="H1272" s="353"/>
      <c r="I1272" s="353"/>
      <c r="J1272" s="353"/>
    </row>
    <row r="1273" spans="6:10" x14ac:dyDescent="0.2">
      <c r="F1273" s="353"/>
      <c r="G1273" s="353"/>
      <c r="H1273" s="353"/>
      <c r="I1273" s="353"/>
      <c r="J1273" s="353"/>
    </row>
    <row r="1274" spans="6:10" x14ac:dyDescent="0.2">
      <c r="F1274" s="353"/>
      <c r="G1274" s="353"/>
      <c r="H1274" s="353"/>
      <c r="I1274" s="353"/>
      <c r="J1274" s="353"/>
    </row>
    <row r="1275" spans="6:10" x14ac:dyDescent="0.2">
      <c r="F1275" s="353"/>
      <c r="G1275" s="353"/>
      <c r="H1275" s="353"/>
      <c r="I1275" s="353"/>
      <c r="J1275" s="353"/>
    </row>
    <row r="1276" spans="6:10" x14ac:dyDescent="0.2">
      <c r="F1276" s="353"/>
      <c r="G1276" s="353"/>
      <c r="H1276" s="353"/>
      <c r="I1276" s="353"/>
      <c r="J1276" s="353"/>
    </row>
    <row r="1277" spans="6:10" x14ac:dyDescent="0.2">
      <c r="F1277" s="353"/>
      <c r="G1277" s="353"/>
      <c r="H1277" s="353"/>
      <c r="I1277" s="353"/>
      <c r="J1277" s="353"/>
    </row>
    <row r="1278" spans="6:10" x14ac:dyDescent="0.2">
      <c r="F1278" s="353"/>
      <c r="G1278" s="353"/>
      <c r="H1278" s="353"/>
      <c r="I1278" s="353"/>
      <c r="J1278" s="353"/>
    </row>
    <row r="1279" spans="6:10" x14ac:dyDescent="0.2">
      <c r="F1279" s="353"/>
      <c r="G1279" s="353"/>
      <c r="H1279" s="353"/>
      <c r="I1279" s="353"/>
      <c r="J1279" s="353"/>
    </row>
    <row r="1280" spans="6:10" x14ac:dyDescent="0.2">
      <c r="F1280" s="353"/>
      <c r="G1280" s="353"/>
      <c r="H1280" s="353"/>
      <c r="I1280" s="353"/>
      <c r="J1280" s="353"/>
    </row>
    <row r="1281" spans="6:10" x14ac:dyDescent="0.2">
      <c r="F1281" s="353"/>
      <c r="G1281" s="353"/>
      <c r="H1281" s="353"/>
      <c r="I1281" s="353"/>
      <c r="J1281" s="353"/>
    </row>
    <row r="1282" spans="6:10" x14ac:dyDescent="0.2">
      <c r="F1282" s="353"/>
      <c r="G1282" s="353"/>
      <c r="H1282" s="353"/>
      <c r="I1282" s="353"/>
      <c r="J1282" s="353"/>
    </row>
    <row r="1283" spans="6:10" x14ac:dyDescent="0.2">
      <c r="F1283" s="353"/>
      <c r="G1283" s="353"/>
      <c r="H1283" s="353"/>
      <c r="I1283" s="353"/>
      <c r="J1283" s="353"/>
    </row>
    <row r="1284" spans="6:10" x14ac:dyDescent="0.2">
      <c r="F1284" s="353"/>
      <c r="G1284" s="353"/>
      <c r="H1284" s="353"/>
      <c r="I1284" s="353"/>
      <c r="J1284" s="353"/>
    </row>
    <row r="1285" spans="6:10" x14ac:dyDescent="0.2">
      <c r="F1285" s="353"/>
      <c r="G1285" s="353"/>
      <c r="H1285" s="353"/>
      <c r="I1285" s="353"/>
      <c r="J1285" s="353"/>
    </row>
    <row r="1286" spans="6:10" x14ac:dyDescent="0.2">
      <c r="F1286" s="353"/>
      <c r="G1286" s="353"/>
      <c r="H1286" s="353"/>
      <c r="I1286" s="353"/>
      <c r="J1286" s="353"/>
    </row>
    <row r="1287" spans="6:10" x14ac:dyDescent="0.2">
      <c r="F1287" s="353"/>
      <c r="G1287" s="353"/>
      <c r="H1287" s="353"/>
      <c r="I1287" s="353"/>
      <c r="J1287" s="353"/>
    </row>
    <row r="1288" spans="6:10" x14ac:dyDescent="0.2">
      <c r="F1288" s="353"/>
      <c r="G1288" s="353"/>
      <c r="H1288" s="353"/>
      <c r="I1288" s="353"/>
      <c r="J1288" s="353"/>
    </row>
    <row r="1289" spans="6:10" x14ac:dyDescent="0.2">
      <c r="F1289" s="353"/>
      <c r="G1289" s="353"/>
      <c r="H1289" s="353"/>
      <c r="I1289" s="353"/>
      <c r="J1289" s="353"/>
    </row>
    <row r="1290" spans="6:10" x14ac:dyDescent="0.2">
      <c r="F1290" s="353"/>
      <c r="G1290" s="353"/>
      <c r="H1290" s="353"/>
      <c r="I1290" s="353"/>
      <c r="J1290" s="353"/>
    </row>
    <row r="1291" spans="6:10" x14ac:dyDescent="0.2">
      <c r="F1291" s="353"/>
      <c r="G1291" s="353"/>
      <c r="H1291" s="353"/>
      <c r="I1291" s="353"/>
      <c r="J1291" s="353"/>
    </row>
    <row r="1292" spans="6:10" x14ac:dyDescent="0.2">
      <c r="F1292" s="353"/>
      <c r="G1292" s="353"/>
      <c r="H1292" s="353"/>
      <c r="I1292" s="353"/>
      <c r="J1292" s="353"/>
    </row>
    <row r="1293" spans="6:10" x14ac:dyDescent="0.2">
      <c r="F1293" s="353"/>
      <c r="G1293" s="353"/>
      <c r="H1293" s="353"/>
      <c r="I1293" s="353"/>
      <c r="J1293" s="353"/>
    </row>
    <row r="1294" spans="6:10" x14ac:dyDescent="0.2">
      <c r="F1294" s="353"/>
      <c r="G1294" s="353"/>
      <c r="H1294" s="353"/>
      <c r="I1294" s="353"/>
      <c r="J1294" s="353"/>
    </row>
    <row r="1295" spans="6:10" x14ac:dyDescent="0.2">
      <c r="F1295" s="353"/>
      <c r="G1295" s="353"/>
      <c r="H1295" s="353"/>
      <c r="I1295" s="353"/>
      <c r="J1295" s="353"/>
    </row>
    <row r="1296" spans="6:10" x14ac:dyDescent="0.2">
      <c r="F1296" s="353"/>
      <c r="G1296" s="353"/>
      <c r="H1296" s="353"/>
      <c r="I1296" s="353"/>
      <c r="J1296" s="353"/>
    </row>
    <row r="1297" spans="6:10" x14ac:dyDescent="0.2">
      <c r="F1297" s="353"/>
      <c r="G1297" s="353"/>
      <c r="H1297" s="353"/>
      <c r="I1297" s="353"/>
      <c r="J1297" s="353"/>
    </row>
    <row r="1298" spans="6:10" x14ac:dyDescent="0.2">
      <c r="F1298" s="353"/>
      <c r="G1298" s="353"/>
      <c r="H1298" s="353"/>
      <c r="I1298" s="353"/>
      <c r="J1298" s="353"/>
    </row>
    <row r="1299" spans="6:10" x14ac:dyDescent="0.2">
      <c r="F1299" s="353"/>
      <c r="G1299" s="353"/>
      <c r="H1299" s="353"/>
      <c r="I1299" s="353"/>
      <c r="J1299" s="353"/>
    </row>
    <row r="1300" spans="6:10" x14ac:dyDescent="0.2">
      <c r="F1300" s="353"/>
      <c r="G1300" s="353"/>
      <c r="H1300" s="353"/>
      <c r="I1300" s="353"/>
      <c r="J1300" s="353"/>
    </row>
    <row r="1301" spans="6:10" x14ac:dyDescent="0.2">
      <c r="F1301" s="353"/>
      <c r="G1301" s="353"/>
      <c r="H1301" s="353"/>
      <c r="I1301" s="353"/>
      <c r="J1301" s="353"/>
    </row>
    <row r="1302" spans="6:10" x14ac:dyDescent="0.2">
      <c r="F1302" s="353"/>
      <c r="G1302" s="353"/>
      <c r="H1302" s="353"/>
      <c r="I1302" s="353"/>
      <c r="J1302" s="353"/>
    </row>
    <row r="1303" spans="6:10" x14ac:dyDescent="0.2">
      <c r="F1303" s="353"/>
      <c r="G1303" s="353"/>
      <c r="H1303" s="353"/>
      <c r="I1303" s="353"/>
      <c r="J1303" s="353"/>
    </row>
    <row r="1304" spans="6:10" x14ac:dyDescent="0.2">
      <c r="F1304" s="353"/>
      <c r="G1304" s="353"/>
      <c r="H1304" s="353"/>
      <c r="I1304" s="353"/>
      <c r="J1304" s="353"/>
    </row>
    <row r="1305" spans="6:10" x14ac:dyDescent="0.2">
      <c r="F1305" s="353"/>
      <c r="G1305" s="353"/>
      <c r="H1305" s="353"/>
      <c r="I1305" s="353"/>
      <c r="J1305" s="353"/>
    </row>
    <row r="1306" spans="6:10" x14ac:dyDescent="0.2">
      <c r="F1306" s="353"/>
      <c r="G1306" s="353"/>
      <c r="H1306" s="353"/>
      <c r="I1306" s="353"/>
      <c r="J1306" s="353"/>
    </row>
    <row r="1307" spans="6:10" x14ac:dyDescent="0.2">
      <c r="F1307" s="353"/>
      <c r="G1307" s="353"/>
      <c r="H1307" s="353"/>
      <c r="I1307" s="353"/>
      <c r="J1307" s="353"/>
    </row>
    <row r="1308" spans="6:10" x14ac:dyDescent="0.2">
      <c r="F1308" s="353"/>
      <c r="G1308" s="353"/>
      <c r="H1308" s="353"/>
      <c r="I1308" s="353"/>
      <c r="J1308" s="353"/>
    </row>
    <row r="1309" spans="6:10" x14ac:dyDescent="0.2">
      <c r="F1309" s="353"/>
      <c r="G1309" s="353"/>
      <c r="H1309" s="353"/>
      <c r="I1309" s="353"/>
      <c r="J1309" s="353"/>
    </row>
    <row r="1310" spans="6:10" x14ac:dyDescent="0.2">
      <c r="F1310" s="353"/>
      <c r="G1310" s="353"/>
      <c r="H1310" s="353"/>
      <c r="I1310" s="353"/>
      <c r="J1310" s="353"/>
    </row>
    <row r="1311" spans="6:10" x14ac:dyDescent="0.2">
      <c r="F1311" s="353"/>
      <c r="G1311" s="353"/>
      <c r="H1311" s="353"/>
      <c r="I1311" s="353"/>
      <c r="J1311" s="353"/>
    </row>
    <row r="1312" spans="6:10" x14ac:dyDescent="0.2">
      <c r="F1312" s="353"/>
      <c r="G1312" s="353"/>
      <c r="H1312" s="353"/>
      <c r="I1312" s="353"/>
      <c r="J1312" s="353"/>
    </row>
    <row r="1313" spans="6:10" x14ac:dyDescent="0.2">
      <c r="F1313" s="353"/>
      <c r="G1313" s="353"/>
      <c r="H1313" s="353"/>
      <c r="I1313" s="353"/>
      <c r="J1313" s="353"/>
    </row>
    <row r="1314" spans="6:10" x14ac:dyDescent="0.2">
      <c r="F1314" s="353"/>
      <c r="G1314" s="353"/>
      <c r="H1314" s="353"/>
      <c r="I1314" s="353"/>
      <c r="J1314" s="353"/>
    </row>
    <row r="1315" spans="6:10" x14ac:dyDescent="0.2">
      <c r="F1315" s="353"/>
      <c r="G1315" s="353"/>
      <c r="H1315" s="353"/>
      <c r="I1315" s="353"/>
      <c r="J1315" s="353"/>
    </row>
    <row r="1316" spans="6:10" x14ac:dyDescent="0.2">
      <c r="F1316" s="353"/>
      <c r="G1316" s="353"/>
      <c r="H1316" s="353"/>
      <c r="I1316" s="353"/>
      <c r="J1316" s="353"/>
    </row>
    <row r="1317" spans="6:10" x14ac:dyDescent="0.2">
      <c r="F1317" s="353"/>
      <c r="G1317" s="353"/>
      <c r="H1317" s="353"/>
      <c r="I1317" s="353"/>
      <c r="J1317" s="353"/>
    </row>
    <row r="1318" spans="6:10" x14ac:dyDescent="0.2">
      <c r="F1318" s="353"/>
      <c r="G1318" s="353"/>
      <c r="H1318" s="353"/>
      <c r="I1318" s="353"/>
      <c r="J1318" s="353"/>
    </row>
    <row r="1319" spans="6:10" x14ac:dyDescent="0.2">
      <c r="F1319" s="353"/>
      <c r="G1319" s="353"/>
      <c r="H1319" s="353"/>
      <c r="I1319" s="353"/>
      <c r="J1319" s="353"/>
    </row>
    <row r="1320" spans="6:10" x14ac:dyDescent="0.2">
      <c r="F1320" s="353"/>
      <c r="G1320" s="353"/>
      <c r="H1320" s="353"/>
      <c r="I1320" s="353"/>
      <c r="J1320" s="353"/>
    </row>
    <row r="1321" spans="6:10" x14ac:dyDescent="0.2">
      <c r="F1321" s="353"/>
      <c r="G1321" s="353"/>
      <c r="H1321" s="353"/>
      <c r="I1321" s="353"/>
      <c r="J1321" s="353"/>
    </row>
    <row r="1322" spans="6:10" x14ac:dyDescent="0.2">
      <c r="F1322" s="353"/>
      <c r="G1322" s="353"/>
      <c r="H1322" s="353"/>
      <c r="I1322" s="353"/>
      <c r="J1322" s="353"/>
    </row>
    <row r="1323" spans="6:10" x14ac:dyDescent="0.2">
      <c r="F1323" s="353"/>
      <c r="G1323" s="353"/>
      <c r="H1323" s="353"/>
      <c r="I1323" s="353"/>
      <c r="J1323" s="353"/>
    </row>
    <row r="1324" spans="6:10" x14ac:dyDescent="0.2">
      <c r="F1324" s="353"/>
      <c r="G1324" s="353"/>
      <c r="H1324" s="353"/>
      <c r="I1324" s="353"/>
      <c r="J1324" s="353"/>
    </row>
    <row r="1325" spans="6:10" x14ac:dyDescent="0.2">
      <c r="F1325" s="353"/>
      <c r="G1325" s="353"/>
      <c r="H1325" s="353"/>
      <c r="I1325" s="353"/>
      <c r="J1325" s="353"/>
    </row>
    <row r="1326" spans="6:10" x14ac:dyDescent="0.2">
      <c r="F1326" s="353"/>
      <c r="G1326" s="353"/>
      <c r="H1326" s="353"/>
      <c r="I1326" s="353"/>
      <c r="J1326" s="353"/>
    </row>
    <row r="1327" spans="6:10" x14ac:dyDescent="0.2">
      <c r="F1327" s="353"/>
      <c r="G1327" s="353"/>
      <c r="H1327" s="353"/>
      <c r="I1327" s="353"/>
      <c r="J1327" s="353"/>
    </row>
    <row r="1328" spans="6:10" x14ac:dyDescent="0.2">
      <c r="F1328" s="353"/>
      <c r="G1328" s="353"/>
      <c r="H1328" s="353"/>
      <c r="I1328" s="353"/>
      <c r="J1328" s="353"/>
    </row>
    <row r="1329" spans="6:10" x14ac:dyDescent="0.2">
      <c r="F1329" s="353"/>
      <c r="G1329" s="353"/>
      <c r="H1329" s="353"/>
      <c r="I1329" s="353"/>
      <c r="J1329" s="353"/>
    </row>
    <row r="1330" spans="6:10" x14ac:dyDescent="0.2">
      <c r="F1330" s="353"/>
      <c r="G1330" s="353"/>
      <c r="H1330" s="353"/>
      <c r="I1330" s="353"/>
      <c r="J1330" s="353"/>
    </row>
    <row r="1331" spans="6:10" x14ac:dyDescent="0.2">
      <c r="F1331" s="353"/>
      <c r="G1331" s="353"/>
      <c r="H1331" s="353"/>
      <c r="I1331" s="353"/>
      <c r="J1331" s="353"/>
    </row>
    <row r="1332" spans="6:10" x14ac:dyDescent="0.2">
      <c r="F1332" s="353"/>
      <c r="G1332" s="353"/>
      <c r="H1332" s="353"/>
      <c r="I1332" s="353"/>
      <c r="J1332" s="353"/>
    </row>
    <row r="1333" spans="6:10" x14ac:dyDescent="0.2">
      <c r="F1333" s="353"/>
      <c r="G1333" s="353"/>
      <c r="H1333" s="353"/>
      <c r="I1333" s="353"/>
      <c r="J1333" s="353"/>
    </row>
    <row r="1334" spans="6:10" x14ac:dyDescent="0.2">
      <c r="F1334" s="353"/>
      <c r="G1334" s="353"/>
      <c r="H1334" s="353"/>
      <c r="I1334" s="353"/>
      <c r="J1334" s="353"/>
    </row>
    <row r="1335" spans="6:10" x14ac:dyDescent="0.2">
      <c r="F1335" s="353"/>
      <c r="G1335" s="353"/>
      <c r="H1335" s="353"/>
      <c r="I1335" s="353"/>
      <c r="J1335" s="353"/>
    </row>
    <row r="1336" spans="6:10" x14ac:dyDescent="0.2">
      <c r="F1336" s="353"/>
      <c r="G1336" s="353"/>
      <c r="H1336" s="353"/>
      <c r="I1336" s="353"/>
      <c r="J1336" s="353"/>
    </row>
    <row r="1337" spans="6:10" x14ac:dyDescent="0.2">
      <c r="F1337" s="353"/>
      <c r="G1337" s="353"/>
      <c r="H1337" s="353"/>
      <c r="I1337" s="353"/>
      <c r="J1337" s="353"/>
    </row>
    <row r="1338" spans="6:10" x14ac:dyDescent="0.2">
      <c r="F1338" s="353"/>
      <c r="G1338" s="353"/>
      <c r="H1338" s="353"/>
      <c r="I1338" s="353"/>
      <c r="J1338" s="353"/>
    </row>
    <row r="1339" spans="6:10" x14ac:dyDescent="0.2">
      <c r="F1339" s="353"/>
      <c r="G1339" s="353"/>
      <c r="H1339" s="353"/>
      <c r="I1339" s="353"/>
      <c r="J1339" s="353"/>
    </row>
    <row r="1340" spans="6:10" x14ac:dyDescent="0.2">
      <c r="F1340" s="353"/>
      <c r="G1340" s="353"/>
      <c r="H1340" s="353"/>
      <c r="I1340" s="353"/>
      <c r="J1340" s="353"/>
    </row>
    <row r="1341" spans="6:10" x14ac:dyDescent="0.2">
      <c r="F1341" s="353"/>
      <c r="G1341" s="353"/>
      <c r="H1341" s="353"/>
      <c r="I1341" s="353"/>
      <c r="J1341" s="353"/>
    </row>
    <row r="1342" spans="6:10" x14ac:dyDescent="0.2">
      <c r="F1342" s="353"/>
      <c r="G1342" s="353"/>
      <c r="H1342" s="353"/>
      <c r="I1342" s="353"/>
      <c r="J1342" s="353"/>
    </row>
    <row r="1343" spans="6:10" x14ac:dyDescent="0.2">
      <c r="F1343" s="353"/>
      <c r="G1343" s="353"/>
      <c r="H1343" s="353"/>
      <c r="I1343" s="353"/>
      <c r="J1343" s="353"/>
    </row>
    <row r="1344" spans="6:10" x14ac:dyDescent="0.2">
      <c r="F1344" s="353"/>
      <c r="G1344" s="353"/>
      <c r="H1344" s="353"/>
      <c r="I1344" s="353"/>
      <c r="J1344" s="353"/>
    </row>
    <row r="1345" spans="6:10" x14ac:dyDescent="0.2">
      <c r="F1345" s="353"/>
      <c r="G1345" s="353"/>
      <c r="H1345" s="353"/>
      <c r="I1345" s="353"/>
      <c r="J1345" s="353"/>
    </row>
    <row r="1346" spans="6:10" x14ac:dyDescent="0.2">
      <c r="F1346" s="353"/>
      <c r="G1346" s="353"/>
      <c r="H1346" s="353"/>
      <c r="I1346" s="353"/>
      <c r="J1346" s="353"/>
    </row>
    <row r="1347" spans="6:10" x14ac:dyDescent="0.2">
      <c r="F1347" s="353"/>
      <c r="G1347" s="353"/>
      <c r="H1347" s="353"/>
      <c r="I1347" s="353"/>
      <c r="J1347" s="353"/>
    </row>
    <row r="1348" spans="6:10" x14ac:dyDescent="0.2">
      <c r="F1348" s="353"/>
      <c r="G1348" s="353"/>
      <c r="H1348" s="353"/>
      <c r="I1348" s="353"/>
      <c r="J1348" s="353"/>
    </row>
    <row r="1349" spans="6:10" x14ac:dyDescent="0.2">
      <c r="F1349" s="353"/>
      <c r="G1349" s="353"/>
      <c r="H1349" s="353"/>
      <c r="I1349" s="353"/>
      <c r="J1349" s="353"/>
    </row>
    <row r="1350" spans="6:10" x14ac:dyDescent="0.2">
      <c r="F1350" s="353"/>
      <c r="G1350" s="353"/>
      <c r="H1350" s="353"/>
      <c r="I1350" s="353"/>
      <c r="J1350" s="353"/>
    </row>
    <row r="1351" spans="6:10" x14ac:dyDescent="0.2">
      <c r="F1351" s="353"/>
      <c r="G1351" s="353"/>
      <c r="H1351" s="353"/>
      <c r="I1351" s="353"/>
      <c r="J1351" s="353"/>
    </row>
    <row r="1352" spans="6:10" x14ac:dyDescent="0.2">
      <c r="F1352" s="353"/>
      <c r="G1352" s="353"/>
      <c r="H1352" s="353"/>
      <c r="I1352" s="353"/>
      <c r="J1352" s="353"/>
    </row>
    <row r="1353" spans="6:10" x14ac:dyDescent="0.2">
      <c r="F1353" s="353"/>
      <c r="G1353" s="353"/>
      <c r="H1353" s="353"/>
      <c r="I1353" s="353"/>
      <c r="J1353" s="353"/>
    </row>
    <row r="1354" spans="6:10" x14ac:dyDescent="0.2">
      <c r="F1354" s="353"/>
      <c r="G1354" s="353"/>
      <c r="H1354" s="353"/>
      <c r="I1354" s="353"/>
      <c r="J1354" s="353"/>
    </row>
    <row r="1355" spans="6:10" x14ac:dyDescent="0.2">
      <c r="F1355" s="353"/>
      <c r="G1355" s="353"/>
      <c r="H1355" s="353"/>
      <c r="I1355" s="353"/>
      <c r="J1355" s="353"/>
    </row>
    <row r="1356" spans="6:10" x14ac:dyDescent="0.2">
      <c r="F1356" s="353"/>
      <c r="G1356" s="353"/>
      <c r="H1356" s="353"/>
      <c r="I1356" s="353"/>
      <c r="J1356" s="353"/>
    </row>
    <row r="1357" spans="6:10" x14ac:dyDescent="0.2">
      <c r="F1357" s="353"/>
      <c r="G1357" s="353"/>
      <c r="H1357" s="353"/>
      <c r="I1357" s="353"/>
      <c r="J1357" s="353"/>
    </row>
    <row r="1358" spans="6:10" x14ac:dyDescent="0.2">
      <c r="F1358" s="353"/>
      <c r="G1358" s="353"/>
      <c r="H1358" s="353"/>
      <c r="I1358" s="353"/>
      <c r="J1358" s="353"/>
    </row>
    <row r="1359" spans="6:10" x14ac:dyDescent="0.2">
      <c r="F1359" s="353"/>
      <c r="G1359" s="353"/>
      <c r="H1359" s="353"/>
      <c r="I1359" s="353"/>
      <c r="J1359" s="353"/>
    </row>
    <row r="1360" spans="6:10" x14ac:dyDescent="0.2">
      <c r="F1360" s="353"/>
      <c r="G1360" s="353"/>
      <c r="H1360" s="353"/>
      <c r="I1360" s="353"/>
      <c r="J1360" s="353"/>
    </row>
    <row r="1361" spans="6:10" x14ac:dyDescent="0.2">
      <c r="F1361" s="353"/>
      <c r="G1361" s="353"/>
      <c r="H1361" s="353"/>
      <c r="I1361" s="353"/>
      <c r="J1361" s="353"/>
    </row>
    <row r="1362" spans="6:10" x14ac:dyDescent="0.2">
      <c r="F1362" s="353"/>
      <c r="G1362" s="353"/>
      <c r="H1362" s="353"/>
      <c r="I1362" s="353"/>
      <c r="J1362" s="353"/>
    </row>
    <row r="1363" spans="6:10" x14ac:dyDescent="0.2">
      <c r="F1363" s="353"/>
      <c r="G1363" s="353"/>
      <c r="H1363" s="353"/>
      <c r="I1363" s="353"/>
      <c r="J1363" s="353"/>
    </row>
    <row r="1364" spans="6:10" x14ac:dyDescent="0.2">
      <c r="F1364" s="353"/>
      <c r="G1364" s="353"/>
      <c r="H1364" s="353"/>
      <c r="I1364" s="353"/>
      <c r="J1364" s="353"/>
    </row>
    <row r="1365" spans="6:10" x14ac:dyDescent="0.2">
      <c r="F1365" s="353"/>
      <c r="G1365" s="353"/>
      <c r="H1365" s="353"/>
      <c r="I1365" s="353"/>
      <c r="J1365" s="353"/>
    </row>
    <row r="1366" spans="6:10" x14ac:dyDescent="0.2">
      <c r="F1366" s="353"/>
      <c r="G1366" s="353"/>
      <c r="H1366" s="353"/>
      <c r="I1366" s="353"/>
      <c r="J1366" s="353"/>
    </row>
    <row r="1367" spans="6:10" x14ac:dyDescent="0.2">
      <c r="F1367" s="353"/>
      <c r="G1367" s="353"/>
      <c r="H1367" s="353"/>
      <c r="I1367" s="353"/>
      <c r="J1367" s="353"/>
    </row>
    <row r="1368" spans="6:10" x14ac:dyDescent="0.2">
      <c r="F1368" s="353"/>
      <c r="G1368" s="353"/>
      <c r="H1368" s="353"/>
      <c r="I1368" s="353"/>
      <c r="J1368" s="353"/>
    </row>
    <row r="1369" spans="6:10" x14ac:dyDescent="0.2">
      <c r="F1369" s="353"/>
      <c r="G1369" s="353"/>
      <c r="H1369" s="353"/>
      <c r="I1369" s="353"/>
      <c r="J1369" s="353"/>
    </row>
    <row r="1370" spans="6:10" x14ac:dyDescent="0.2">
      <c r="F1370" s="353"/>
      <c r="G1370" s="353"/>
      <c r="H1370" s="353"/>
      <c r="I1370" s="353"/>
      <c r="J1370" s="353"/>
    </row>
    <row r="1371" spans="6:10" x14ac:dyDescent="0.2">
      <c r="F1371" s="353"/>
      <c r="G1371" s="353"/>
      <c r="H1371" s="353"/>
      <c r="I1371" s="353"/>
      <c r="J1371" s="353"/>
    </row>
    <row r="1372" spans="6:10" x14ac:dyDescent="0.2">
      <c r="F1372" s="353"/>
      <c r="G1372" s="353"/>
      <c r="H1372" s="353"/>
      <c r="I1372" s="353"/>
      <c r="J1372" s="353"/>
    </row>
    <row r="1373" spans="6:10" x14ac:dyDescent="0.2">
      <c r="F1373" s="353"/>
      <c r="G1373" s="353"/>
      <c r="H1373" s="353"/>
      <c r="I1373" s="353"/>
      <c r="J1373" s="353"/>
    </row>
    <row r="1374" spans="6:10" x14ac:dyDescent="0.2">
      <c r="F1374" s="353"/>
      <c r="G1374" s="353"/>
      <c r="H1374" s="353"/>
      <c r="I1374" s="353"/>
      <c r="J1374" s="353"/>
    </row>
    <row r="1375" spans="6:10" x14ac:dyDescent="0.2">
      <c r="F1375" s="353"/>
      <c r="G1375" s="353"/>
      <c r="H1375" s="353"/>
      <c r="I1375" s="353"/>
      <c r="J1375" s="353"/>
    </row>
    <row r="1376" spans="6:10" x14ac:dyDescent="0.2">
      <c r="F1376" s="353"/>
      <c r="G1376" s="353"/>
      <c r="H1376" s="353"/>
      <c r="I1376" s="353"/>
      <c r="J1376" s="353"/>
    </row>
    <row r="1377" spans="6:10" x14ac:dyDescent="0.2">
      <c r="F1377" s="353"/>
      <c r="G1377" s="353"/>
      <c r="H1377" s="353"/>
      <c r="I1377" s="353"/>
      <c r="J1377" s="353"/>
    </row>
    <row r="1378" spans="6:10" x14ac:dyDescent="0.2">
      <c r="F1378" s="353"/>
      <c r="G1378" s="353"/>
      <c r="H1378" s="353"/>
      <c r="I1378" s="353"/>
      <c r="J1378" s="353"/>
    </row>
    <row r="1379" spans="6:10" x14ac:dyDescent="0.2">
      <c r="F1379" s="353"/>
      <c r="G1379" s="353"/>
      <c r="H1379" s="353"/>
      <c r="I1379" s="353"/>
      <c r="J1379" s="353"/>
    </row>
    <row r="1380" spans="6:10" x14ac:dyDescent="0.2">
      <c r="F1380" s="353"/>
      <c r="G1380" s="353"/>
      <c r="H1380" s="353"/>
      <c r="I1380" s="353"/>
      <c r="J1380" s="353"/>
    </row>
    <row r="1381" spans="6:10" x14ac:dyDescent="0.2">
      <c r="F1381" s="353"/>
      <c r="G1381" s="353"/>
      <c r="H1381" s="353"/>
      <c r="I1381" s="353"/>
      <c r="J1381" s="353"/>
    </row>
    <row r="1382" spans="6:10" x14ac:dyDescent="0.2">
      <c r="F1382" s="353"/>
      <c r="G1382" s="353"/>
      <c r="H1382" s="353"/>
      <c r="I1382" s="353"/>
      <c r="J1382" s="353"/>
    </row>
    <row r="1383" spans="6:10" x14ac:dyDescent="0.2">
      <c r="F1383" s="353"/>
      <c r="G1383" s="353"/>
      <c r="H1383" s="353"/>
      <c r="I1383" s="353"/>
      <c r="J1383" s="353"/>
    </row>
    <row r="1384" spans="6:10" x14ac:dyDescent="0.2">
      <c r="F1384" s="353"/>
      <c r="G1384" s="353"/>
      <c r="H1384" s="353"/>
      <c r="I1384" s="353"/>
      <c r="J1384" s="353"/>
    </row>
    <row r="1385" spans="6:10" x14ac:dyDescent="0.2">
      <c r="F1385" s="353"/>
      <c r="G1385" s="353"/>
      <c r="H1385" s="353"/>
      <c r="I1385" s="353"/>
      <c r="J1385" s="353"/>
    </row>
    <row r="1386" spans="6:10" x14ac:dyDescent="0.2">
      <c r="F1386" s="353"/>
      <c r="G1386" s="353"/>
      <c r="H1386" s="353"/>
      <c r="I1386" s="353"/>
      <c r="J1386" s="353"/>
    </row>
    <row r="1387" spans="6:10" x14ac:dyDescent="0.2">
      <c r="F1387" s="353"/>
      <c r="G1387" s="353"/>
      <c r="H1387" s="353"/>
      <c r="I1387" s="353"/>
      <c r="J1387" s="353"/>
    </row>
    <row r="1388" spans="6:10" x14ac:dyDescent="0.2">
      <c r="F1388" s="353"/>
      <c r="G1388" s="353"/>
      <c r="H1388" s="353"/>
      <c r="I1388" s="353"/>
      <c r="J1388" s="353"/>
    </row>
    <row r="1389" spans="6:10" x14ac:dyDescent="0.2">
      <c r="F1389" s="353"/>
      <c r="G1389" s="353"/>
      <c r="H1389" s="353"/>
      <c r="I1389" s="353"/>
      <c r="J1389" s="353"/>
    </row>
    <row r="1390" spans="6:10" x14ac:dyDescent="0.2">
      <c r="F1390" s="353"/>
      <c r="G1390" s="353"/>
      <c r="H1390" s="353"/>
      <c r="I1390" s="353"/>
      <c r="J1390" s="353"/>
    </row>
    <row r="1391" spans="6:10" x14ac:dyDescent="0.2">
      <c r="F1391" s="353"/>
      <c r="G1391" s="353"/>
      <c r="H1391" s="353"/>
      <c r="I1391" s="353"/>
      <c r="J1391" s="353"/>
    </row>
    <row r="1392" spans="6:10" x14ac:dyDescent="0.2">
      <c r="F1392" s="353"/>
      <c r="G1392" s="353"/>
      <c r="H1392" s="353"/>
      <c r="I1392" s="353"/>
      <c r="J1392" s="353"/>
    </row>
    <row r="1393" spans="6:10" x14ac:dyDescent="0.2">
      <c r="F1393" s="353"/>
      <c r="G1393" s="353"/>
      <c r="H1393" s="353"/>
      <c r="I1393" s="353"/>
      <c r="J1393" s="353"/>
    </row>
    <row r="1394" spans="6:10" x14ac:dyDescent="0.2">
      <c r="F1394" s="353"/>
      <c r="G1394" s="353"/>
      <c r="H1394" s="353"/>
      <c r="I1394" s="353"/>
      <c r="J1394" s="353"/>
    </row>
    <row r="1395" spans="6:10" x14ac:dyDescent="0.2">
      <c r="F1395" s="353"/>
      <c r="G1395" s="353"/>
      <c r="H1395" s="353"/>
      <c r="I1395" s="353"/>
      <c r="J1395" s="353"/>
    </row>
    <row r="1396" spans="6:10" x14ac:dyDescent="0.2">
      <c r="F1396" s="353"/>
      <c r="G1396" s="353"/>
      <c r="H1396" s="353"/>
      <c r="I1396" s="353"/>
      <c r="J1396" s="353"/>
    </row>
    <row r="1397" spans="6:10" x14ac:dyDescent="0.2">
      <c r="F1397" s="353"/>
      <c r="G1397" s="353"/>
      <c r="H1397" s="353"/>
      <c r="I1397" s="353"/>
      <c r="J1397" s="353"/>
    </row>
    <row r="1398" spans="6:10" x14ac:dyDescent="0.2">
      <c r="F1398" s="353"/>
      <c r="G1398" s="353"/>
      <c r="H1398" s="353"/>
      <c r="I1398" s="353"/>
      <c r="J1398" s="353"/>
    </row>
    <row r="1399" spans="6:10" x14ac:dyDescent="0.2">
      <c r="F1399" s="353"/>
      <c r="G1399" s="353"/>
      <c r="H1399" s="353"/>
      <c r="I1399" s="353"/>
      <c r="J1399" s="353"/>
    </row>
    <row r="1400" spans="6:10" x14ac:dyDescent="0.2">
      <c r="F1400" s="353"/>
      <c r="G1400" s="353"/>
      <c r="H1400" s="353"/>
      <c r="I1400" s="353"/>
      <c r="J1400" s="353"/>
    </row>
    <row r="1401" spans="6:10" x14ac:dyDescent="0.2">
      <c r="F1401" s="353"/>
      <c r="G1401" s="353"/>
      <c r="H1401" s="353"/>
      <c r="I1401" s="353"/>
      <c r="J1401" s="353"/>
    </row>
    <row r="1402" spans="6:10" x14ac:dyDescent="0.2">
      <c r="F1402" s="353"/>
      <c r="G1402" s="353"/>
      <c r="H1402" s="353"/>
      <c r="I1402" s="353"/>
      <c r="J1402" s="353"/>
    </row>
    <row r="1403" spans="6:10" x14ac:dyDescent="0.2">
      <c r="F1403" s="353"/>
      <c r="G1403" s="353"/>
      <c r="H1403" s="353"/>
      <c r="I1403" s="353"/>
      <c r="J1403" s="353"/>
    </row>
    <row r="1404" spans="6:10" x14ac:dyDescent="0.2">
      <c r="F1404" s="353"/>
      <c r="G1404" s="353"/>
      <c r="H1404" s="353"/>
      <c r="I1404" s="353"/>
      <c r="J1404" s="353"/>
    </row>
    <row r="1405" spans="6:10" x14ac:dyDescent="0.2">
      <c r="F1405" s="353"/>
      <c r="G1405" s="353"/>
      <c r="H1405" s="353"/>
      <c r="I1405" s="353"/>
      <c r="J1405" s="353"/>
    </row>
    <row r="1406" spans="6:10" x14ac:dyDescent="0.2">
      <c r="F1406" s="353"/>
      <c r="G1406" s="353"/>
      <c r="H1406" s="353"/>
      <c r="I1406" s="353"/>
      <c r="J1406" s="353"/>
    </row>
    <row r="1407" spans="6:10" x14ac:dyDescent="0.2">
      <c r="F1407" s="353"/>
      <c r="G1407" s="353"/>
      <c r="H1407" s="353"/>
      <c r="I1407" s="353"/>
      <c r="J1407" s="353"/>
    </row>
    <row r="1408" spans="6:10" x14ac:dyDescent="0.2">
      <c r="F1408" s="353"/>
      <c r="G1408" s="353"/>
      <c r="H1408" s="353"/>
      <c r="I1408" s="353"/>
      <c r="J1408" s="353"/>
    </row>
    <row r="1409" spans="6:10" x14ac:dyDescent="0.2">
      <c r="F1409" s="353"/>
      <c r="G1409" s="353"/>
      <c r="H1409" s="353"/>
      <c r="I1409" s="353"/>
      <c r="J1409" s="353"/>
    </row>
    <row r="1410" spans="6:10" x14ac:dyDescent="0.2">
      <c r="F1410" s="353"/>
      <c r="G1410" s="353"/>
      <c r="H1410" s="353"/>
      <c r="I1410" s="353"/>
      <c r="J1410" s="353"/>
    </row>
    <row r="1411" spans="6:10" x14ac:dyDescent="0.2">
      <c r="F1411" s="353"/>
      <c r="G1411" s="353"/>
      <c r="H1411" s="353"/>
      <c r="I1411" s="353"/>
      <c r="J1411" s="353"/>
    </row>
    <row r="1412" spans="6:10" x14ac:dyDescent="0.2">
      <c r="F1412" s="353"/>
      <c r="G1412" s="353"/>
      <c r="H1412" s="353"/>
      <c r="I1412" s="353"/>
      <c r="J1412" s="353"/>
    </row>
    <row r="1413" spans="6:10" x14ac:dyDescent="0.2">
      <c r="F1413" s="353"/>
      <c r="G1413" s="353"/>
      <c r="H1413" s="353"/>
      <c r="I1413" s="353"/>
      <c r="J1413" s="353"/>
    </row>
    <row r="1414" spans="6:10" x14ac:dyDescent="0.2">
      <c r="F1414" s="353"/>
      <c r="G1414" s="353"/>
      <c r="H1414" s="353"/>
      <c r="I1414" s="353"/>
      <c r="J1414" s="353"/>
    </row>
    <row r="1415" spans="6:10" x14ac:dyDescent="0.2">
      <c r="F1415" s="353"/>
      <c r="G1415" s="353"/>
      <c r="H1415" s="353"/>
      <c r="I1415" s="353"/>
      <c r="J1415" s="353"/>
    </row>
    <row r="1416" spans="6:10" x14ac:dyDescent="0.2">
      <c r="F1416" s="353"/>
      <c r="G1416" s="353"/>
      <c r="H1416" s="353"/>
      <c r="I1416" s="353"/>
      <c r="J1416" s="353"/>
    </row>
    <row r="1417" spans="6:10" x14ac:dyDescent="0.2">
      <c r="F1417" s="353"/>
      <c r="G1417" s="353"/>
      <c r="H1417" s="353"/>
      <c r="I1417" s="353"/>
      <c r="J1417" s="353"/>
    </row>
    <row r="1418" spans="6:10" x14ac:dyDescent="0.2">
      <c r="F1418" s="353"/>
      <c r="G1418" s="353"/>
      <c r="H1418" s="353"/>
      <c r="I1418" s="353"/>
      <c r="J1418" s="353"/>
    </row>
    <row r="1419" spans="6:10" x14ac:dyDescent="0.2">
      <c r="F1419" s="353"/>
      <c r="G1419" s="353"/>
      <c r="H1419" s="353"/>
      <c r="I1419" s="353"/>
      <c r="J1419" s="353"/>
    </row>
    <row r="1420" spans="6:10" x14ac:dyDescent="0.2">
      <c r="F1420" s="353"/>
      <c r="G1420" s="353"/>
      <c r="H1420" s="353"/>
      <c r="I1420" s="353"/>
      <c r="J1420" s="353"/>
    </row>
    <row r="1421" spans="6:10" x14ac:dyDescent="0.2">
      <c r="F1421" s="353"/>
      <c r="G1421" s="353"/>
      <c r="H1421" s="353"/>
      <c r="I1421" s="353"/>
      <c r="J1421" s="353"/>
    </row>
    <row r="1422" spans="6:10" x14ac:dyDescent="0.2">
      <c r="F1422" s="353"/>
      <c r="G1422" s="353"/>
      <c r="H1422" s="353"/>
      <c r="I1422" s="353"/>
      <c r="J1422" s="353"/>
    </row>
    <row r="1423" spans="6:10" x14ac:dyDescent="0.2">
      <c r="F1423" s="353"/>
      <c r="G1423" s="353"/>
      <c r="H1423" s="353"/>
      <c r="I1423" s="353"/>
      <c r="J1423" s="353"/>
    </row>
    <row r="1424" spans="6:10" x14ac:dyDescent="0.2">
      <c r="F1424" s="353"/>
      <c r="G1424" s="353"/>
      <c r="H1424" s="353"/>
      <c r="I1424" s="353"/>
      <c r="J1424" s="353"/>
    </row>
    <row r="1425" spans="6:10" x14ac:dyDescent="0.2">
      <c r="F1425" s="353"/>
      <c r="G1425" s="353"/>
      <c r="H1425" s="353"/>
      <c r="I1425" s="353"/>
      <c r="J1425" s="353"/>
    </row>
    <row r="1426" spans="6:10" x14ac:dyDescent="0.2">
      <c r="F1426" s="353"/>
      <c r="G1426" s="353"/>
      <c r="H1426" s="353"/>
      <c r="I1426" s="353"/>
      <c r="J1426" s="353"/>
    </row>
    <row r="1427" spans="6:10" x14ac:dyDescent="0.2">
      <c r="F1427" s="353"/>
      <c r="G1427" s="353"/>
      <c r="H1427" s="353"/>
      <c r="I1427" s="353"/>
      <c r="J1427" s="353"/>
    </row>
    <row r="1428" spans="6:10" x14ac:dyDescent="0.2">
      <c r="F1428" s="353"/>
      <c r="G1428" s="353"/>
      <c r="H1428" s="353"/>
      <c r="I1428" s="353"/>
      <c r="J1428" s="353"/>
    </row>
    <row r="1429" spans="6:10" x14ac:dyDescent="0.2">
      <c r="F1429" s="353"/>
      <c r="G1429" s="353"/>
      <c r="H1429" s="353"/>
      <c r="I1429" s="353"/>
      <c r="J1429" s="353"/>
    </row>
    <row r="1430" spans="6:10" x14ac:dyDescent="0.2">
      <c r="F1430" s="353"/>
      <c r="G1430" s="353"/>
      <c r="H1430" s="353"/>
      <c r="I1430" s="353"/>
      <c r="J1430" s="353"/>
    </row>
    <row r="1431" spans="6:10" x14ac:dyDescent="0.2">
      <c r="F1431" s="353"/>
      <c r="G1431" s="353"/>
      <c r="H1431" s="353"/>
      <c r="I1431" s="353"/>
      <c r="J1431" s="353"/>
    </row>
    <row r="1432" spans="6:10" x14ac:dyDescent="0.2">
      <c r="F1432" s="353"/>
      <c r="G1432" s="353"/>
      <c r="H1432" s="353"/>
      <c r="I1432" s="353"/>
      <c r="J1432" s="353"/>
    </row>
    <row r="1433" spans="6:10" x14ac:dyDescent="0.2">
      <c r="F1433" s="353"/>
      <c r="G1433" s="353"/>
      <c r="H1433" s="353"/>
      <c r="I1433" s="353"/>
      <c r="J1433" s="353"/>
    </row>
    <row r="1434" spans="6:10" x14ac:dyDescent="0.2">
      <c r="F1434" s="353"/>
      <c r="G1434" s="353"/>
      <c r="H1434" s="353"/>
      <c r="I1434" s="353"/>
      <c r="J1434" s="353"/>
    </row>
    <row r="1435" spans="6:10" x14ac:dyDescent="0.2">
      <c r="F1435" s="353"/>
      <c r="G1435" s="353"/>
      <c r="H1435" s="353"/>
      <c r="I1435" s="353"/>
      <c r="J1435" s="353"/>
    </row>
    <row r="1436" spans="6:10" x14ac:dyDescent="0.2">
      <c r="F1436" s="353"/>
      <c r="G1436" s="353"/>
      <c r="H1436" s="353"/>
      <c r="I1436" s="353"/>
      <c r="J1436" s="353"/>
    </row>
    <row r="1437" spans="6:10" x14ac:dyDescent="0.2">
      <c r="F1437" s="353"/>
      <c r="G1437" s="353"/>
      <c r="H1437" s="353"/>
      <c r="I1437" s="353"/>
      <c r="J1437" s="353"/>
    </row>
    <row r="1438" spans="6:10" x14ac:dyDescent="0.2">
      <c r="F1438" s="353"/>
      <c r="G1438" s="353"/>
      <c r="H1438" s="353"/>
      <c r="I1438" s="353"/>
      <c r="J1438" s="353"/>
    </row>
    <row r="1439" spans="6:10" x14ac:dyDescent="0.2">
      <c r="F1439" s="353"/>
      <c r="G1439" s="353"/>
      <c r="H1439" s="353"/>
      <c r="I1439" s="353"/>
      <c r="J1439" s="353"/>
    </row>
    <row r="1440" spans="6:10" x14ac:dyDescent="0.2">
      <c r="F1440" s="353"/>
      <c r="G1440" s="353"/>
      <c r="H1440" s="353"/>
      <c r="I1440" s="353"/>
      <c r="J1440" s="353"/>
    </row>
    <row r="1441" spans="6:10" x14ac:dyDescent="0.2">
      <c r="F1441" s="353"/>
      <c r="G1441" s="353"/>
      <c r="H1441" s="353"/>
      <c r="I1441" s="353"/>
      <c r="J1441" s="353"/>
    </row>
    <row r="1442" spans="6:10" x14ac:dyDescent="0.2">
      <c r="F1442" s="353"/>
      <c r="G1442" s="353"/>
      <c r="H1442" s="353"/>
      <c r="I1442" s="353"/>
      <c r="J1442" s="353"/>
    </row>
    <row r="1443" spans="6:10" x14ac:dyDescent="0.2">
      <c r="F1443" s="353"/>
      <c r="G1443" s="353"/>
      <c r="H1443" s="353"/>
      <c r="I1443" s="353"/>
      <c r="J1443" s="353"/>
    </row>
    <row r="1444" spans="6:10" x14ac:dyDescent="0.2">
      <c r="F1444" s="353"/>
      <c r="G1444" s="353"/>
      <c r="H1444" s="353"/>
      <c r="I1444" s="353"/>
      <c r="J1444" s="353"/>
    </row>
    <row r="1445" spans="6:10" x14ac:dyDescent="0.2">
      <c r="F1445" s="353"/>
      <c r="G1445" s="353"/>
      <c r="H1445" s="353"/>
      <c r="I1445" s="353"/>
      <c r="J1445" s="353"/>
    </row>
    <row r="1446" spans="6:10" x14ac:dyDescent="0.2">
      <c r="F1446" s="353"/>
      <c r="G1446" s="353"/>
      <c r="H1446" s="353"/>
      <c r="I1446" s="353"/>
      <c r="J1446" s="353"/>
    </row>
    <row r="1447" spans="6:10" x14ac:dyDescent="0.2">
      <c r="F1447" s="353"/>
      <c r="G1447" s="353"/>
      <c r="H1447" s="353"/>
      <c r="I1447" s="353"/>
      <c r="J1447" s="353"/>
    </row>
    <row r="1448" spans="6:10" x14ac:dyDescent="0.2">
      <c r="F1448" s="353"/>
      <c r="G1448" s="353"/>
      <c r="H1448" s="353"/>
      <c r="I1448" s="353"/>
      <c r="J1448" s="353"/>
    </row>
    <row r="1449" spans="6:10" x14ac:dyDescent="0.2">
      <c r="F1449" s="353"/>
      <c r="G1449" s="353"/>
      <c r="H1449" s="353"/>
      <c r="I1449" s="353"/>
      <c r="J1449" s="353"/>
    </row>
    <row r="1450" spans="6:10" x14ac:dyDescent="0.2">
      <c r="F1450" s="353"/>
      <c r="G1450" s="353"/>
      <c r="H1450" s="353"/>
      <c r="I1450" s="353"/>
      <c r="J1450" s="353"/>
    </row>
    <row r="1451" spans="6:10" x14ac:dyDescent="0.2">
      <c r="F1451" s="353"/>
      <c r="G1451" s="353"/>
      <c r="H1451" s="353"/>
      <c r="I1451" s="353"/>
      <c r="J1451" s="353"/>
    </row>
    <row r="1452" spans="6:10" x14ac:dyDescent="0.2">
      <c r="F1452" s="353"/>
      <c r="G1452" s="353"/>
      <c r="H1452" s="353"/>
      <c r="I1452" s="353"/>
      <c r="J1452" s="353"/>
    </row>
    <row r="1453" spans="6:10" x14ac:dyDescent="0.2">
      <c r="F1453" s="353"/>
      <c r="G1453" s="353"/>
      <c r="H1453" s="353"/>
      <c r="I1453" s="353"/>
      <c r="J1453" s="353"/>
    </row>
    <row r="1454" spans="6:10" x14ac:dyDescent="0.2">
      <c r="F1454" s="353"/>
      <c r="G1454" s="353"/>
      <c r="H1454" s="353"/>
      <c r="I1454" s="353"/>
      <c r="J1454" s="353"/>
    </row>
    <row r="1455" spans="6:10" x14ac:dyDescent="0.2">
      <c r="F1455" s="353"/>
      <c r="G1455" s="353"/>
      <c r="H1455" s="353"/>
      <c r="I1455" s="353"/>
      <c r="J1455" s="353"/>
    </row>
    <row r="1456" spans="6:10" x14ac:dyDescent="0.2">
      <c r="F1456" s="353"/>
      <c r="G1456" s="353"/>
      <c r="H1456" s="353"/>
      <c r="I1456" s="353"/>
      <c r="J1456" s="353"/>
    </row>
    <row r="1457" spans="6:10" x14ac:dyDescent="0.2">
      <c r="F1457" s="353"/>
      <c r="G1457" s="353"/>
      <c r="H1457" s="353"/>
      <c r="I1457" s="353"/>
      <c r="J1457" s="353"/>
    </row>
    <row r="1458" spans="6:10" x14ac:dyDescent="0.2">
      <c r="F1458" s="353"/>
      <c r="G1458" s="353"/>
      <c r="H1458" s="353"/>
      <c r="I1458" s="353"/>
      <c r="J1458" s="353"/>
    </row>
    <row r="1459" spans="6:10" x14ac:dyDescent="0.2">
      <c r="F1459" s="353"/>
      <c r="G1459" s="353"/>
      <c r="H1459" s="353"/>
      <c r="I1459" s="353"/>
      <c r="J1459" s="353"/>
    </row>
    <row r="1460" spans="6:10" x14ac:dyDescent="0.2">
      <c r="F1460" s="353"/>
      <c r="G1460" s="353"/>
      <c r="H1460" s="353"/>
      <c r="I1460" s="353"/>
      <c r="J1460" s="353"/>
    </row>
    <row r="1461" spans="6:10" x14ac:dyDescent="0.2">
      <c r="F1461" s="353"/>
      <c r="G1461" s="353"/>
      <c r="H1461" s="353"/>
      <c r="I1461" s="353"/>
      <c r="J1461" s="353"/>
    </row>
    <row r="1462" spans="6:10" x14ac:dyDescent="0.2">
      <c r="F1462" s="353"/>
      <c r="G1462" s="353"/>
      <c r="H1462" s="353"/>
      <c r="I1462" s="353"/>
      <c r="J1462" s="353"/>
    </row>
    <row r="1463" spans="6:10" x14ac:dyDescent="0.2">
      <c r="F1463" s="353"/>
      <c r="G1463" s="353"/>
      <c r="H1463" s="353"/>
      <c r="I1463" s="353"/>
      <c r="J1463" s="353"/>
    </row>
    <row r="1464" spans="6:10" x14ac:dyDescent="0.2">
      <c r="F1464" s="353"/>
      <c r="G1464" s="353"/>
      <c r="H1464" s="353"/>
      <c r="I1464" s="353"/>
      <c r="J1464" s="353"/>
    </row>
    <row r="1465" spans="6:10" x14ac:dyDescent="0.2">
      <c r="F1465" s="353"/>
      <c r="G1465" s="353"/>
      <c r="H1465" s="353"/>
      <c r="I1465" s="353"/>
      <c r="J1465" s="353"/>
    </row>
    <row r="1466" spans="6:10" x14ac:dyDescent="0.2">
      <c r="F1466" s="353"/>
      <c r="G1466" s="353"/>
      <c r="H1466" s="353"/>
      <c r="I1466" s="353"/>
      <c r="J1466" s="353"/>
    </row>
    <row r="1467" spans="6:10" x14ac:dyDescent="0.2">
      <c r="F1467" s="353"/>
      <c r="G1467" s="353"/>
      <c r="H1467" s="353"/>
      <c r="I1467" s="353"/>
      <c r="J1467" s="353"/>
    </row>
    <row r="1468" spans="6:10" x14ac:dyDescent="0.2">
      <c r="F1468" s="353"/>
      <c r="G1468" s="353"/>
      <c r="H1468" s="353"/>
      <c r="I1468" s="353"/>
      <c r="J1468" s="353"/>
    </row>
    <row r="1469" spans="6:10" x14ac:dyDescent="0.2">
      <c r="F1469" s="353"/>
      <c r="G1469" s="353"/>
      <c r="H1469" s="353"/>
      <c r="I1469" s="353"/>
      <c r="J1469" s="353"/>
    </row>
    <row r="1470" spans="6:10" x14ac:dyDescent="0.2">
      <c r="F1470" s="353"/>
      <c r="G1470" s="353"/>
      <c r="H1470" s="353"/>
      <c r="I1470" s="353"/>
      <c r="J1470" s="353"/>
    </row>
    <row r="1471" spans="6:10" x14ac:dyDescent="0.2">
      <c r="F1471" s="353"/>
      <c r="G1471" s="353"/>
      <c r="H1471" s="353"/>
      <c r="I1471" s="353"/>
      <c r="J1471" s="353"/>
    </row>
    <row r="1472" spans="6:10" x14ac:dyDescent="0.2">
      <c r="F1472" s="353"/>
      <c r="G1472" s="353"/>
      <c r="H1472" s="353"/>
      <c r="I1472" s="353"/>
      <c r="J1472" s="353"/>
    </row>
    <row r="1473" spans="6:10" x14ac:dyDescent="0.2">
      <c r="F1473" s="353"/>
      <c r="G1473" s="353"/>
      <c r="H1473" s="353"/>
      <c r="I1473" s="353"/>
      <c r="J1473" s="353"/>
    </row>
    <row r="1474" spans="6:10" x14ac:dyDescent="0.2">
      <c r="F1474" s="353"/>
      <c r="G1474" s="353"/>
      <c r="H1474" s="353"/>
      <c r="I1474" s="353"/>
      <c r="J1474" s="353"/>
    </row>
    <row r="1475" spans="6:10" x14ac:dyDescent="0.2">
      <c r="F1475" s="353"/>
      <c r="G1475" s="353"/>
      <c r="H1475" s="353"/>
      <c r="I1475" s="353"/>
      <c r="J1475" s="353"/>
    </row>
    <row r="1476" spans="6:10" x14ac:dyDescent="0.2">
      <c r="F1476" s="353"/>
      <c r="G1476" s="353"/>
      <c r="H1476" s="353"/>
      <c r="I1476" s="353"/>
      <c r="J1476" s="353"/>
    </row>
    <row r="1477" spans="6:10" x14ac:dyDescent="0.2">
      <c r="F1477" s="353"/>
      <c r="G1477" s="353"/>
      <c r="H1477" s="353"/>
      <c r="I1477" s="353"/>
      <c r="J1477" s="353"/>
    </row>
    <row r="1478" spans="6:10" x14ac:dyDescent="0.2">
      <c r="F1478" s="353"/>
      <c r="G1478" s="353"/>
      <c r="H1478" s="353"/>
      <c r="I1478" s="353"/>
      <c r="J1478" s="353"/>
    </row>
    <row r="1479" spans="6:10" x14ac:dyDescent="0.2">
      <c r="F1479" s="353"/>
      <c r="G1479" s="353"/>
      <c r="H1479" s="353"/>
      <c r="I1479" s="353"/>
      <c r="J1479" s="353"/>
    </row>
    <row r="1480" spans="6:10" x14ac:dyDescent="0.2">
      <c r="F1480" s="353"/>
      <c r="G1480" s="353"/>
      <c r="H1480" s="353"/>
      <c r="I1480" s="353"/>
      <c r="J1480" s="353"/>
    </row>
    <row r="1481" spans="6:10" x14ac:dyDescent="0.2">
      <c r="F1481" s="353"/>
      <c r="G1481" s="353"/>
      <c r="H1481" s="353"/>
      <c r="I1481" s="353"/>
      <c r="J1481" s="353"/>
    </row>
    <row r="1482" spans="6:10" x14ac:dyDescent="0.2">
      <c r="F1482" s="353"/>
      <c r="G1482" s="353"/>
      <c r="H1482" s="353"/>
      <c r="I1482" s="353"/>
      <c r="J1482" s="353"/>
    </row>
    <row r="1483" spans="6:10" x14ac:dyDescent="0.2">
      <c r="F1483" s="353"/>
      <c r="G1483" s="353"/>
      <c r="H1483" s="353"/>
      <c r="I1483" s="353"/>
      <c r="J1483" s="353"/>
    </row>
    <row r="1484" spans="6:10" x14ac:dyDescent="0.2">
      <c r="F1484" s="353"/>
      <c r="G1484" s="353"/>
      <c r="H1484" s="353"/>
      <c r="I1484" s="353"/>
      <c r="J1484" s="353"/>
    </row>
    <row r="1485" spans="6:10" x14ac:dyDescent="0.2">
      <c r="F1485" s="353"/>
      <c r="G1485" s="353"/>
      <c r="H1485" s="353"/>
      <c r="I1485" s="353"/>
      <c r="J1485" s="353"/>
    </row>
    <row r="1486" spans="6:10" x14ac:dyDescent="0.2">
      <c r="F1486" s="353"/>
      <c r="G1486" s="353"/>
      <c r="H1486" s="353"/>
      <c r="I1486" s="353"/>
      <c r="J1486" s="353"/>
    </row>
    <row r="1487" spans="6:10" x14ac:dyDescent="0.2">
      <c r="F1487" s="353"/>
      <c r="G1487" s="353"/>
      <c r="H1487" s="353"/>
      <c r="I1487" s="353"/>
      <c r="J1487" s="353"/>
    </row>
    <row r="1488" spans="6:10" x14ac:dyDescent="0.2">
      <c r="F1488" s="353"/>
      <c r="G1488" s="353"/>
      <c r="H1488" s="353"/>
      <c r="I1488" s="353"/>
      <c r="J1488" s="353"/>
    </row>
    <row r="1489" spans="6:10" x14ac:dyDescent="0.2">
      <c r="F1489" s="353"/>
      <c r="G1489" s="353"/>
      <c r="H1489" s="353"/>
      <c r="I1489" s="353"/>
      <c r="J1489" s="353"/>
    </row>
    <row r="1490" spans="6:10" x14ac:dyDescent="0.2">
      <c r="F1490" s="353"/>
      <c r="G1490" s="353"/>
      <c r="H1490" s="353"/>
      <c r="I1490" s="353"/>
      <c r="J1490" s="353"/>
    </row>
    <row r="1491" spans="6:10" x14ac:dyDescent="0.2">
      <c r="F1491" s="353"/>
      <c r="G1491" s="353"/>
      <c r="H1491" s="353"/>
      <c r="I1491" s="353"/>
      <c r="J1491" s="353"/>
    </row>
    <row r="1492" spans="6:10" x14ac:dyDescent="0.2">
      <c r="F1492" s="353"/>
      <c r="G1492" s="353"/>
      <c r="H1492" s="353"/>
      <c r="I1492" s="353"/>
      <c r="J1492" s="353"/>
    </row>
    <row r="1493" spans="6:10" x14ac:dyDescent="0.2">
      <c r="F1493" s="353"/>
      <c r="G1493" s="353"/>
      <c r="H1493" s="353"/>
      <c r="I1493" s="353"/>
      <c r="J1493" s="353"/>
    </row>
    <row r="1494" spans="6:10" x14ac:dyDescent="0.2">
      <c r="F1494" s="353"/>
      <c r="G1494" s="353"/>
      <c r="H1494" s="353"/>
      <c r="I1494" s="353"/>
      <c r="J1494" s="353"/>
    </row>
    <row r="1495" spans="6:10" x14ac:dyDescent="0.2">
      <c r="F1495" s="353"/>
      <c r="G1495" s="353"/>
      <c r="H1495" s="353"/>
      <c r="I1495" s="353"/>
      <c r="J1495" s="353"/>
    </row>
    <row r="1496" spans="6:10" x14ac:dyDescent="0.2">
      <c r="F1496" s="353"/>
      <c r="G1496" s="353"/>
      <c r="H1496" s="353"/>
      <c r="I1496" s="353"/>
      <c r="J1496" s="353"/>
    </row>
    <row r="1497" spans="6:10" x14ac:dyDescent="0.2">
      <c r="F1497" s="353"/>
      <c r="G1497" s="353"/>
      <c r="H1497" s="353"/>
      <c r="I1497" s="353"/>
      <c r="J1497" s="353"/>
    </row>
    <row r="1498" spans="6:10" x14ac:dyDescent="0.2">
      <c r="F1498" s="353"/>
      <c r="G1498" s="353"/>
      <c r="H1498" s="353"/>
      <c r="I1498" s="353"/>
      <c r="J1498" s="353"/>
    </row>
    <row r="1499" spans="6:10" x14ac:dyDescent="0.2">
      <c r="F1499" s="353"/>
      <c r="G1499" s="353"/>
      <c r="H1499" s="353"/>
      <c r="I1499" s="353"/>
      <c r="J1499" s="353"/>
    </row>
    <row r="1500" spans="6:10" x14ac:dyDescent="0.2">
      <c r="F1500" s="353"/>
      <c r="G1500" s="353"/>
      <c r="H1500" s="353"/>
      <c r="I1500" s="353"/>
      <c r="J1500" s="353"/>
    </row>
    <row r="1501" spans="6:10" x14ac:dyDescent="0.2">
      <c r="F1501" s="353"/>
      <c r="G1501" s="353"/>
      <c r="H1501" s="353"/>
      <c r="I1501" s="353"/>
      <c r="J1501" s="353"/>
    </row>
    <row r="1502" spans="6:10" x14ac:dyDescent="0.2">
      <c r="F1502" s="353"/>
      <c r="G1502" s="353"/>
      <c r="H1502" s="353"/>
      <c r="I1502" s="353"/>
      <c r="J1502" s="353"/>
    </row>
    <row r="1503" spans="6:10" x14ac:dyDescent="0.2">
      <c r="F1503" s="353"/>
      <c r="G1503" s="353"/>
      <c r="H1503" s="353"/>
      <c r="I1503" s="353"/>
      <c r="J1503" s="353"/>
    </row>
    <row r="1504" spans="6:10" x14ac:dyDescent="0.2">
      <c r="F1504" s="353"/>
      <c r="G1504" s="353"/>
      <c r="H1504" s="353"/>
      <c r="I1504" s="353"/>
      <c r="J1504" s="353"/>
    </row>
    <row r="1505" spans="6:10" x14ac:dyDescent="0.2">
      <c r="F1505" s="353"/>
      <c r="G1505" s="353"/>
      <c r="H1505" s="353"/>
      <c r="I1505" s="353"/>
      <c r="J1505" s="353"/>
    </row>
    <row r="1506" spans="6:10" x14ac:dyDescent="0.2">
      <c r="F1506" s="353"/>
      <c r="G1506" s="353"/>
      <c r="H1506" s="353"/>
      <c r="I1506" s="353"/>
      <c r="J1506" s="353"/>
    </row>
    <row r="1507" spans="6:10" x14ac:dyDescent="0.2">
      <c r="F1507" s="353"/>
      <c r="G1507" s="353"/>
      <c r="H1507" s="353"/>
      <c r="I1507" s="353"/>
      <c r="J1507" s="353"/>
    </row>
    <row r="1508" spans="6:10" x14ac:dyDescent="0.2">
      <c r="F1508" s="353"/>
      <c r="G1508" s="353"/>
      <c r="H1508" s="353"/>
      <c r="I1508" s="353"/>
      <c r="J1508" s="353"/>
    </row>
    <row r="1509" spans="6:10" x14ac:dyDescent="0.2">
      <c r="F1509" s="353"/>
      <c r="G1509" s="353"/>
      <c r="H1509" s="353"/>
      <c r="I1509" s="353"/>
      <c r="J1509" s="353"/>
    </row>
    <row r="1510" spans="6:10" x14ac:dyDescent="0.2">
      <c r="F1510" s="353"/>
      <c r="G1510" s="353"/>
      <c r="H1510" s="353"/>
      <c r="I1510" s="353"/>
      <c r="J1510" s="353"/>
    </row>
    <row r="1511" spans="6:10" x14ac:dyDescent="0.2">
      <c r="F1511" s="353"/>
      <c r="G1511" s="353"/>
      <c r="H1511" s="353"/>
      <c r="I1511" s="353"/>
      <c r="J1511" s="353"/>
    </row>
    <row r="1512" spans="6:10" x14ac:dyDescent="0.2">
      <c r="F1512" s="353"/>
      <c r="G1512" s="353"/>
      <c r="H1512" s="353"/>
      <c r="I1512" s="353"/>
      <c r="J1512" s="353"/>
    </row>
    <row r="1513" spans="6:10" x14ac:dyDescent="0.2">
      <c r="F1513" s="353"/>
      <c r="G1513" s="353"/>
      <c r="H1513" s="353"/>
      <c r="I1513" s="353"/>
      <c r="J1513" s="353"/>
    </row>
    <row r="1514" spans="6:10" x14ac:dyDescent="0.2">
      <c r="F1514" s="353"/>
      <c r="G1514" s="353"/>
      <c r="H1514" s="353"/>
      <c r="I1514" s="353"/>
      <c r="J1514" s="353"/>
    </row>
    <row r="1515" spans="6:10" x14ac:dyDescent="0.2">
      <c r="F1515" s="353"/>
      <c r="G1515" s="353"/>
      <c r="H1515" s="353"/>
      <c r="I1515" s="353"/>
      <c r="J1515" s="353"/>
    </row>
    <row r="1516" spans="6:10" x14ac:dyDescent="0.2">
      <c r="F1516" s="353"/>
      <c r="G1516" s="353"/>
      <c r="H1516" s="353"/>
      <c r="I1516" s="353"/>
      <c r="J1516" s="353"/>
    </row>
    <row r="1517" spans="6:10" x14ac:dyDescent="0.2">
      <c r="F1517" s="353"/>
      <c r="G1517" s="353"/>
      <c r="H1517" s="353"/>
      <c r="I1517" s="353"/>
      <c r="J1517" s="353"/>
    </row>
    <row r="1518" spans="6:10" x14ac:dyDescent="0.2">
      <c r="F1518" s="353"/>
      <c r="G1518" s="353"/>
      <c r="H1518" s="353"/>
      <c r="I1518" s="353"/>
      <c r="J1518" s="353"/>
    </row>
    <row r="1519" spans="6:10" x14ac:dyDescent="0.2">
      <c r="F1519" s="353"/>
      <c r="G1519" s="353"/>
      <c r="H1519" s="353"/>
      <c r="I1519" s="353"/>
      <c r="J1519" s="353"/>
    </row>
    <row r="1520" spans="6:10" x14ac:dyDescent="0.2">
      <c r="F1520" s="353"/>
      <c r="G1520" s="353"/>
      <c r="H1520" s="353"/>
      <c r="I1520" s="353"/>
      <c r="J1520" s="353"/>
    </row>
    <row r="1521" spans="6:10" x14ac:dyDescent="0.2">
      <c r="F1521" s="353"/>
      <c r="G1521" s="353"/>
      <c r="H1521" s="353"/>
      <c r="I1521" s="353"/>
      <c r="J1521" s="353"/>
    </row>
    <row r="1522" spans="6:10" x14ac:dyDescent="0.2">
      <c r="F1522" s="353"/>
      <c r="G1522" s="353"/>
      <c r="H1522" s="353"/>
      <c r="I1522" s="353"/>
      <c r="J1522" s="353"/>
    </row>
    <row r="1523" spans="6:10" x14ac:dyDescent="0.2">
      <c r="F1523" s="353"/>
      <c r="G1523" s="353"/>
      <c r="H1523" s="353"/>
      <c r="I1523" s="353"/>
      <c r="J1523" s="353"/>
    </row>
    <row r="1524" spans="6:10" x14ac:dyDescent="0.2">
      <c r="F1524" s="353"/>
      <c r="G1524" s="353"/>
      <c r="H1524" s="353"/>
      <c r="I1524" s="353"/>
      <c r="J1524" s="353"/>
    </row>
    <row r="1525" spans="6:10" x14ac:dyDescent="0.2">
      <c r="F1525" s="353"/>
      <c r="G1525" s="353"/>
      <c r="H1525" s="353"/>
      <c r="I1525" s="353"/>
      <c r="J1525" s="353"/>
    </row>
    <row r="1526" spans="6:10" x14ac:dyDescent="0.2">
      <c r="F1526" s="353"/>
      <c r="G1526" s="353"/>
      <c r="H1526" s="353"/>
      <c r="I1526" s="353"/>
      <c r="J1526" s="353"/>
    </row>
    <row r="1527" spans="6:10" x14ac:dyDescent="0.2">
      <c r="F1527" s="353"/>
      <c r="G1527" s="353"/>
      <c r="H1527" s="353"/>
      <c r="I1527" s="353"/>
      <c r="J1527" s="353"/>
    </row>
    <row r="1528" spans="6:10" x14ac:dyDescent="0.2">
      <c r="F1528" s="353"/>
      <c r="G1528" s="353"/>
      <c r="H1528" s="353"/>
      <c r="I1528" s="353"/>
      <c r="J1528" s="353"/>
    </row>
    <row r="1529" spans="6:10" x14ac:dyDescent="0.2">
      <c r="F1529" s="353"/>
      <c r="G1529" s="353"/>
      <c r="H1529" s="353"/>
      <c r="I1529" s="353"/>
      <c r="J1529" s="353"/>
    </row>
    <row r="1530" spans="6:10" x14ac:dyDescent="0.2">
      <c r="F1530" s="353"/>
      <c r="G1530" s="353"/>
      <c r="H1530" s="353"/>
      <c r="I1530" s="353"/>
      <c r="J1530" s="353"/>
    </row>
    <row r="1531" spans="6:10" x14ac:dyDescent="0.2">
      <c r="F1531" s="353"/>
      <c r="G1531" s="353"/>
      <c r="H1531" s="353"/>
      <c r="I1531" s="353"/>
      <c r="J1531" s="353"/>
    </row>
    <row r="1532" spans="6:10" x14ac:dyDescent="0.2">
      <c r="F1532" s="353"/>
      <c r="G1532" s="353"/>
      <c r="H1532" s="353"/>
      <c r="I1532" s="353"/>
      <c r="J1532" s="353"/>
    </row>
    <row r="1533" spans="6:10" x14ac:dyDescent="0.2">
      <c r="F1533" s="353"/>
      <c r="G1533" s="353"/>
      <c r="H1533" s="353"/>
      <c r="I1533" s="353"/>
      <c r="J1533" s="353"/>
    </row>
    <row r="1534" spans="6:10" x14ac:dyDescent="0.2">
      <c r="F1534" s="353"/>
      <c r="G1534" s="353"/>
      <c r="H1534" s="353"/>
      <c r="I1534" s="353"/>
      <c r="J1534" s="353"/>
    </row>
    <row r="1535" spans="6:10" x14ac:dyDescent="0.2">
      <c r="F1535" s="353"/>
      <c r="G1535" s="353"/>
      <c r="H1535" s="353"/>
      <c r="I1535" s="353"/>
      <c r="J1535" s="353"/>
    </row>
    <row r="1536" spans="6:10" x14ac:dyDescent="0.2">
      <c r="F1536" s="353"/>
      <c r="G1536" s="353"/>
      <c r="H1536" s="353"/>
      <c r="I1536" s="353"/>
      <c r="J1536" s="353"/>
    </row>
    <row r="1537" spans="6:10" x14ac:dyDescent="0.2">
      <c r="F1537" s="353"/>
      <c r="G1537" s="353"/>
      <c r="H1537" s="353"/>
      <c r="I1537" s="353"/>
      <c r="J1537" s="353"/>
    </row>
    <row r="1538" spans="6:10" x14ac:dyDescent="0.2">
      <c r="F1538" s="353"/>
      <c r="G1538" s="353"/>
      <c r="H1538" s="353"/>
      <c r="I1538" s="353"/>
      <c r="J1538" s="353"/>
    </row>
    <row r="1539" spans="6:10" x14ac:dyDescent="0.2">
      <c r="F1539" s="353"/>
      <c r="G1539" s="353"/>
      <c r="H1539" s="353"/>
      <c r="I1539" s="353"/>
      <c r="J1539" s="353"/>
    </row>
    <row r="1540" spans="6:10" x14ac:dyDescent="0.2">
      <c r="F1540" s="353"/>
      <c r="G1540" s="353"/>
      <c r="H1540" s="353"/>
      <c r="I1540" s="353"/>
      <c r="J1540" s="353"/>
    </row>
    <row r="1541" spans="6:10" x14ac:dyDescent="0.2">
      <c r="F1541" s="353"/>
      <c r="G1541" s="353"/>
      <c r="H1541" s="353"/>
      <c r="I1541" s="353"/>
      <c r="J1541" s="353"/>
    </row>
    <row r="1542" spans="6:10" x14ac:dyDescent="0.2">
      <c r="F1542" s="353"/>
      <c r="G1542" s="353"/>
      <c r="H1542" s="353"/>
      <c r="I1542" s="353"/>
      <c r="J1542" s="353"/>
    </row>
    <row r="1543" spans="6:10" x14ac:dyDescent="0.2">
      <c r="F1543" s="353"/>
      <c r="G1543" s="353"/>
      <c r="H1543" s="353"/>
      <c r="I1543" s="353"/>
      <c r="J1543" s="353"/>
    </row>
    <row r="1544" spans="6:10" x14ac:dyDescent="0.2">
      <c r="F1544" s="353"/>
      <c r="G1544" s="353"/>
      <c r="H1544" s="353"/>
      <c r="I1544" s="353"/>
      <c r="J1544" s="353"/>
    </row>
    <row r="1545" spans="6:10" x14ac:dyDescent="0.2">
      <c r="F1545" s="353"/>
      <c r="G1545" s="353"/>
      <c r="H1545" s="353"/>
      <c r="I1545" s="353"/>
      <c r="J1545" s="353"/>
    </row>
    <row r="1546" spans="6:10" x14ac:dyDescent="0.2">
      <c r="F1546" s="353"/>
      <c r="G1546" s="353"/>
      <c r="H1546" s="353"/>
      <c r="I1546" s="353"/>
      <c r="J1546" s="353"/>
    </row>
    <row r="1547" spans="6:10" x14ac:dyDescent="0.2">
      <c r="F1547" s="353"/>
      <c r="G1547" s="353"/>
      <c r="H1547" s="353"/>
      <c r="I1547" s="353"/>
      <c r="J1547" s="353"/>
    </row>
    <row r="1548" spans="6:10" x14ac:dyDescent="0.2">
      <c r="F1548" s="353"/>
      <c r="G1548" s="353"/>
      <c r="H1548" s="353"/>
      <c r="I1548" s="353"/>
      <c r="J1548" s="353"/>
    </row>
    <row r="1549" spans="6:10" x14ac:dyDescent="0.2">
      <c r="F1549" s="353"/>
      <c r="G1549" s="353"/>
      <c r="H1549" s="353"/>
      <c r="I1549" s="353"/>
      <c r="J1549" s="353"/>
    </row>
    <row r="1550" spans="6:10" x14ac:dyDescent="0.2">
      <c r="F1550" s="353"/>
      <c r="G1550" s="353"/>
      <c r="H1550" s="353"/>
      <c r="I1550" s="353"/>
      <c r="J1550" s="353"/>
    </row>
    <row r="1551" spans="6:10" x14ac:dyDescent="0.2">
      <c r="F1551" s="353"/>
      <c r="G1551" s="353"/>
      <c r="H1551" s="353"/>
      <c r="I1551" s="353"/>
      <c r="J1551" s="353"/>
    </row>
    <row r="1552" spans="6:10" x14ac:dyDescent="0.2">
      <c r="F1552" s="353"/>
      <c r="G1552" s="353"/>
      <c r="H1552" s="353"/>
      <c r="I1552" s="353"/>
      <c r="J1552" s="353"/>
    </row>
    <row r="1553" spans="6:10" x14ac:dyDescent="0.2">
      <c r="F1553" s="353"/>
      <c r="G1553" s="353"/>
      <c r="H1553" s="353"/>
      <c r="I1553" s="353"/>
      <c r="J1553" s="353"/>
    </row>
    <row r="1554" spans="6:10" x14ac:dyDescent="0.2">
      <c r="F1554" s="353"/>
      <c r="G1554" s="353"/>
      <c r="H1554" s="353"/>
      <c r="I1554" s="353"/>
      <c r="J1554" s="353"/>
    </row>
    <row r="1555" spans="6:10" x14ac:dyDescent="0.2">
      <c r="F1555" s="353"/>
      <c r="G1555" s="353"/>
      <c r="H1555" s="353"/>
      <c r="I1555" s="353"/>
      <c r="J1555" s="353"/>
    </row>
    <row r="1556" spans="6:10" x14ac:dyDescent="0.2">
      <c r="F1556" s="353"/>
      <c r="G1556" s="353"/>
      <c r="H1556" s="353"/>
      <c r="I1556" s="353"/>
      <c r="J1556" s="353"/>
    </row>
    <row r="1557" spans="6:10" x14ac:dyDescent="0.2">
      <c r="F1557" s="353"/>
      <c r="G1557" s="353"/>
      <c r="H1557" s="353"/>
      <c r="I1557" s="353"/>
      <c r="J1557" s="353"/>
    </row>
    <row r="1558" spans="6:10" x14ac:dyDescent="0.2">
      <c r="F1558" s="353"/>
      <c r="G1558" s="353"/>
      <c r="H1558" s="353"/>
      <c r="I1558" s="353"/>
      <c r="J1558" s="353"/>
    </row>
    <row r="1559" spans="6:10" x14ac:dyDescent="0.2">
      <c r="F1559" s="353"/>
      <c r="G1559" s="353"/>
      <c r="H1559" s="353"/>
      <c r="I1559" s="353"/>
      <c r="J1559" s="353"/>
    </row>
    <row r="1560" spans="6:10" x14ac:dyDescent="0.2">
      <c r="F1560" s="353"/>
      <c r="G1560" s="353"/>
      <c r="H1560" s="353"/>
      <c r="I1560" s="353"/>
      <c r="J1560" s="353"/>
    </row>
    <row r="1561" spans="6:10" x14ac:dyDescent="0.2">
      <c r="F1561" s="353"/>
      <c r="G1561" s="353"/>
      <c r="H1561" s="353"/>
      <c r="I1561" s="353"/>
      <c r="J1561" s="353"/>
    </row>
    <row r="1562" spans="6:10" x14ac:dyDescent="0.2">
      <c r="F1562" s="353"/>
      <c r="G1562" s="353"/>
      <c r="H1562" s="353"/>
      <c r="I1562" s="353"/>
      <c r="J1562" s="353"/>
    </row>
    <row r="1563" spans="6:10" x14ac:dyDescent="0.2">
      <c r="F1563" s="353"/>
      <c r="G1563" s="353"/>
      <c r="H1563" s="353"/>
      <c r="I1563" s="353"/>
      <c r="J1563" s="353"/>
    </row>
    <row r="1564" spans="6:10" x14ac:dyDescent="0.2">
      <c r="F1564" s="353"/>
      <c r="G1564" s="353"/>
      <c r="H1564" s="353"/>
      <c r="I1564" s="353"/>
      <c r="J1564" s="353"/>
    </row>
    <row r="1565" spans="6:10" x14ac:dyDescent="0.2">
      <c r="F1565" s="353"/>
      <c r="G1565" s="353"/>
      <c r="H1565" s="353"/>
      <c r="I1565" s="353"/>
      <c r="J1565" s="353"/>
    </row>
    <row r="1566" spans="6:10" x14ac:dyDescent="0.2">
      <c r="F1566" s="353"/>
      <c r="G1566" s="353"/>
      <c r="H1566" s="353"/>
      <c r="I1566" s="353"/>
      <c r="J1566" s="353"/>
    </row>
    <row r="1567" spans="6:10" x14ac:dyDescent="0.2">
      <c r="F1567" s="353"/>
      <c r="G1567" s="353"/>
      <c r="H1567" s="353"/>
      <c r="I1567" s="353"/>
      <c r="J1567" s="353"/>
    </row>
    <row r="1568" spans="6:10" x14ac:dyDescent="0.2">
      <c r="F1568" s="353"/>
      <c r="G1568" s="353"/>
      <c r="H1568" s="353"/>
      <c r="I1568" s="353"/>
      <c r="J1568" s="353"/>
    </row>
    <row r="1569" spans="6:10" x14ac:dyDescent="0.2">
      <c r="F1569" s="353"/>
      <c r="G1569" s="353"/>
      <c r="H1569" s="353"/>
      <c r="I1569" s="353"/>
      <c r="J1569" s="353"/>
    </row>
    <row r="1570" spans="6:10" x14ac:dyDescent="0.2">
      <c r="F1570" s="353"/>
      <c r="G1570" s="353"/>
      <c r="H1570" s="353"/>
      <c r="I1570" s="353"/>
      <c r="J1570" s="353"/>
    </row>
    <row r="1571" spans="6:10" x14ac:dyDescent="0.2">
      <c r="F1571" s="353"/>
      <c r="G1571" s="353"/>
      <c r="H1571" s="353"/>
      <c r="I1571" s="353"/>
      <c r="J1571" s="353"/>
    </row>
    <row r="1572" spans="6:10" x14ac:dyDescent="0.2">
      <c r="F1572" s="353"/>
      <c r="G1572" s="353"/>
      <c r="H1572" s="353"/>
      <c r="I1572" s="353"/>
      <c r="J1572" s="353"/>
    </row>
    <row r="1573" spans="6:10" x14ac:dyDescent="0.2">
      <c r="F1573" s="353"/>
      <c r="G1573" s="353"/>
      <c r="H1573" s="353"/>
      <c r="I1573" s="353"/>
      <c r="J1573" s="353"/>
    </row>
    <row r="1574" spans="6:10" x14ac:dyDescent="0.2">
      <c r="F1574" s="353"/>
      <c r="G1574" s="353"/>
      <c r="H1574" s="353"/>
      <c r="I1574" s="353"/>
      <c r="J1574" s="353"/>
    </row>
    <row r="1575" spans="6:10" x14ac:dyDescent="0.2">
      <c r="F1575" s="353"/>
      <c r="G1575" s="353"/>
      <c r="H1575" s="353"/>
      <c r="I1575" s="353"/>
      <c r="J1575" s="353"/>
    </row>
    <row r="1576" spans="6:10" x14ac:dyDescent="0.2">
      <c r="F1576" s="353"/>
      <c r="G1576" s="353"/>
      <c r="H1576" s="353"/>
      <c r="I1576" s="353"/>
      <c r="J1576" s="353"/>
    </row>
    <row r="1577" spans="6:10" x14ac:dyDescent="0.2">
      <c r="F1577" s="353"/>
      <c r="G1577" s="353"/>
      <c r="H1577" s="353"/>
      <c r="I1577" s="353"/>
      <c r="J1577" s="353"/>
    </row>
    <row r="1578" spans="6:10" x14ac:dyDescent="0.2">
      <c r="F1578" s="353"/>
      <c r="G1578" s="353"/>
      <c r="H1578" s="353"/>
      <c r="I1578" s="353"/>
      <c r="J1578" s="353"/>
    </row>
    <row r="1579" spans="6:10" x14ac:dyDescent="0.2">
      <c r="F1579" s="353"/>
      <c r="G1579" s="353"/>
      <c r="H1579" s="353"/>
      <c r="I1579" s="353"/>
      <c r="J1579" s="353"/>
    </row>
    <row r="1580" spans="6:10" x14ac:dyDescent="0.2">
      <c r="F1580" s="353"/>
      <c r="G1580" s="353"/>
      <c r="H1580" s="353"/>
      <c r="I1580" s="353"/>
      <c r="J1580" s="353"/>
    </row>
    <row r="1581" spans="6:10" x14ac:dyDescent="0.2">
      <c r="F1581" s="353"/>
      <c r="G1581" s="353"/>
      <c r="H1581" s="353"/>
      <c r="I1581" s="353"/>
      <c r="J1581" s="353"/>
    </row>
    <row r="1582" spans="6:10" x14ac:dyDescent="0.2">
      <c r="F1582" s="353"/>
      <c r="G1582" s="353"/>
      <c r="H1582" s="353"/>
      <c r="I1582" s="353"/>
      <c r="J1582" s="353"/>
    </row>
    <row r="1583" spans="6:10" x14ac:dyDescent="0.2">
      <c r="F1583" s="353"/>
      <c r="G1583" s="353"/>
      <c r="H1583" s="353"/>
      <c r="I1583" s="353"/>
      <c r="J1583" s="353"/>
    </row>
    <row r="1584" spans="6:10" x14ac:dyDescent="0.2">
      <c r="F1584" s="353"/>
      <c r="G1584" s="353"/>
      <c r="H1584" s="353"/>
      <c r="I1584" s="353"/>
      <c r="J1584" s="353"/>
    </row>
    <row r="1585" spans="6:10" x14ac:dyDescent="0.2">
      <c r="F1585" s="353"/>
      <c r="G1585" s="353"/>
      <c r="H1585" s="353"/>
      <c r="I1585" s="353"/>
      <c r="J1585" s="353"/>
    </row>
    <row r="1586" spans="6:10" x14ac:dyDescent="0.2">
      <c r="F1586" s="353"/>
      <c r="G1586" s="353"/>
      <c r="H1586" s="353"/>
      <c r="I1586" s="353"/>
      <c r="J1586" s="353"/>
    </row>
    <row r="1587" spans="6:10" x14ac:dyDescent="0.2">
      <c r="F1587" s="353"/>
      <c r="G1587" s="353"/>
      <c r="H1587" s="353"/>
      <c r="I1587" s="353"/>
      <c r="J1587" s="353"/>
    </row>
    <row r="1588" spans="6:10" x14ac:dyDescent="0.2">
      <c r="F1588" s="353"/>
      <c r="G1588" s="353"/>
      <c r="H1588" s="353"/>
      <c r="I1588" s="353"/>
      <c r="J1588" s="353"/>
    </row>
    <row r="1589" spans="6:10" x14ac:dyDescent="0.2">
      <c r="F1589" s="353"/>
      <c r="G1589" s="353"/>
      <c r="H1589" s="353"/>
      <c r="I1589" s="353"/>
      <c r="J1589" s="353"/>
    </row>
    <row r="1590" spans="6:10" x14ac:dyDescent="0.2">
      <c r="F1590" s="353"/>
      <c r="G1590" s="353"/>
      <c r="H1590" s="353"/>
      <c r="I1590" s="353"/>
      <c r="J1590" s="353"/>
    </row>
    <row r="1591" spans="6:10" x14ac:dyDescent="0.2">
      <c r="F1591" s="353"/>
      <c r="G1591" s="353"/>
      <c r="H1591" s="353"/>
      <c r="I1591" s="353"/>
      <c r="J1591" s="353"/>
    </row>
    <row r="1592" spans="6:10" x14ac:dyDescent="0.2">
      <c r="F1592" s="353"/>
      <c r="G1592" s="353"/>
      <c r="H1592" s="353"/>
      <c r="I1592" s="353"/>
      <c r="J1592" s="353"/>
    </row>
    <row r="1593" spans="6:10" x14ac:dyDescent="0.2">
      <c r="F1593" s="353"/>
      <c r="G1593" s="353"/>
      <c r="H1593" s="353"/>
      <c r="I1593" s="353"/>
      <c r="J1593" s="353"/>
    </row>
    <row r="1594" spans="6:10" x14ac:dyDescent="0.2">
      <c r="F1594" s="353"/>
      <c r="G1594" s="353"/>
      <c r="H1594" s="353"/>
      <c r="I1594" s="353"/>
      <c r="J1594" s="353"/>
    </row>
    <row r="1595" spans="6:10" x14ac:dyDescent="0.2">
      <c r="F1595" s="353"/>
      <c r="G1595" s="353"/>
      <c r="H1595" s="353"/>
      <c r="I1595" s="353"/>
      <c r="J1595" s="353"/>
    </row>
    <row r="1596" spans="6:10" x14ac:dyDescent="0.2">
      <c r="F1596" s="353"/>
      <c r="G1596" s="353"/>
      <c r="H1596" s="353"/>
      <c r="I1596" s="353"/>
      <c r="J1596" s="353"/>
    </row>
    <row r="1597" spans="6:10" x14ac:dyDescent="0.2">
      <c r="F1597" s="353"/>
      <c r="G1597" s="353"/>
      <c r="H1597" s="353"/>
      <c r="I1597" s="353"/>
      <c r="J1597" s="353"/>
    </row>
    <row r="1598" spans="6:10" x14ac:dyDescent="0.2">
      <c r="F1598" s="353"/>
      <c r="G1598" s="353"/>
      <c r="H1598" s="353"/>
      <c r="I1598" s="353"/>
      <c r="J1598" s="353"/>
    </row>
    <row r="1599" spans="6:10" x14ac:dyDescent="0.2">
      <c r="F1599" s="353"/>
      <c r="G1599" s="353"/>
      <c r="H1599" s="353"/>
      <c r="I1599" s="353"/>
      <c r="J1599" s="353"/>
    </row>
    <row r="1600" spans="6:10" x14ac:dyDescent="0.2">
      <c r="F1600" s="353"/>
      <c r="G1600" s="353"/>
      <c r="H1600" s="353"/>
      <c r="I1600" s="353"/>
      <c r="J1600" s="353"/>
    </row>
    <row r="1601" spans="6:10" x14ac:dyDescent="0.2">
      <c r="F1601" s="353"/>
      <c r="G1601" s="353"/>
      <c r="H1601" s="353"/>
      <c r="I1601" s="353"/>
      <c r="J1601" s="353"/>
    </row>
    <row r="1602" spans="6:10" x14ac:dyDescent="0.2">
      <c r="F1602" s="353"/>
      <c r="G1602" s="353"/>
      <c r="H1602" s="353"/>
      <c r="I1602" s="353"/>
      <c r="J1602" s="353"/>
    </row>
    <row r="1603" spans="6:10" x14ac:dyDescent="0.2">
      <c r="F1603" s="353"/>
      <c r="G1603" s="353"/>
      <c r="H1603" s="353"/>
      <c r="I1603" s="353"/>
      <c r="J1603" s="353"/>
    </row>
    <row r="1604" spans="6:10" x14ac:dyDescent="0.2">
      <c r="F1604" s="353"/>
      <c r="G1604" s="353"/>
      <c r="H1604" s="353"/>
      <c r="I1604" s="353"/>
      <c r="J1604" s="353"/>
    </row>
    <row r="1605" spans="6:10" x14ac:dyDescent="0.2">
      <c r="F1605" s="353"/>
      <c r="G1605" s="353"/>
      <c r="H1605" s="353"/>
      <c r="I1605" s="353"/>
      <c r="J1605" s="353"/>
    </row>
    <row r="1606" spans="6:10" x14ac:dyDescent="0.2">
      <c r="F1606" s="353"/>
      <c r="G1606" s="353"/>
      <c r="H1606" s="353"/>
      <c r="I1606" s="353"/>
      <c r="J1606" s="353"/>
    </row>
    <row r="1607" spans="6:10" x14ac:dyDescent="0.2">
      <c r="F1607" s="353"/>
      <c r="G1607" s="353"/>
      <c r="H1607" s="353"/>
      <c r="I1607" s="353"/>
      <c r="J1607" s="353"/>
    </row>
    <row r="1608" spans="6:10" x14ac:dyDescent="0.2">
      <c r="F1608" s="353"/>
      <c r="G1608" s="353"/>
      <c r="H1608" s="353"/>
      <c r="I1608" s="353"/>
      <c r="J1608" s="353"/>
    </row>
    <row r="1609" spans="6:10" x14ac:dyDescent="0.2">
      <c r="F1609" s="353"/>
      <c r="G1609" s="353"/>
      <c r="H1609" s="353"/>
      <c r="I1609" s="353"/>
      <c r="J1609" s="353"/>
    </row>
    <row r="1610" spans="6:10" x14ac:dyDescent="0.2">
      <c r="F1610" s="353"/>
      <c r="G1610" s="353"/>
      <c r="H1610" s="353"/>
      <c r="I1610" s="353"/>
      <c r="J1610" s="353"/>
    </row>
    <row r="1611" spans="6:10" x14ac:dyDescent="0.2">
      <c r="F1611" s="353"/>
      <c r="G1611" s="353"/>
      <c r="H1611" s="353"/>
      <c r="I1611" s="353"/>
      <c r="J1611" s="353"/>
    </row>
    <row r="1612" spans="6:10" x14ac:dyDescent="0.2">
      <c r="F1612" s="353"/>
      <c r="G1612" s="353"/>
      <c r="H1612" s="353"/>
      <c r="I1612" s="353"/>
      <c r="J1612" s="353"/>
    </row>
    <row r="1613" spans="6:10" x14ac:dyDescent="0.2">
      <c r="F1613" s="353"/>
      <c r="G1613" s="353"/>
      <c r="H1613" s="353"/>
      <c r="I1613" s="353"/>
      <c r="J1613" s="353"/>
    </row>
    <row r="1614" spans="6:10" x14ac:dyDescent="0.2">
      <c r="F1614" s="353"/>
      <c r="G1614" s="353"/>
      <c r="H1614" s="353"/>
      <c r="I1614" s="353"/>
      <c r="J1614" s="353"/>
    </row>
    <row r="1615" spans="6:10" x14ac:dyDescent="0.2">
      <c r="F1615" s="353"/>
      <c r="G1615" s="353"/>
      <c r="H1615" s="353"/>
      <c r="I1615" s="353"/>
      <c r="J1615" s="353"/>
    </row>
    <row r="1616" spans="6:10" x14ac:dyDescent="0.2">
      <c r="F1616" s="353"/>
      <c r="G1616" s="353"/>
      <c r="H1616" s="353"/>
      <c r="I1616" s="353"/>
      <c r="J1616" s="353"/>
    </row>
    <row r="1617" spans="6:10" x14ac:dyDescent="0.2">
      <c r="F1617" s="353"/>
      <c r="G1617" s="353"/>
      <c r="H1617" s="353"/>
      <c r="I1617" s="353"/>
      <c r="J1617" s="353"/>
    </row>
    <row r="1618" spans="6:10" x14ac:dyDescent="0.2">
      <c r="F1618" s="353"/>
      <c r="G1618" s="353"/>
      <c r="H1618" s="353"/>
      <c r="I1618" s="353"/>
      <c r="J1618" s="353"/>
    </row>
    <row r="1619" spans="6:10" x14ac:dyDescent="0.2">
      <c r="F1619" s="353"/>
      <c r="G1619" s="353"/>
      <c r="H1619" s="353"/>
      <c r="I1619" s="353"/>
      <c r="J1619" s="353"/>
    </row>
    <row r="1620" spans="6:10" x14ac:dyDescent="0.2">
      <c r="F1620" s="353"/>
      <c r="G1620" s="353"/>
      <c r="H1620" s="353"/>
      <c r="I1620" s="353"/>
      <c r="J1620" s="353"/>
    </row>
    <row r="1621" spans="6:10" x14ac:dyDescent="0.2">
      <c r="F1621" s="353"/>
      <c r="G1621" s="353"/>
      <c r="H1621" s="353"/>
      <c r="I1621" s="353"/>
      <c r="J1621" s="353"/>
    </row>
    <row r="1622" spans="6:10" x14ac:dyDescent="0.2">
      <c r="F1622" s="353"/>
      <c r="G1622" s="353"/>
      <c r="H1622" s="353"/>
      <c r="I1622" s="353"/>
      <c r="J1622" s="353"/>
    </row>
    <row r="1623" spans="6:10" x14ac:dyDescent="0.2">
      <c r="F1623" s="353"/>
      <c r="G1623" s="353"/>
      <c r="H1623" s="353"/>
      <c r="I1623" s="353"/>
      <c r="J1623" s="353"/>
    </row>
    <row r="1624" spans="6:10" x14ac:dyDescent="0.2">
      <c r="F1624" s="353"/>
      <c r="G1624" s="353"/>
      <c r="H1624" s="353"/>
      <c r="I1624" s="353"/>
      <c r="J1624" s="353"/>
    </row>
    <row r="1625" spans="6:10" x14ac:dyDescent="0.2">
      <c r="F1625" s="353"/>
      <c r="G1625" s="353"/>
      <c r="H1625" s="353"/>
      <c r="I1625" s="353"/>
      <c r="J1625" s="353"/>
    </row>
    <row r="1626" spans="6:10" x14ac:dyDescent="0.2">
      <c r="F1626" s="353"/>
      <c r="G1626" s="353"/>
      <c r="H1626" s="353"/>
      <c r="I1626" s="353"/>
      <c r="J1626" s="353"/>
    </row>
    <row r="1627" spans="6:10" x14ac:dyDescent="0.2">
      <c r="F1627" s="353"/>
      <c r="G1627" s="353"/>
      <c r="H1627" s="353"/>
      <c r="I1627" s="353"/>
      <c r="J1627" s="353"/>
    </row>
    <row r="1628" spans="6:10" x14ac:dyDescent="0.2">
      <c r="F1628" s="353"/>
      <c r="G1628" s="353"/>
      <c r="H1628" s="353"/>
      <c r="I1628" s="353"/>
      <c r="J1628" s="353"/>
    </row>
    <row r="1629" spans="6:10" x14ac:dyDescent="0.2">
      <c r="F1629" s="353"/>
      <c r="G1629" s="353"/>
      <c r="H1629" s="353"/>
      <c r="I1629" s="353"/>
      <c r="J1629" s="353"/>
    </row>
    <row r="1630" spans="6:10" x14ac:dyDescent="0.2">
      <c r="F1630" s="353"/>
      <c r="G1630" s="353"/>
      <c r="H1630" s="353"/>
      <c r="I1630" s="353"/>
      <c r="J1630" s="353"/>
    </row>
    <row r="1631" spans="6:10" x14ac:dyDescent="0.2">
      <c r="F1631" s="353"/>
      <c r="G1631" s="353"/>
      <c r="H1631" s="353"/>
      <c r="I1631" s="353"/>
      <c r="J1631" s="353"/>
    </row>
    <row r="1632" spans="6:10" x14ac:dyDescent="0.2">
      <c r="F1632" s="353"/>
      <c r="G1632" s="353"/>
      <c r="H1632" s="353"/>
      <c r="I1632" s="353"/>
      <c r="J1632" s="353"/>
    </row>
    <row r="1633" spans="6:10" x14ac:dyDescent="0.2">
      <c r="F1633" s="353"/>
      <c r="G1633" s="353"/>
      <c r="H1633" s="353"/>
      <c r="I1633" s="353"/>
      <c r="J1633" s="353"/>
    </row>
    <row r="1634" spans="6:10" x14ac:dyDescent="0.2">
      <c r="F1634" s="353"/>
      <c r="G1634" s="353"/>
      <c r="H1634" s="353"/>
      <c r="I1634" s="353"/>
      <c r="J1634" s="353"/>
    </row>
    <row r="1635" spans="6:10" x14ac:dyDescent="0.2">
      <c r="F1635" s="353"/>
      <c r="G1635" s="353"/>
      <c r="H1635" s="353"/>
      <c r="I1635" s="353"/>
      <c r="J1635" s="353"/>
    </row>
    <row r="1636" spans="6:10" x14ac:dyDescent="0.2">
      <c r="F1636" s="353"/>
      <c r="G1636" s="353"/>
      <c r="H1636" s="353"/>
      <c r="I1636" s="353"/>
      <c r="J1636" s="353"/>
    </row>
    <row r="1637" spans="6:10" x14ac:dyDescent="0.2">
      <c r="F1637" s="353"/>
      <c r="G1637" s="353"/>
      <c r="H1637" s="353"/>
      <c r="I1637" s="353"/>
      <c r="J1637" s="353"/>
    </row>
    <row r="1638" spans="6:10" x14ac:dyDescent="0.2">
      <c r="F1638" s="353"/>
      <c r="G1638" s="353"/>
      <c r="H1638" s="353"/>
      <c r="I1638" s="353"/>
      <c r="J1638" s="353"/>
    </row>
    <row r="1639" spans="6:10" x14ac:dyDescent="0.2">
      <c r="F1639" s="353"/>
      <c r="G1639" s="353"/>
      <c r="H1639" s="353"/>
      <c r="I1639" s="353"/>
      <c r="J1639" s="353"/>
    </row>
    <row r="1640" spans="6:10" x14ac:dyDescent="0.2">
      <c r="F1640" s="353"/>
      <c r="G1640" s="353"/>
      <c r="H1640" s="353"/>
      <c r="I1640" s="353"/>
      <c r="J1640" s="353"/>
    </row>
    <row r="1641" spans="6:10" x14ac:dyDescent="0.2">
      <c r="F1641" s="353"/>
      <c r="G1641" s="353"/>
      <c r="H1641" s="353"/>
      <c r="I1641" s="353"/>
      <c r="J1641" s="353"/>
    </row>
    <row r="1642" spans="6:10" x14ac:dyDescent="0.2">
      <c r="F1642" s="353"/>
      <c r="G1642" s="353"/>
      <c r="H1642" s="353"/>
      <c r="I1642" s="353"/>
      <c r="J1642" s="353"/>
    </row>
    <row r="1643" spans="6:10" x14ac:dyDescent="0.2">
      <c r="F1643" s="353"/>
      <c r="G1643" s="353"/>
      <c r="H1643" s="353"/>
      <c r="I1643" s="353"/>
      <c r="J1643" s="353"/>
    </row>
    <row r="1644" spans="6:10" x14ac:dyDescent="0.2">
      <c r="F1644" s="353"/>
      <c r="G1644" s="353"/>
      <c r="H1644" s="353"/>
      <c r="I1644" s="353"/>
      <c r="J1644" s="353"/>
    </row>
    <row r="1645" spans="6:10" x14ac:dyDescent="0.2">
      <c r="F1645" s="353"/>
      <c r="G1645" s="353"/>
      <c r="H1645" s="353"/>
      <c r="I1645" s="353"/>
      <c r="J1645" s="353"/>
    </row>
    <row r="1646" spans="6:10" x14ac:dyDescent="0.2">
      <c r="F1646" s="353"/>
      <c r="G1646" s="353"/>
      <c r="H1646" s="353"/>
      <c r="I1646" s="353"/>
      <c r="J1646" s="353"/>
    </row>
    <row r="1647" spans="6:10" x14ac:dyDescent="0.2">
      <c r="F1647" s="353"/>
      <c r="G1647" s="353"/>
      <c r="H1647" s="353"/>
      <c r="I1647" s="353"/>
      <c r="J1647" s="353"/>
    </row>
    <row r="1648" spans="6:10" x14ac:dyDescent="0.2">
      <c r="F1648" s="353"/>
      <c r="G1648" s="353"/>
      <c r="H1648" s="353"/>
      <c r="I1648" s="353"/>
      <c r="J1648" s="353"/>
    </row>
    <row r="1649" spans="6:10" x14ac:dyDescent="0.2">
      <c r="F1649" s="353"/>
      <c r="G1649" s="353"/>
      <c r="H1649" s="353"/>
      <c r="I1649" s="353"/>
      <c r="J1649" s="353"/>
    </row>
    <row r="1650" spans="6:10" x14ac:dyDescent="0.2">
      <c r="F1650" s="353"/>
      <c r="G1650" s="353"/>
      <c r="H1650" s="353"/>
      <c r="I1650" s="353"/>
      <c r="J1650" s="353"/>
    </row>
    <row r="1651" spans="6:10" x14ac:dyDescent="0.2">
      <c r="F1651" s="353"/>
      <c r="G1651" s="353"/>
      <c r="H1651" s="353"/>
      <c r="I1651" s="353"/>
      <c r="J1651" s="353"/>
    </row>
    <row r="1652" spans="6:10" x14ac:dyDescent="0.2">
      <c r="F1652" s="353"/>
      <c r="G1652" s="353"/>
      <c r="H1652" s="353"/>
      <c r="I1652" s="353"/>
      <c r="J1652" s="353"/>
    </row>
    <row r="1653" spans="6:10" x14ac:dyDescent="0.2">
      <c r="F1653" s="353"/>
      <c r="G1653" s="353"/>
      <c r="H1653" s="353"/>
      <c r="I1653" s="353"/>
      <c r="J1653" s="353"/>
    </row>
    <row r="1654" spans="6:10" x14ac:dyDescent="0.2">
      <c r="F1654" s="353"/>
      <c r="G1654" s="353"/>
      <c r="H1654" s="353"/>
      <c r="I1654" s="353"/>
      <c r="J1654" s="353"/>
    </row>
    <row r="1655" spans="6:10" x14ac:dyDescent="0.2">
      <c r="F1655" s="353"/>
      <c r="G1655" s="353"/>
      <c r="H1655" s="353"/>
      <c r="I1655" s="353"/>
      <c r="J1655" s="353"/>
    </row>
    <row r="1656" spans="6:10" x14ac:dyDescent="0.2">
      <c r="F1656" s="353"/>
      <c r="G1656" s="353"/>
      <c r="H1656" s="353"/>
      <c r="I1656" s="353"/>
      <c r="J1656" s="353"/>
    </row>
    <row r="1657" spans="6:10" x14ac:dyDescent="0.2">
      <c r="F1657" s="353"/>
      <c r="G1657" s="353"/>
      <c r="H1657" s="353"/>
      <c r="I1657" s="353"/>
      <c r="J1657" s="353"/>
    </row>
    <row r="1658" spans="6:10" x14ac:dyDescent="0.2">
      <c r="F1658" s="353"/>
      <c r="G1658" s="353"/>
      <c r="H1658" s="353"/>
      <c r="I1658" s="353"/>
      <c r="J1658" s="353"/>
    </row>
    <row r="1659" spans="6:10" x14ac:dyDescent="0.2">
      <c r="F1659" s="353"/>
      <c r="G1659" s="353"/>
      <c r="H1659" s="353"/>
      <c r="I1659" s="353"/>
      <c r="J1659" s="353"/>
    </row>
    <row r="1660" spans="6:10" x14ac:dyDescent="0.2">
      <c r="F1660" s="353"/>
      <c r="G1660" s="353"/>
      <c r="H1660" s="353"/>
      <c r="I1660" s="353"/>
      <c r="J1660" s="353"/>
    </row>
    <row r="1661" spans="6:10" x14ac:dyDescent="0.2">
      <c r="F1661" s="353"/>
      <c r="G1661" s="353"/>
      <c r="H1661" s="353"/>
      <c r="I1661" s="353"/>
      <c r="J1661" s="353"/>
    </row>
    <row r="1662" spans="6:10" x14ac:dyDescent="0.2">
      <c r="F1662" s="353"/>
      <c r="G1662" s="353"/>
      <c r="H1662" s="353"/>
      <c r="I1662" s="353"/>
      <c r="J1662" s="353"/>
    </row>
    <row r="1663" spans="6:10" x14ac:dyDescent="0.2">
      <c r="F1663" s="353"/>
      <c r="G1663" s="353"/>
      <c r="H1663" s="353"/>
      <c r="I1663" s="353"/>
      <c r="J1663" s="353"/>
    </row>
    <row r="1664" spans="6:10" x14ac:dyDescent="0.2">
      <c r="F1664" s="353"/>
      <c r="G1664" s="353"/>
      <c r="H1664" s="353"/>
      <c r="I1664" s="353"/>
      <c r="J1664" s="353"/>
    </row>
    <row r="1665" spans="6:10" x14ac:dyDescent="0.2">
      <c r="F1665" s="353"/>
      <c r="G1665" s="353"/>
      <c r="H1665" s="353"/>
      <c r="I1665" s="353"/>
      <c r="J1665" s="353"/>
    </row>
    <row r="1666" spans="6:10" x14ac:dyDescent="0.2">
      <c r="F1666" s="353"/>
      <c r="G1666" s="353"/>
      <c r="H1666" s="353"/>
      <c r="I1666" s="353"/>
      <c r="J1666" s="353"/>
    </row>
    <row r="1667" spans="6:10" x14ac:dyDescent="0.2">
      <c r="F1667" s="353"/>
      <c r="G1667" s="353"/>
      <c r="H1667" s="353"/>
      <c r="I1667" s="353"/>
      <c r="J1667" s="353"/>
    </row>
    <row r="1668" spans="6:10" x14ac:dyDescent="0.2">
      <c r="F1668" s="353"/>
      <c r="G1668" s="353"/>
      <c r="H1668" s="353"/>
      <c r="I1668" s="353"/>
      <c r="J1668" s="353"/>
    </row>
    <row r="1669" spans="6:10" x14ac:dyDescent="0.2">
      <c r="F1669" s="353"/>
      <c r="G1669" s="353"/>
      <c r="H1669" s="353"/>
      <c r="I1669" s="353"/>
      <c r="J1669" s="353"/>
    </row>
    <row r="1670" spans="6:10" x14ac:dyDescent="0.2">
      <c r="F1670" s="353"/>
      <c r="G1670" s="353"/>
      <c r="H1670" s="353"/>
      <c r="I1670" s="353"/>
      <c r="J1670" s="353"/>
    </row>
    <row r="1671" spans="6:10" x14ac:dyDescent="0.2">
      <c r="F1671" s="353"/>
      <c r="G1671" s="353"/>
      <c r="H1671" s="353"/>
      <c r="I1671" s="353"/>
      <c r="J1671" s="353"/>
    </row>
    <row r="1672" spans="6:10" x14ac:dyDescent="0.2">
      <c r="F1672" s="353"/>
      <c r="G1672" s="353"/>
      <c r="H1672" s="353"/>
      <c r="I1672" s="353"/>
      <c r="J1672" s="353"/>
    </row>
    <row r="1673" spans="6:10" x14ac:dyDescent="0.2">
      <c r="F1673" s="353"/>
      <c r="G1673" s="353"/>
      <c r="H1673" s="353"/>
      <c r="I1673" s="353"/>
      <c r="J1673" s="353"/>
    </row>
    <row r="1674" spans="6:10" x14ac:dyDescent="0.2">
      <c r="F1674" s="353"/>
      <c r="G1674" s="353"/>
      <c r="H1674" s="353"/>
      <c r="I1674" s="353"/>
      <c r="J1674" s="353"/>
    </row>
    <row r="1675" spans="6:10" x14ac:dyDescent="0.2">
      <c r="F1675" s="353"/>
      <c r="G1675" s="353"/>
      <c r="H1675" s="353"/>
      <c r="I1675" s="353"/>
      <c r="J1675" s="353"/>
    </row>
    <row r="1676" spans="6:10" x14ac:dyDescent="0.2">
      <c r="F1676" s="353"/>
      <c r="G1676" s="353"/>
      <c r="H1676" s="353"/>
      <c r="I1676" s="353"/>
      <c r="J1676" s="353"/>
    </row>
    <row r="1677" spans="6:10" x14ac:dyDescent="0.2">
      <c r="F1677" s="353"/>
      <c r="G1677" s="353"/>
      <c r="H1677" s="353"/>
      <c r="I1677" s="353"/>
      <c r="J1677" s="353"/>
    </row>
    <row r="1678" spans="6:10" x14ac:dyDescent="0.2">
      <c r="F1678" s="353"/>
      <c r="G1678" s="353"/>
      <c r="H1678" s="353"/>
      <c r="I1678" s="353"/>
      <c r="J1678" s="353"/>
    </row>
    <row r="1679" spans="6:10" x14ac:dyDescent="0.2">
      <c r="F1679" s="353"/>
      <c r="G1679" s="353"/>
      <c r="H1679" s="353"/>
      <c r="I1679" s="353"/>
      <c r="J1679" s="353"/>
    </row>
    <row r="1680" spans="6:10" x14ac:dyDescent="0.2">
      <c r="F1680" s="353"/>
      <c r="G1680" s="353"/>
      <c r="H1680" s="353"/>
      <c r="I1680" s="353"/>
      <c r="J1680" s="353"/>
    </row>
    <row r="1681" spans="6:10" x14ac:dyDescent="0.2">
      <c r="F1681" s="353"/>
      <c r="G1681" s="353"/>
      <c r="H1681" s="353"/>
      <c r="I1681" s="353"/>
      <c r="J1681" s="353"/>
    </row>
    <row r="1682" spans="6:10" x14ac:dyDescent="0.2">
      <c r="F1682" s="353"/>
      <c r="G1682" s="353"/>
      <c r="H1682" s="353"/>
      <c r="I1682" s="353"/>
      <c r="J1682" s="353"/>
    </row>
    <row r="1683" spans="6:10" x14ac:dyDescent="0.2">
      <c r="F1683" s="353"/>
      <c r="G1683" s="353"/>
      <c r="H1683" s="353"/>
      <c r="I1683" s="353"/>
      <c r="J1683" s="353"/>
    </row>
    <row r="1684" spans="6:10" x14ac:dyDescent="0.2">
      <c r="F1684" s="353"/>
      <c r="G1684" s="353"/>
      <c r="H1684" s="353"/>
      <c r="I1684" s="353"/>
      <c r="J1684" s="353"/>
    </row>
    <row r="1685" spans="6:10" x14ac:dyDescent="0.2">
      <c r="F1685" s="353"/>
      <c r="G1685" s="353"/>
      <c r="H1685" s="353"/>
      <c r="I1685" s="353"/>
      <c r="J1685" s="353"/>
    </row>
    <row r="1686" spans="6:10" x14ac:dyDescent="0.2">
      <c r="F1686" s="353"/>
      <c r="G1686" s="353"/>
      <c r="H1686" s="353"/>
      <c r="I1686" s="353"/>
      <c r="J1686" s="353"/>
    </row>
    <row r="1687" spans="6:10" x14ac:dyDescent="0.2">
      <c r="F1687" s="353"/>
      <c r="G1687" s="353"/>
      <c r="H1687" s="353"/>
      <c r="I1687" s="353"/>
      <c r="J1687" s="353"/>
    </row>
    <row r="1688" spans="6:10" x14ac:dyDescent="0.2">
      <c r="F1688" s="353"/>
      <c r="G1688" s="353"/>
      <c r="H1688" s="353"/>
      <c r="I1688" s="353"/>
      <c r="J1688" s="353"/>
    </row>
    <row r="1689" spans="6:10" x14ac:dyDescent="0.2">
      <c r="F1689" s="353"/>
      <c r="G1689" s="353"/>
      <c r="H1689" s="353"/>
      <c r="I1689" s="353"/>
      <c r="J1689" s="353"/>
    </row>
    <row r="1690" spans="6:10" x14ac:dyDescent="0.2">
      <c r="F1690" s="353"/>
      <c r="G1690" s="353"/>
      <c r="H1690" s="353"/>
      <c r="I1690" s="353"/>
      <c r="J1690" s="353"/>
    </row>
    <row r="1691" spans="6:10" x14ac:dyDescent="0.2">
      <c r="F1691" s="353"/>
      <c r="G1691" s="353"/>
      <c r="H1691" s="353"/>
      <c r="I1691" s="353"/>
      <c r="J1691" s="353"/>
    </row>
    <row r="1692" spans="6:10" x14ac:dyDescent="0.2">
      <c r="F1692" s="353"/>
      <c r="G1692" s="353"/>
      <c r="H1692" s="353"/>
      <c r="I1692" s="353"/>
      <c r="J1692" s="353"/>
    </row>
    <row r="1693" spans="6:10" x14ac:dyDescent="0.2">
      <c r="F1693" s="353"/>
      <c r="G1693" s="353"/>
      <c r="H1693" s="353"/>
      <c r="I1693" s="353"/>
      <c r="J1693" s="353"/>
    </row>
    <row r="1694" spans="6:10" x14ac:dyDescent="0.2">
      <c r="F1694" s="353"/>
      <c r="G1694" s="353"/>
      <c r="H1694" s="353"/>
      <c r="I1694" s="353"/>
      <c r="J1694" s="353"/>
    </row>
    <row r="1695" spans="6:10" x14ac:dyDescent="0.2">
      <c r="F1695" s="353"/>
      <c r="G1695" s="353"/>
      <c r="H1695" s="353"/>
      <c r="I1695" s="353"/>
      <c r="J1695" s="353"/>
    </row>
    <row r="1696" spans="6:10" x14ac:dyDescent="0.2">
      <c r="F1696" s="353"/>
      <c r="G1696" s="353"/>
      <c r="H1696" s="353"/>
      <c r="I1696" s="353"/>
      <c r="J1696" s="353"/>
    </row>
    <row r="1697" spans="6:10" x14ac:dyDescent="0.2">
      <c r="F1697" s="353"/>
      <c r="G1697" s="353"/>
      <c r="H1697" s="353"/>
      <c r="I1697" s="353"/>
      <c r="J1697" s="353"/>
    </row>
    <row r="1698" spans="6:10" x14ac:dyDescent="0.2">
      <c r="F1698" s="353"/>
      <c r="G1698" s="353"/>
      <c r="H1698" s="353"/>
      <c r="I1698" s="353"/>
      <c r="J1698" s="353"/>
    </row>
    <row r="1699" spans="6:10" x14ac:dyDescent="0.2">
      <c r="F1699" s="353"/>
      <c r="G1699" s="353"/>
      <c r="H1699" s="353"/>
      <c r="I1699" s="353"/>
      <c r="J1699" s="353"/>
    </row>
    <row r="1700" spans="6:10" x14ac:dyDescent="0.2">
      <c r="F1700" s="353"/>
      <c r="G1700" s="353"/>
      <c r="H1700" s="353"/>
      <c r="I1700" s="353"/>
      <c r="J1700" s="353"/>
    </row>
    <row r="1701" spans="6:10" x14ac:dyDescent="0.2">
      <c r="F1701" s="353"/>
      <c r="G1701" s="353"/>
      <c r="H1701" s="353"/>
      <c r="I1701" s="353"/>
      <c r="J1701" s="353"/>
    </row>
    <row r="1702" spans="6:10" x14ac:dyDescent="0.2">
      <c r="F1702" s="353"/>
      <c r="G1702" s="353"/>
      <c r="H1702" s="353"/>
      <c r="I1702" s="353"/>
      <c r="J1702" s="353"/>
    </row>
    <row r="1703" spans="6:10" x14ac:dyDescent="0.2">
      <c r="F1703" s="353"/>
      <c r="G1703" s="353"/>
      <c r="H1703" s="353"/>
      <c r="I1703" s="353"/>
      <c r="J1703" s="353"/>
    </row>
    <row r="1704" spans="6:10" x14ac:dyDescent="0.2">
      <c r="F1704" s="353"/>
      <c r="G1704" s="353"/>
      <c r="H1704" s="353"/>
      <c r="I1704" s="353"/>
      <c r="J1704" s="353"/>
    </row>
    <row r="1705" spans="6:10" x14ac:dyDescent="0.2">
      <c r="F1705" s="353"/>
      <c r="G1705" s="353"/>
      <c r="H1705" s="353"/>
      <c r="I1705" s="353"/>
      <c r="J1705" s="353"/>
    </row>
    <row r="1706" spans="6:10" x14ac:dyDescent="0.2">
      <c r="F1706" s="353"/>
      <c r="G1706" s="353"/>
      <c r="H1706" s="353"/>
      <c r="I1706" s="353"/>
      <c r="J1706" s="353"/>
    </row>
    <row r="1707" spans="6:10" x14ac:dyDescent="0.2">
      <c r="F1707" s="353"/>
      <c r="G1707" s="353"/>
      <c r="H1707" s="353"/>
      <c r="I1707" s="353"/>
      <c r="J1707" s="353"/>
    </row>
    <row r="1708" spans="6:10" x14ac:dyDescent="0.2">
      <c r="F1708" s="353"/>
      <c r="G1708" s="353"/>
      <c r="H1708" s="353"/>
      <c r="I1708" s="353"/>
      <c r="J1708" s="353"/>
    </row>
    <row r="1709" spans="6:10" x14ac:dyDescent="0.2">
      <c r="F1709" s="353"/>
      <c r="G1709" s="353"/>
      <c r="H1709" s="353"/>
      <c r="I1709" s="353"/>
      <c r="J1709" s="353"/>
    </row>
    <row r="1710" spans="6:10" x14ac:dyDescent="0.2">
      <c r="F1710" s="353"/>
      <c r="G1710" s="353"/>
      <c r="H1710" s="353"/>
      <c r="I1710" s="353"/>
      <c r="J1710" s="353"/>
    </row>
    <row r="1711" spans="6:10" x14ac:dyDescent="0.2">
      <c r="F1711" s="353"/>
      <c r="G1711" s="353"/>
      <c r="H1711" s="353"/>
      <c r="I1711" s="353"/>
      <c r="J1711" s="353"/>
    </row>
    <row r="1712" spans="6:10" x14ac:dyDescent="0.2">
      <c r="F1712" s="353"/>
      <c r="G1712" s="353"/>
      <c r="H1712" s="353"/>
      <c r="I1712" s="353"/>
      <c r="J1712" s="353"/>
    </row>
    <row r="1713" spans="6:10" x14ac:dyDescent="0.2">
      <c r="F1713" s="353"/>
      <c r="G1713" s="353"/>
      <c r="H1713" s="353"/>
      <c r="I1713" s="353"/>
      <c r="J1713" s="353"/>
    </row>
    <row r="1714" spans="6:10" x14ac:dyDescent="0.2">
      <c r="F1714" s="353"/>
      <c r="G1714" s="353"/>
      <c r="H1714" s="353"/>
      <c r="I1714" s="353"/>
      <c r="J1714" s="353"/>
    </row>
    <row r="1715" spans="6:10" x14ac:dyDescent="0.2">
      <c r="F1715" s="353"/>
      <c r="G1715" s="353"/>
      <c r="H1715" s="353"/>
      <c r="I1715" s="353"/>
      <c r="J1715" s="353"/>
    </row>
    <row r="1716" spans="6:10" x14ac:dyDescent="0.2">
      <c r="F1716" s="353"/>
      <c r="G1716" s="353"/>
      <c r="H1716" s="353"/>
      <c r="I1716" s="353"/>
      <c r="J1716" s="353"/>
    </row>
    <row r="1717" spans="6:10" x14ac:dyDescent="0.2">
      <c r="F1717" s="353"/>
      <c r="G1717" s="353"/>
      <c r="H1717" s="353"/>
      <c r="I1717" s="353"/>
      <c r="J1717" s="353"/>
    </row>
    <row r="1718" spans="6:10" x14ac:dyDescent="0.2">
      <c r="F1718" s="353"/>
      <c r="G1718" s="353"/>
      <c r="H1718" s="353"/>
      <c r="I1718" s="353"/>
      <c r="J1718" s="353"/>
    </row>
    <row r="1719" spans="6:10" x14ac:dyDescent="0.2">
      <c r="F1719" s="353"/>
      <c r="G1719" s="353"/>
      <c r="H1719" s="353"/>
      <c r="I1719" s="353"/>
      <c r="J1719" s="353"/>
    </row>
    <row r="1720" spans="6:10" x14ac:dyDescent="0.2">
      <c r="F1720" s="353"/>
      <c r="G1720" s="353"/>
      <c r="H1720" s="353"/>
      <c r="I1720" s="353"/>
      <c r="J1720" s="353"/>
    </row>
    <row r="1721" spans="6:10" x14ac:dyDescent="0.2">
      <c r="F1721" s="353"/>
      <c r="G1721" s="353"/>
      <c r="H1721" s="353"/>
      <c r="I1721" s="353"/>
      <c r="J1721" s="353"/>
    </row>
    <row r="1722" spans="6:10" x14ac:dyDescent="0.2">
      <c r="F1722" s="353"/>
      <c r="G1722" s="353"/>
      <c r="H1722" s="353"/>
      <c r="I1722" s="353"/>
      <c r="J1722" s="353"/>
    </row>
    <row r="1723" spans="6:10" x14ac:dyDescent="0.2">
      <c r="F1723" s="353"/>
      <c r="G1723" s="353"/>
      <c r="H1723" s="353"/>
      <c r="I1723" s="353"/>
      <c r="J1723" s="353"/>
    </row>
    <row r="1724" spans="6:10" x14ac:dyDescent="0.2">
      <c r="F1724" s="353"/>
      <c r="G1724" s="353"/>
      <c r="H1724" s="353"/>
      <c r="I1724" s="353"/>
      <c r="J1724" s="353"/>
    </row>
    <row r="1725" spans="6:10" x14ac:dyDescent="0.2">
      <c r="F1725" s="353"/>
      <c r="G1725" s="353"/>
      <c r="H1725" s="353"/>
      <c r="I1725" s="353"/>
      <c r="J1725" s="353"/>
    </row>
    <row r="1726" spans="6:10" x14ac:dyDescent="0.2">
      <c r="F1726" s="353"/>
      <c r="G1726" s="353"/>
      <c r="H1726" s="353"/>
      <c r="I1726" s="353"/>
      <c r="J1726" s="353"/>
    </row>
    <row r="1727" spans="6:10" x14ac:dyDescent="0.2">
      <c r="F1727" s="353"/>
      <c r="G1727" s="353"/>
      <c r="H1727" s="353"/>
      <c r="I1727" s="353"/>
      <c r="J1727" s="353"/>
    </row>
    <row r="1728" spans="6:10" x14ac:dyDescent="0.2">
      <c r="F1728" s="353"/>
      <c r="G1728" s="353"/>
      <c r="H1728" s="353"/>
      <c r="I1728" s="353"/>
      <c r="J1728" s="353"/>
    </row>
    <row r="1729" spans="6:10" x14ac:dyDescent="0.2">
      <c r="F1729" s="353"/>
      <c r="G1729" s="353"/>
      <c r="H1729" s="353"/>
      <c r="I1729" s="353"/>
      <c r="J1729" s="353"/>
    </row>
    <row r="1730" spans="6:10" x14ac:dyDescent="0.2">
      <c r="F1730" s="353"/>
      <c r="G1730" s="353"/>
      <c r="H1730" s="353"/>
      <c r="I1730" s="353"/>
      <c r="J1730" s="353"/>
    </row>
    <row r="1731" spans="6:10" x14ac:dyDescent="0.2">
      <c r="F1731" s="353"/>
      <c r="G1731" s="353"/>
      <c r="H1731" s="353"/>
      <c r="I1731" s="353"/>
      <c r="J1731" s="353"/>
    </row>
    <row r="1732" spans="6:10" x14ac:dyDescent="0.2">
      <c r="F1732" s="353"/>
      <c r="G1732" s="353"/>
      <c r="H1732" s="353"/>
      <c r="I1732" s="353"/>
      <c r="J1732" s="353"/>
    </row>
    <row r="1733" spans="6:10" x14ac:dyDescent="0.2">
      <c r="F1733" s="353"/>
      <c r="G1733" s="353"/>
      <c r="H1733" s="353"/>
      <c r="I1733" s="353"/>
      <c r="J1733" s="353"/>
    </row>
    <row r="1734" spans="6:10" x14ac:dyDescent="0.2">
      <c r="F1734" s="353"/>
      <c r="G1734" s="353"/>
      <c r="H1734" s="353"/>
      <c r="I1734" s="353"/>
      <c r="J1734" s="353"/>
    </row>
    <row r="1735" spans="6:10" x14ac:dyDescent="0.2">
      <c r="F1735" s="353"/>
      <c r="G1735" s="353"/>
      <c r="H1735" s="353"/>
      <c r="I1735" s="353"/>
      <c r="J1735" s="353"/>
    </row>
    <row r="1736" spans="6:10" x14ac:dyDescent="0.2">
      <c r="F1736" s="353"/>
      <c r="G1736" s="353"/>
      <c r="H1736" s="353"/>
      <c r="I1736" s="353"/>
      <c r="J1736" s="353"/>
    </row>
    <row r="1737" spans="6:10" x14ac:dyDescent="0.2">
      <c r="F1737" s="353"/>
      <c r="G1737" s="353"/>
      <c r="H1737" s="353"/>
      <c r="I1737" s="353"/>
      <c r="J1737" s="353"/>
    </row>
    <row r="1738" spans="6:10" x14ac:dyDescent="0.2">
      <c r="F1738" s="353"/>
      <c r="G1738" s="353"/>
      <c r="H1738" s="353"/>
      <c r="I1738" s="353"/>
      <c r="J1738" s="353"/>
    </row>
    <row r="1739" spans="6:10" x14ac:dyDescent="0.2">
      <c r="F1739" s="353"/>
      <c r="G1739" s="353"/>
      <c r="H1739" s="353"/>
      <c r="I1739" s="353"/>
      <c r="J1739" s="353"/>
    </row>
    <row r="1740" spans="6:10" x14ac:dyDescent="0.2">
      <c r="F1740" s="353"/>
      <c r="G1740" s="353"/>
      <c r="H1740" s="353"/>
      <c r="I1740" s="353"/>
      <c r="J1740" s="353"/>
    </row>
    <row r="1741" spans="6:10" x14ac:dyDescent="0.2">
      <c r="F1741" s="353"/>
      <c r="G1741" s="353"/>
      <c r="H1741" s="353"/>
      <c r="I1741" s="353"/>
      <c r="J1741" s="353"/>
    </row>
    <row r="1742" spans="6:10" x14ac:dyDescent="0.2">
      <c r="F1742" s="353"/>
      <c r="G1742" s="353"/>
      <c r="H1742" s="353"/>
      <c r="I1742" s="353"/>
      <c r="J1742" s="353"/>
    </row>
    <row r="1743" spans="6:10" x14ac:dyDescent="0.2">
      <c r="F1743" s="353"/>
      <c r="G1743" s="353"/>
      <c r="H1743" s="353"/>
      <c r="I1743" s="353"/>
      <c r="J1743" s="353"/>
    </row>
    <row r="1744" spans="6:10" x14ac:dyDescent="0.2">
      <c r="F1744" s="353"/>
      <c r="G1744" s="353"/>
      <c r="H1744" s="353"/>
      <c r="I1744" s="353"/>
      <c r="J1744" s="353"/>
    </row>
    <row r="1745" spans="6:10" x14ac:dyDescent="0.2">
      <c r="F1745" s="353"/>
      <c r="G1745" s="353"/>
      <c r="H1745" s="353"/>
      <c r="I1745" s="353"/>
      <c r="J1745" s="353"/>
    </row>
    <row r="1746" spans="6:10" x14ac:dyDescent="0.2">
      <c r="F1746" s="353"/>
      <c r="G1746" s="353"/>
      <c r="H1746" s="353"/>
      <c r="I1746" s="353"/>
      <c r="J1746" s="353"/>
    </row>
    <row r="1747" spans="6:10" x14ac:dyDescent="0.2">
      <c r="F1747" s="353"/>
      <c r="G1747" s="353"/>
      <c r="H1747" s="353"/>
      <c r="I1747" s="353"/>
      <c r="J1747" s="353"/>
    </row>
    <row r="1748" spans="6:10" x14ac:dyDescent="0.2">
      <c r="F1748" s="353"/>
      <c r="G1748" s="353"/>
      <c r="H1748" s="353"/>
      <c r="I1748" s="353"/>
      <c r="J1748" s="353"/>
    </row>
    <row r="1749" spans="6:10" x14ac:dyDescent="0.2">
      <c r="F1749" s="353"/>
      <c r="G1749" s="353"/>
      <c r="H1749" s="353"/>
      <c r="I1749" s="353"/>
      <c r="J1749" s="353"/>
    </row>
    <row r="1750" spans="6:10" x14ac:dyDescent="0.2">
      <c r="F1750" s="353"/>
      <c r="G1750" s="353"/>
      <c r="H1750" s="353"/>
      <c r="I1750" s="353"/>
      <c r="J1750" s="353"/>
    </row>
    <row r="1751" spans="6:10" x14ac:dyDescent="0.2">
      <c r="F1751" s="353"/>
      <c r="G1751" s="353"/>
      <c r="H1751" s="353"/>
      <c r="I1751" s="353"/>
      <c r="J1751" s="353"/>
    </row>
    <row r="1752" spans="6:10" x14ac:dyDescent="0.2">
      <c r="F1752" s="353"/>
      <c r="G1752" s="353"/>
      <c r="H1752" s="353"/>
      <c r="I1752" s="353"/>
      <c r="J1752" s="353"/>
    </row>
    <row r="1753" spans="6:10" x14ac:dyDescent="0.2">
      <c r="F1753" s="353"/>
      <c r="G1753" s="353"/>
      <c r="H1753" s="353"/>
      <c r="I1753" s="353"/>
      <c r="J1753" s="353"/>
    </row>
    <row r="1754" spans="6:10" x14ac:dyDescent="0.2">
      <c r="F1754" s="353"/>
      <c r="G1754" s="353"/>
      <c r="H1754" s="353"/>
      <c r="I1754" s="353"/>
      <c r="J1754" s="353"/>
    </row>
    <row r="1755" spans="6:10" x14ac:dyDescent="0.2">
      <c r="F1755" s="353"/>
      <c r="G1755" s="353"/>
      <c r="H1755" s="353"/>
      <c r="I1755" s="353"/>
      <c r="J1755" s="353"/>
    </row>
    <row r="1756" spans="6:10" x14ac:dyDescent="0.2">
      <c r="F1756" s="353"/>
      <c r="G1756" s="353"/>
      <c r="H1756" s="353"/>
      <c r="I1756" s="353"/>
      <c r="J1756" s="353"/>
    </row>
    <row r="1757" spans="6:10" x14ac:dyDescent="0.2">
      <c r="F1757" s="353"/>
      <c r="G1757" s="353"/>
      <c r="H1757" s="353"/>
      <c r="I1757" s="353"/>
      <c r="J1757" s="353"/>
    </row>
    <row r="1758" spans="6:10" x14ac:dyDescent="0.2">
      <c r="F1758" s="353"/>
      <c r="G1758" s="353"/>
      <c r="H1758" s="353"/>
      <c r="I1758" s="353"/>
      <c r="J1758" s="353"/>
    </row>
    <row r="1759" spans="6:10" x14ac:dyDescent="0.2">
      <c r="F1759" s="353"/>
      <c r="G1759" s="353"/>
      <c r="H1759" s="353"/>
      <c r="I1759" s="353"/>
      <c r="J1759" s="353"/>
    </row>
    <row r="1760" spans="6:10" x14ac:dyDescent="0.2">
      <c r="F1760" s="353"/>
      <c r="G1760" s="353"/>
      <c r="H1760" s="353"/>
      <c r="I1760" s="353"/>
      <c r="J1760" s="353"/>
    </row>
    <row r="1761" spans="6:10" x14ac:dyDescent="0.2">
      <c r="F1761" s="353"/>
      <c r="G1761" s="353"/>
      <c r="H1761" s="353"/>
      <c r="I1761" s="353"/>
      <c r="J1761" s="353"/>
    </row>
    <row r="1762" spans="6:10" x14ac:dyDescent="0.2">
      <c r="F1762" s="353"/>
      <c r="G1762" s="353"/>
      <c r="H1762" s="353"/>
      <c r="I1762" s="353"/>
      <c r="J1762" s="353"/>
    </row>
    <row r="1763" spans="6:10" x14ac:dyDescent="0.2">
      <c r="F1763" s="353"/>
      <c r="G1763" s="353"/>
      <c r="H1763" s="353"/>
      <c r="I1763" s="353"/>
      <c r="J1763" s="353"/>
    </row>
    <row r="1764" spans="6:10" x14ac:dyDescent="0.2">
      <c r="F1764" s="353"/>
      <c r="G1764" s="353"/>
      <c r="H1764" s="353"/>
      <c r="I1764" s="353"/>
      <c r="J1764" s="353"/>
    </row>
    <row r="1765" spans="6:10" x14ac:dyDescent="0.2">
      <c r="F1765" s="353"/>
      <c r="G1765" s="353"/>
      <c r="H1765" s="353"/>
      <c r="I1765" s="353"/>
      <c r="J1765" s="353"/>
    </row>
    <row r="1766" spans="6:10" x14ac:dyDescent="0.2">
      <c r="F1766" s="353"/>
      <c r="G1766" s="353"/>
      <c r="H1766" s="353"/>
      <c r="I1766" s="353"/>
      <c r="J1766" s="353"/>
    </row>
    <row r="1767" spans="6:10" x14ac:dyDescent="0.2">
      <c r="F1767" s="353"/>
      <c r="G1767" s="353"/>
      <c r="H1767" s="353"/>
      <c r="I1767" s="353"/>
      <c r="J1767" s="353"/>
    </row>
    <row r="1768" spans="6:10" x14ac:dyDescent="0.2">
      <c r="F1768" s="353"/>
      <c r="G1768" s="353"/>
      <c r="H1768" s="353"/>
      <c r="I1768" s="353"/>
      <c r="J1768" s="353"/>
    </row>
    <row r="1769" spans="6:10" x14ac:dyDescent="0.2">
      <c r="F1769" s="353"/>
      <c r="G1769" s="353"/>
      <c r="H1769" s="353"/>
      <c r="I1769" s="353"/>
      <c r="J1769" s="353"/>
    </row>
    <row r="1770" spans="6:10" x14ac:dyDescent="0.2">
      <c r="F1770" s="353"/>
      <c r="G1770" s="353"/>
      <c r="H1770" s="353"/>
      <c r="I1770" s="353"/>
      <c r="J1770" s="353"/>
    </row>
    <row r="1771" spans="6:10" x14ac:dyDescent="0.2">
      <c r="F1771" s="353"/>
      <c r="G1771" s="353"/>
      <c r="H1771" s="353"/>
      <c r="I1771" s="353"/>
      <c r="J1771" s="353"/>
    </row>
    <row r="1772" spans="6:10" x14ac:dyDescent="0.2">
      <c r="F1772" s="353"/>
      <c r="G1772" s="353"/>
      <c r="H1772" s="353"/>
      <c r="I1772" s="353"/>
      <c r="J1772" s="353"/>
    </row>
    <row r="1773" spans="6:10" x14ac:dyDescent="0.2">
      <c r="F1773" s="353"/>
      <c r="G1773" s="353"/>
      <c r="H1773" s="353"/>
      <c r="I1773" s="353"/>
      <c r="J1773" s="353"/>
    </row>
    <row r="1774" spans="6:10" x14ac:dyDescent="0.2">
      <c r="F1774" s="353"/>
      <c r="G1774" s="353"/>
      <c r="H1774" s="353"/>
      <c r="I1774" s="353"/>
      <c r="J1774" s="353"/>
    </row>
    <row r="1775" spans="6:10" x14ac:dyDescent="0.2">
      <c r="F1775" s="353"/>
      <c r="G1775" s="353"/>
      <c r="H1775" s="353"/>
      <c r="I1775" s="353"/>
      <c r="J1775" s="353"/>
    </row>
    <row r="1776" spans="6:10" x14ac:dyDescent="0.2">
      <c r="F1776" s="353"/>
      <c r="G1776" s="353"/>
      <c r="H1776" s="353"/>
      <c r="I1776" s="353"/>
      <c r="J1776" s="353"/>
    </row>
    <row r="1777" spans="6:10" x14ac:dyDescent="0.2">
      <c r="F1777" s="353"/>
      <c r="G1777" s="353"/>
      <c r="H1777" s="353"/>
      <c r="I1777" s="353"/>
      <c r="J1777" s="353"/>
    </row>
    <row r="1778" spans="6:10" x14ac:dyDescent="0.2">
      <c r="F1778" s="353"/>
      <c r="G1778" s="353"/>
      <c r="H1778" s="353"/>
      <c r="I1778" s="353"/>
      <c r="J1778" s="353"/>
    </row>
    <row r="1779" spans="6:10" x14ac:dyDescent="0.2">
      <c r="F1779" s="353"/>
      <c r="G1779" s="353"/>
      <c r="H1779" s="353"/>
      <c r="I1779" s="353"/>
      <c r="J1779" s="353"/>
    </row>
    <row r="1780" spans="6:10" x14ac:dyDescent="0.2">
      <c r="F1780" s="353"/>
      <c r="G1780" s="353"/>
      <c r="H1780" s="353"/>
      <c r="I1780" s="353"/>
      <c r="J1780" s="353"/>
    </row>
    <row r="1781" spans="6:10" x14ac:dyDescent="0.2">
      <c r="F1781" s="353"/>
      <c r="G1781" s="353"/>
      <c r="H1781" s="353"/>
      <c r="I1781" s="353"/>
      <c r="J1781" s="353"/>
    </row>
    <row r="1782" spans="6:10" x14ac:dyDescent="0.2">
      <c r="F1782" s="353"/>
      <c r="G1782" s="353"/>
      <c r="H1782" s="353"/>
      <c r="I1782" s="353"/>
      <c r="J1782" s="353"/>
    </row>
    <row r="1783" spans="6:10" x14ac:dyDescent="0.2">
      <c r="F1783" s="353"/>
      <c r="G1783" s="353"/>
      <c r="H1783" s="353"/>
      <c r="I1783" s="353"/>
      <c r="J1783" s="353"/>
    </row>
    <row r="1784" spans="6:10" x14ac:dyDescent="0.2">
      <c r="F1784" s="353"/>
      <c r="G1784" s="353"/>
      <c r="H1784" s="353"/>
      <c r="I1784" s="353"/>
      <c r="J1784" s="353"/>
    </row>
    <row r="1785" spans="6:10" x14ac:dyDescent="0.2">
      <c r="F1785" s="353"/>
      <c r="G1785" s="353"/>
      <c r="H1785" s="353"/>
      <c r="I1785" s="353"/>
      <c r="J1785" s="353"/>
    </row>
    <row r="1786" spans="6:10" x14ac:dyDescent="0.2">
      <c r="F1786" s="353"/>
      <c r="G1786" s="353"/>
      <c r="H1786" s="353"/>
      <c r="I1786" s="353"/>
      <c r="J1786" s="353"/>
    </row>
    <row r="1787" spans="6:10" x14ac:dyDescent="0.2">
      <c r="F1787" s="353"/>
      <c r="G1787" s="353"/>
      <c r="H1787" s="353"/>
      <c r="I1787" s="353"/>
      <c r="J1787" s="353"/>
    </row>
    <row r="1788" spans="6:10" x14ac:dyDescent="0.2">
      <c r="F1788" s="353"/>
      <c r="G1788" s="353"/>
      <c r="H1788" s="353"/>
      <c r="I1788" s="353"/>
      <c r="J1788" s="353"/>
    </row>
    <row r="1789" spans="6:10" x14ac:dyDescent="0.2">
      <c r="F1789" s="353"/>
      <c r="G1789" s="353"/>
      <c r="H1789" s="353"/>
      <c r="I1789" s="353"/>
      <c r="J1789" s="353"/>
    </row>
    <row r="1790" spans="6:10" x14ac:dyDescent="0.2">
      <c r="F1790" s="353"/>
      <c r="G1790" s="353"/>
      <c r="H1790" s="353"/>
      <c r="I1790" s="353"/>
      <c r="J1790" s="353"/>
    </row>
    <row r="1791" spans="6:10" x14ac:dyDescent="0.2">
      <c r="F1791" s="353"/>
      <c r="G1791" s="353"/>
      <c r="H1791" s="353"/>
      <c r="I1791" s="353"/>
      <c r="J1791" s="353"/>
    </row>
    <row r="1792" spans="6:10" x14ac:dyDescent="0.2">
      <c r="F1792" s="353"/>
      <c r="G1792" s="353"/>
      <c r="H1792" s="353"/>
      <c r="I1792" s="353"/>
      <c r="J1792" s="353"/>
    </row>
    <row r="1793" spans="6:10" x14ac:dyDescent="0.2">
      <c r="F1793" s="353"/>
      <c r="G1793" s="353"/>
      <c r="H1793" s="353"/>
      <c r="I1793" s="353"/>
      <c r="J1793" s="353"/>
    </row>
    <row r="1794" spans="6:10" x14ac:dyDescent="0.2">
      <c r="F1794" s="353"/>
      <c r="G1794" s="353"/>
      <c r="H1794" s="353"/>
      <c r="I1794" s="353"/>
      <c r="J1794" s="353"/>
    </row>
    <row r="1795" spans="6:10" x14ac:dyDescent="0.2">
      <c r="F1795" s="353"/>
      <c r="G1795" s="353"/>
      <c r="H1795" s="353"/>
      <c r="I1795" s="353"/>
      <c r="J1795" s="353"/>
    </row>
    <row r="1796" spans="6:10" x14ac:dyDescent="0.2">
      <c r="F1796" s="353"/>
      <c r="G1796" s="353"/>
      <c r="H1796" s="353"/>
      <c r="I1796" s="353"/>
      <c r="J1796" s="353"/>
    </row>
    <row r="1797" spans="6:10" x14ac:dyDescent="0.2">
      <c r="F1797" s="353"/>
      <c r="G1797" s="353"/>
      <c r="H1797" s="353"/>
      <c r="I1797" s="353"/>
      <c r="J1797" s="353"/>
    </row>
    <row r="1798" spans="6:10" x14ac:dyDescent="0.2">
      <c r="F1798" s="353"/>
      <c r="G1798" s="353"/>
      <c r="H1798" s="353"/>
      <c r="I1798" s="353"/>
      <c r="J1798" s="353"/>
    </row>
    <row r="1799" spans="6:10" x14ac:dyDescent="0.2">
      <c r="F1799" s="353"/>
      <c r="G1799" s="353"/>
      <c r="H1799" s="353"/>
      <c r="I1799" s="353"/>
      <c r="J1799" s="353"/>
    </row>
    <row r="1800" spans="6:10" x14ac:dyDescent="0.2">
      <c r="F1800" s="353"/>
      <c r="G1800" s="353"/>
      <c r="H1800" s="353"/>
      <c r="I1800" s="353"/>
      <c r="J1800" s="353"/>
    </row>
    <row r="1801" spans="6:10" x14ac:dyDescent="0.2">
      <c r="F1801" s="353"/>
      <c r="G1801" s="353"/>
      <c r="H1801" s="353"/>
      <c r="I1801" s="353"/>
      <c r="J1801" s="353"/>
    </row>
    <row r="1802" spans="6:10" x14ac:dyDescent="0.2">
      <c r="F1802" s="353"/>
      <c r="G1802" s="353"/>
      <c r="H1802" s="353"/>
      <c r="I1802" s="353"/>
      <c r="J1802" s="353"/>
    </row>
    <row r="1803" spans="6:10" x14ac:dyDescent="0.2">
      <c r="F1803" s="353"/>
      <c r="G1803" s="353"/>
      <c r="H1803" s="353"/>
      <c r="I1803" s="353"/>
      <c r="J1803" s="353"/>
    </row>
    <row r="1804" spans="6:10" x14ac:dyDescent="0.2">
      <c r="F1804" s="353"/>
      <c r="G1804" s="353"/>
      <c r="H1804" s="353"/>
      <c r="I1804" s="353"/>
      <c r="J1804" s="353"/>
    </row>
    <row r="1805" spans="6:10" x14ac:dyDescent="0.2">
      <c r="F1805" s="353"/>
      <c r="G1805" s="353"/>
      <c r="H1805" s="353"/>
      <c r="I1805" s="353"/>
      <c r="J1805" s="353"/>
    </row>
    <row r="1806" spans="6:10" x14ac:dyDescent="0.2">
      <c r="F1806" s="353"/>
      <c r="G1806" s="353"/>
      <c r="H1806" s="353"/>
      <c r="I1806" s="353"/>
      <c r="J1806" s="353"/>
    </row>
    <row r="1807" spans="6:10" x14ac:dyDescent="0.2">
      <c r="F1807" s="353"/>
      <c r="G1807" s="353"/>
      <c r="H1807" s="353"/>
      <c r="I1807" s="353"/>
      <c r="J1807" s="353"/>
    </row>
    <row r="1808" spans="6:10" x14ac:dyDescent="0.2">
      <c r="F1808" s="353"/>
      <c r="G1808" s="353"/>
      <c r="H1808" s="353"/>
      <c r="I1808" s="353"/>
      <c r="J1808" s="353"/>
    </row>
    <row r="1809" spans="6:10" x14ac:dyDescent="0.2">
      <c r="F1809" s="353"/>
      <c r="G1809" s="353"/>
      <c r="H1809" s="353"/>
      <c r="I1809" s="353"/>
      <c r="J1809" s="353"/>
    </row>
    <row r="1810" spans="6:10" x14ac:dyDescent="0.2">
      <c r="F1810" s="353"/>
      <c r="G1810" s="353"/>
      <c r="H1810" s="353"/>
      <c r="I1810" s="353"/>
      <c r="J1810" s="353"/>
    </row>
    <row r="1811" spans="6:10" x14ac:dyDescent="0.2">
      <c r="F1811" s="353"/>
      <c r="G1811" s="353"/>
      <c r="H1811" s="353"/>
      <c r="I1811" s="353"/>
      <c r="J1811" s="353"/>
    </row>
    <row r="1812" spans="6:10" x14ac:dyDescent="0.2">
      <c r="F1812" s="353"/>
      <c r="G1812" s="353"/>
      <c r="H1812" s="353"/>
      <c r="I1812" s="353"/>
      <c r="J1812" s="353"/>
    </row>
    <row r="1813" spans="6:10" x14ac:dyDescent="0.2">
      <c r="F1813" s="353"/>
      <c r="G1813" s="353"/>
      <c r="H1813" s="353"/>
      <c r="I1813" s="353"/>
      <c r="J1813" s="353"/>
    </row>
    <row r="1814" spans="6:10" x14ac:dyDescent="0.2">
      <c r="F1814" s="353"/>
      <c r="G1814" s="353"/>
      <c r="H1814" s="353"/>
      <c r="I1814" s="353"/>
      <c r="J1814" s="353"/>
    </row>
    <row r="1815" spans="6:10" x14ac:dyDescent="0.2">
      <c r="F1815" s="353"/>
      <c r="G1815" s="353"/>
      <c r="H1815" s="353"/>
      <c r="I1815" s="353"/>
      <c r="J1815" s="353"/>
    </row>
    <row r="1816" spans="6:10" x14ac:dyDescent="0.2">
      <c r="F1816" s="353"/>
      <c r="G1816" s="353"/>
      <c r="H1816" s="353"/>
      <c r="I1816" s="353"/>
      <c r="J1816" s="353"/>
    </row>
    <row r="1817" spans="6:10" x14ac:dyDescent="0.2">
      <c r="F1817" s="353"/>
      <c r="G1817" s="353"/>
      <c r="H1817" s="353"/>
      <c r="I1817" s="353"/>
      <c r="J1817" s="353"/>
    </row>
    <row r="1818" spans="6:10" x14ac:dyDescent="0.2">
      <c r="F1818" s="353"/>
      <c r="G1818" s="353"/>
      <c r="H1818" s="353"/>
      <c r="I1818" s="353"/>
      <c r="J1818" s="353"/>
    </row>
    <row r="1819" spans="6:10" x14ac:dyDescent="0.2">
      <c r="F1819" s="353"/>
      <c r="G1819" s="353"/>
      <c r="H1819" s="353"/>
      <c r="I1819" s="353"/>
      <c r="J1819" s="353"/>
    </row>
    <row r="1820" spans="6:10" x14ac:dyDescent="0.2">
      <c r="F1820" s="353"/>
      <c r="G1820" s="353"/>
      <c r="H1820" s="353"/>
      <c r="I1820" s="353"/>
      <c r="J1820" s="353"/>
    </row>
    <row r="1821" spans="6:10" x14ac:dyDescent="0.2">
      <c r="F1821" s="353"/>
      <c r="G1821" s="353"/>
      <c r="H1821" s="353"/>
      <c r="I1821" s="353"/>
      <c r="J1821" s="353"/>
    </row>
    <row r="1822" spans="6:10" x14ac:dyDescent="0.2">
      <c r="F1822" s="353"/>
      <c r="G1822" s="353"/>
      <c r="H1822" s="353"/>
      <c r="I1822" s="353"/>
      <c r="J1822" s="353"/>
    </row>
    <row r="1823" spans="6:10" x14ac:dyDescent="0.2">
      <c r="F1823" s="353"/>
      <c r="G1823" s="353"/>
      <c r="H1823" s="353"/>
      <c r="I1823" s="353"/>
      <c r="J1823" s="353"/>
    </row>
    <row r="1824" spans="6:10" x14ac:dyDescent="0.2">
      <c r="F1824" s="353"/>
      <c r="G1824" s="353"/>
      <c r="H1824" s="353"/>
      <c r="I1824" s="353"/>
      <c r="J1824" s="353"/>
    </row>
    <row r="1825" spans="6:10" x14ac:dyDescent="0.2">
      <c r="F1825" s="353"/>
      <c r="G1825" s="353"/>
      <c r="H1825" s="353"/>
      <c r="I1825" s="353"/>
      <c r="J1825" s="353"/>
    </row>
    <row r="1826" spans="6:10" x14ac:dyDescent="0.2">
      <c r="F1826" s="353"/>
      <c r="G1826" s="353"/>
      <c r="H1826" s="353"/>
      <c r="I1826" s="353"/>
      <c r="J1826" s="353"/>
    </row>
    <row r="1827" spans="6:10" x14ac:dyDescent="0.2">
      <c r="F1827" s="353"/>
      <c r="G1827" s="353"/>
      <c r="H1827" s="353"/>
      <c r="I1827" s="353"/>
      <c r="J1827" s="353"/>
    </row>
    <row r="1828" spans="6:10" x14ac:dyDescent="0.2">
      <c r="F1828" s="353"/>
      <c r="G1828" s="353"/>
      <c r="H1828" s="353"/>
      <c r="I1828" s="353"/>
      <c r="J1828" s="353"/>
    </row>
    <row r="1829" spans="6:10" x14ac:dyDescent="0.2">
      <c r="F1829" s="353"/>
      <c r="G1829" s="353"/>
      <c r="H1829" s="353"/>
      <c r="I1829" s="353"/>
      <c r="J1829" s="353"/>
    </row>
    <row r="1830" spans="6:10" x14ac:dyDescent="0.2">
      <c r="F1830" s="353"/>
      <c r="G1830" s="353"/>
      <c r="H1830" s="353"/>
      <c r="I1830" s="353"/>
      <c r="J1830" s="353"/>
    </row>
    <row r="1831" spans="6:10" x14ac:dyDescent="0.2">
      <c r="F1831" s="353"/>
      <c r="G1831" s="353"/>
      <c r="H1831" s="353"/>
      <c r="I1831" s="353"/>
      <c r="J1831" s="353"/>
    </row>
    <row r="1832" spans="6:10" x14ac:dyDescent="0.2">
      <c r="F1832" s="353"/>
      <c r="G1832" s="353"/>
      <c r="H1832" s="353"/>
      <c r="I1832" s="353"/>
      <c r="J1832" s="353"/>
    </row>
    <row r="1833" spans="6:10" x14ac:dyDescent="0.2">
      <c r="F1833" s="353"/>
      <c r="G1833" s="353"/>
      <c r="H1833" s="353"/>
      <c r="I1833" s="353"/>
      <c r="J1833" s="353"/>
    </row>
    <row r="1834" spans="6:10" x14ac:dyDescent="0.2">
      <c r="F1834" s="353"/>
      <c r="G1834" s="353"/>
      <c r="H1834" s="353"/>
      <c r="I1834" s="353"/>
      <c r="J1834" s="353"/>
    </row>
    <row r="1835" spans="6:10" x14ac:dyDescent="0.2">
      <c r="F1835" s="353"/>
      <c r="G1835" s="353"/>
      <c r="H1835" s="353"/>
      <c r="I1835" s="353"/>
      <c r="J1835" s="353"/>
    </row>
    <row r="1836" spans="6:10" x14ac:dyDescent="0.2">
      <c r="F1836" s="353"/>
      <c r="G1836" s="353"/>
      <c r="H1836" s="353"/>
      <c r="I1836" s="353"/>
      <c r="J1836" s="353"/>
    </row>
    <row r="1837" spans="6:10" x14ac:dyDescent="0.2">
      <c r="F1837" s="353"/>
      <c r="G1837" s="353"/>
      <c r="H1837" s="353"/>
      <c r="I1837" s="353"/>
      <c r="J1837" s="353"/>
    </row>
    <row r="1838" spans="6:10" x14ac:dyDescent="0.2">
      <c r="F1838" s="353"/>
      <c r="G1838" s="353"/>
      <c r="H1838" s="353"/>
      <c r="I1838" s="353"/>
      <c r="J1838" s="353"/>
    </row>
    <row r="1839" spans="6:10" x14ac:dyDescent="0.2">
      <c r="F1839" s="353"/>
      <c r="G1839" s="353"/>
      <c r="H1839" s="353"/>
      <c r="I1839" s="353"/>
      <c r="J1839" s="353"/>
    </row>
    <row r="1840" spans="6:10" x14ac:dyDescent="0.2">
      <c r="F1840" s="353"/>
      <c r="G1840" s="353"/>
      <c r="H1840" s="353"/>
      <c r="I1840" s="353"/>
      <c r="J1840" s="353"/>
    </row>
    <row r="1841" spans="6:10" x14ac:dyDescent="0.2">
      <c r="F1841" s="353"/>
      <c r="G1841" s="353"/>
      <c r="H1841" s="353"/>
      <c r="I1841" s="353"/>
      <c r="J1841" s="353"/>
    </row>
    <row r="1842" spans="6:10" x14ac:dyDescent="0.2">
      <c r="F1842" s="353"/>
      <c r="G1842" s="353"/>
      <c r="H1842" s="353"/>
      <c r="I1842" s="353"/>
      <c r="J1842" s="353"/>
    </row>
    <row r="1843" spans="6:10" x14ac:dyDescent="0.2">
      <c r="F1843" s="353"/>
      <c r="G1843" s="353"/>
      <c r="H1843" s="353"/>
      <c r="I1843" s="353"/>
      <c r="J1843" s="353"/>
    </row>
    <row r="1844" spans="6:10" x14ac:dyDescent="0.2">
      <c r="F1844" s="353"/>
      <c r="G1844" s="353"/>
      <c r="H1844" s="353"/>
      <c r="I1844" s="353"/>
      <c r="J1844" s="353"/>
    </row>
    <row r="1845" spans="6:10" x14ac:dyDescent="0.2">
      <c r="F1845" s="353"/>
      <c r="G1845" s="353"/>
      <c r="H1845" s="353"/>
      <c r="I1845" s="353"/>
      <c r="J1845" s="353"/>
    </row>
    <row r="1846" spans="6:10" x14ac:dyDescent="0.2">
      <c r="F1846" s="353"/>
      <c r="G1846" s="353"/>
      <c r="H1846" s="353"/>
      <c r="I1846" s="353"/>
      <c r="J1846" s="353"/>
    </row>
    <row r="1847" spans="6:10" x14ac:dyDescent="0.2">
      <c r="F1847" s="353"/>
      <c r="G1847" s="353"/>
      <c r="H1847" s="353"/>
      <c r="I1847" s="353"/>
      <c r="J1847" s="353"/>
    </row>
    <row r="1848" spans="6:10" x14ac:dyDescent="0.2">
      <c r="F1848" s="353"/>
      <c r="G1848" s="353"/>
      <c r="H1848" s="353"/>
      <c r="I1848" s="353"/>
      <c r="J1848" s="353"/>
    </row>
    <row r="1849" spans="6:10" x14ac:dyDescent="0.2">
      <c r="F1849" s="353"/>
      <c r="G1849" s="353"/>
      <c r="H1849" s="353"/>
      <c r="I1849" s="353"/>
      <c r="J1849" s="353"/>
    </row>
    <row r="1850" spans="6:10" x14ac:dyDescent="0.2">
      <c r="F1850" s="353"/>
      <c r="G1850" s="353"/>
      <c r="H1850" s="353"/>
      <c r="I1850" s="353"/>
      <c r="J1850" s="353"/>
    </row>
    <row r="1851" spans="6:10" x14ac:dyDescent="0.2">
      <c r="F1851" s="353"/>
      <c r="G1851" s="353"/>
      <c r="H1851" s="353"/>
      <c r="I1851" s="353"/>
      <c r="J1851" s="353"/>
    </row>
    <row r="1852" spans="6:10" x14ac:dyDescent="0.2">
      <c r="F1852" s="353"/>
      <c r="G1852" s="353"/>
      <c r="H1852" s="353"/>
      <c r="I1852" s="353"/>
      <c r="J1852" s="353"/>
    </row>
    <row r="1853" spans="6:10" x14ac:dyDescent="0.2">
      <c r="F1853" s="353"/>
      <c r="G1853" s="353"/>
      <c r="H1853" s="353"/>
      <c r="I1853" s="353"/>
      <c r="J1853" s="353"/>
    </row>
    <row r="1854" spans="6:10" x14ac:dyDescent="0.2">
      <c r="F1854" s="353"/>
      <c r="G1854" s="353"/>
      <c r="H1854" s="353"/>
      <c r="I1854" s="353"/>
      <c r="J1854" s="353"/>
    </row>
    <row r="1855" spans="6:10" x14ac:dyDescent="0.2">
      <c r="F1855" s="353"/>
      <c r="G1855" s="353"/>
      <c r="H1855" s="353"/>
      <c r="I1855" s="353"/>
      <c r="J1855" s="353"/>
    </row>
    <row r="1856" spans="6:10" x14ac:dyDescent="0.2">
      <c r="F1856" s="353"/>
      <c r="G1856" s="353"/>
      <c r="H1856" s="353"/>
      <c r="I1856" s="353"/>
      <c r="J1856" s="353"/>
    </row>
    <row r="1857" spans="6:10" x14ac:dyDescent="0.2">
      <c r="F1857" s="353"/>
      <c r="G1857" s="353"/>
      <c r="H1857" s="353"/>
      <c r="I1857" s="353"/>
      <c r="J1857" s="353"/>
    </row>
    <row r="1858" spans="6:10" x14ac:dyDescent="0.2">
      <c r="F1858" s="353"/>
      <c r="G1858" s="353"/>
      <c r="H1858" s="353"/>
      <c r="I1858" s="353"/>
      <c r="J1858" s="353"/>
    </row>
    <row r="1859" spans="6:10" x14ac:dyDescent="0.2">
      <c r="F1859" s="353"/>
      <c r="G1859" s="353"/>
      <c r="H1859" s="353"/>
      <c r="I1859" s="353"/>
      <c r="J1859" s="353"/>
    </row>
    <row r="1860" spans="6:10" x14ac:dyDescent="0.2">
      <c r="F1860" s="353"/>
      <c r="G1860" s="353"/>
      <c r="H1860" s="353"/>
      <c r="I1860" s="353"/>
      <c r="J1860" s="353"/>
    </row>
    <row r="1861" spans="6:10" x14ac:dyDescent="0.2">
      <c r="F1861" s="353"/>
      <c r="G1861" s="353"/>
      <c r="H1861" s="353"/>
      <c r="I1861" s="353"/>
      <c r="J1861" s="353"/>
    </row>
    <row r="1862" spans="6:10" x14ac:dyDescent="0.2">
      <c r="F1862" s="353"/>
      <c r="G1862" s="353"/>
      <c r="H1862" s="353"/>
      <c r="I1862" s="353"/>
      <c r="J1862" s="353"/>
    </row>
    <row r="1863" spans="6:10" x14ac:dyDescent="0.2">
      <c r="F1863" s="353"/>
      <c r="G1863" s="353"/>
      <c r="H1863" s="353"/>
      <c r="I1863" s="353"/>
      <c r="J1863" s="353"/>
    </row>
    <row r="1864" spans="6:10" x14ac:dyDescent="0.2">
      <c r="F1864" s="353"/>
      <c r="G1864" s="353"/>
      <c r="H1864" s="353"/>
      <c r="I1864" s="353"/>
      <c r="J1864" s="353"/>
    </row>
    <row r="1865" spans="6:10" x14ac:dyDescent="0.2">
      <c r="F1865" s="353"/>
      <c r="G1865" s="353"/>
      <c r="H1865" s="353"/>
      <c r="I1865" s="353"/>
      <c r="J1865" s="353"/>
    </row>
    <row r="1866" spans="6:10" x14ac:dyDescent="0.2">
      <c r="F1866" s="353"/>
      <c r="G1866" s="353"/>
      <c r="H1866" s="353"/>
      <c r="I1866" s="353"/>
      <c r="J1866" s="353"/>
    </row>
    <row r="1867" spans="6:10" x14ac:dyDescent="0.2">
      <c r="F1867" s="353"/>
      <c r="G1867" s="353"/>
      <c r="H1867" s="353"/>
      <c r="I1867" s="353"/>
      <c r="J1867" s="353"/>
    </row>
    <row r="1868" spans="6:10" x14ac:dyDescent="0.2">
      <c r="F1868" s="353"/>
      <c r="G1868" s="353"/>
      <c r="H1868" s="353"/>
      <c r="I1868" s="353"/>
      <c r="J1868" s="353"/>
    </row>
    <row r="1869" spans="6:10" x14ac:dyDescent="0.2">
      <c r="F1869" s="353"/>
      <c r="G1869" s="353"/>
      <c r="H1869" s="353"/>
      <c r="I1869" s="353"/>
      <c r="J1869" s="353"/>
    </row>
    <row r="1870" spans="6:10" x14ac:dyDescent="0.2">
      <c r="F1870" s="353"/>
      <c r="G1870" s="353"/>
      <c r="H1870" s="353"/>
      <c r="I1870" s="353"/>
      <c r="J1870" s="353"/>
    </row>
    <row r="1871" spans="6:10" x14ac:dyDescent="0.2">
      <c r="F1871" s="353"/>
      <c r="G1871" s="353"/>
      <c r="H1871" s="353"/>
      <c r="I1871" s="353"/>
      <c r="J1871" s="353"/>
    </row>
    <row r="1872" spans="6:10" x14ac:dyDescent="0.2">
      <c r="F1872" s="353"/>
      <c r="G1872" s="353"/>
      <c r="H1872" s="353"/>
      <c r="I1872" s="353"/>
      <c r="J1872" s="353"/>
    </row>
    <row r="1873" spans="6:10" x14ac:dyDescent="0.2">
      <c r="F1873" s="353"/>
      <c r="G1873" s="353"/>
      <c r="H1873" s="353"/>
      <c r="I1873" s="353"/>
      <c r="J1873" s="353"/>
    </row>
    <row r="1874" spans="6:10" x14ac:dyDescent="0.2">
      <c r="F1874" s="353"/>
      <c r="G1874" s="353"/>
      <c r="H1874" s="353"/>
      <c r="I1874" s="353"/>
      <c r="J1874" s="353"/>
    </row>
    <row r="1875" spans="6:10" x14ac:dyDescent="0.2">
      <c r="F1875" s="353"/>
      <c r="G1875" s="353"/>
      <c r="H1875" s="353"/>
      <c r="I1875" s="353"/>
      <c r="J1875" s="353"/>
    </row>
    <row r="1876" spans="6:10" x14ac:dyDescent="0.2">
      <c r="F1876" s="353"/>
      <c r="G1876" s="353"/>
      <c r="H1876" s="353"/>
      <c r="I1876" s="353"/>
      <c r="J1876" s="353"/>
    </row>
    <row r="1877" spans="6:10" x14ac:dyDescent="0.2">
      <c r="F1877" s="353"/>
      <c r="G1877" s="353"/>
      <c r="H1877" s="353"/>
      <c r="I1877" s="353"/>
      <c r="J1877" s="353"/>
    </row>
    <row r="1878" spans="6:10" x14ac:dyDescent="0.2">
      <c r="F1878" s="353"/>
      <c r="G1878" s="353"/>
      <c r="H1878" s="353"/>
      <c r="I1878" s="353"/>
      <c r="J1878" s="353"/>
    </row>
    <row r="1879" spans="6:10" x14ac:dyDescent="0.2">
      <c r="F1879" s="353"/>
      <c r="G1879" s="353"/>
      <c r="H1879" s="353"/>
      <c r="I1879" s="353"/>
      <c r="J1879" s="353"/>
    </row>
    <row r="1880" spans="6:10" x14ac:dyDescent="0.2">
      <c r="F1880" s="353"/>
      <c r="G1880" s="353"/>
      <c r="H1880" s="353"/>
      <c r="I1880" s="353"/>
      <c r="J1880" s="353"/>
    </row>
    <row r="1881" spans="6:10" x14ac:dyDescent="0.2">
      <c r="F1881" s="353"/>
      <c r="G1881" s="353"/>
      <c r="H1881" s="353"/>
      <c r="I1881" s="353"/>
      <c r="J1881" s="353"/>
    </row>
    <row r="1882" spans="6:10" x14ac:dyDescent="0.2">
      <c r="F1882" s="353"/>
      <c r="G1882" s="353"/>
      <c r="H1882" s="353"/>
      <c r="I1882" s="353"/>
      <c r="J1882" s="353"/>
    </row>
    <row r="1883" spans="6:10" x14ac:dyDescent="0.2">
      <c r="F1883" s="353"/>
      <c r="G1883" s="353"/>
      <c r="H1883" s="353"/>
      <c r="I1883" s="353"/>
      <c r="J1883" s="353"/>
    </row>
    <row r="1884" spans="6:10" x14ac:dyDescent="0.2">
      <c r="F1884" s="353"/>
      <c r="G1884" s="353"/>
      <c r="H1884" s="353"/>
      <c r="I1884" s="353"/>
      <c r="J1884" s="353"/>
    </row>
    <row r="1885" spans="6:10" x14ac:dyDescent="0.2">
      <c r="F1885" s="353"/>
      <c r="G1885" s="353"/>
      <c r="H1885" s="353"/>
      <c r="I1885" s="353"/>
      <c r="J1885" s="353"/>
    </row>
    <row r="1886" spans="6:10" x14ac:dyDescent="0.2">
      <c r="F1886" s="353"/>
      <c r="G1886" s="353"/>
      <c r="H1886" s="353"/>
      <c r="I1886" s="353"/>
      <c r="J1886" s="353"/>
    </row>
    <row r="1887" spans="6:10" x14ac:dyDescent="0.2">
      <c r="F1887" s="353"/>
      <c r="G1887" s="353"/>
      <c r="H1887" s="353"/>
      <c r="I1887" s="353"/>
      <c r="J1887" s="353"/>
    </row>
    <row r="1888" spans="6:10" x14ac:dyDescent="0.2">
      <c r="F1888" s="353"/>
      <c r="G1888" s="353"/>
      <c r="H1888" s="353"/>
      <c r="I1888" s="353"/>
      <c r="J1888" s="353"/>
    </row>
    <row r="1889" spans="6:10" x14ac:dyDescent="0.2">
      <c r="F1889" s="353"/>
      <c r="G1889" s="353"/>
      <c r="H1889" s="353"/>
      <c r="I1889" s="353"/>
      <c r="J1889" s="353"/>
    </row>
    <row r="1890" spans="6:10" x14ac:dyDescent="0.2">
      <c r="F1890" s="353"/>
      <c r="G1890" s="353"/>
      <c r="H1890" s="353"/>
      <c r="I1890" s="353"/>
      <c r="J1890" s="353"/>
    </row>
    <row r="1891" spans="6:10" x14ac:dyDescent="0.2">
      <c r="F1891" s="353"/>
      <c r="G1891" s="353"/>
      <c r="H1891" s="353"/>
      <c r="I1891" s="353"/>
      <c r="J1891" s="353"/>
    </row>
    <row r="1892" spans="6:10" x14ac:dyDescent="0.2">
      <c r="F1892" s="353"/>
      <c r="G1892" s="353"/>
      <c r="H1892" s="353"/>
      <c r="I1892" s="353"/>
      <c r="J1892" s="353"/>
    </row>
    <row r="1893" spans="6:10" x14ac:dyDescent="0.2">
      <c r="F1893" s="353"/>
      <c r="G1893" s="353"/>
      <c r="H1893" s="353"/>
      <c r="I1893" s="353"/>
      <c r="J1893" s="353"/>
    </row>
    <row r="1894" spans="6:10" x14ac:dyDescent="0.2">
      <c r="F1894" s="353"/>
      <c r="G1894" s="353"/>
      <c r="H1894" s="353"/>
      <c r="I1894" s="353"/>
      <c r="J1894" s="353"/>
    </row>
    <row r="1895" spans="6:10" x14ac:dyDescent="0.2">
      <c r="F1895" s="353"/>
      <c r="G1895" s="353"/>
      <c r="H1895" s="353"/>
      <c r="I1895" s="353"/>
      <c r="J1895" s="353"/>
    </row>
    <row r="1896" spans="6:10" x14ac:dyDescent="0.2">
      <c r="F1896" s="353"/>
      <c r="G1896" s="353"/>
      <c r="H1896" s="353"/>
      <c r="I1896" s="353"/>
      <c r="J1896" s="353"/>
    </row>
    <row r="1897" spans="6:10" x14ac:dyDescent="0.2">
      <c r="F1897" s="353"/>
      <c r="G1897" s="353"/>
      <c r="H1897" s="353"/>
      <c r="I1897" s="353"/>
      <c r="J1897" s="353"/>
    </row>
    <row r="1898" spans="6:10" x14ac:dyDescent="0.2">
      <c r="F1898" s="353"/>
      <c r="G1898" s="353"/>
      <c r="H1898" s="353"/>
      <c r="I1898" s="353"/>
      <c r="J1898" s="353"/>
    </row>
    <row r="1899" spans="6:10" x14ac:dyDescent="0.2">
      <c r="F1899" s="353"/>
      <c r="G1899" s="353"/>
      <c r="H1899" s="353"/>
      <c r="I1899" s="353"/>
      <c r="J1899" s="353"/>
    </row>
    <row r="1900" spans="6:10" x14ac:dyDescent="0.2">
      <c r="F1900" s="353"/>
      <c r="G1900" s="353"/>
      <c r="H1900" s="353"/>
      <c r="I1900" s="353"/>
      <c r="J1900" s="353"/>
    </row>
    <row r="1901" spans="6:10" x14ac:dyDescent="0.2">
      <c r="F1901" s="353"/>
      <c r="G1901" s="353"/>
      <c r="H1901" s="353"/>
      <c r="I1901" s="353"/>
      <c r="J1901" s="353"/>
    </row>
    <row r="1902" spans="6:10" x14ac:dyDescent="0.2">
      <c r="F1902" s="353"/>
      <c r="G1902" s="353"/>
      <c r="H1902" s="353"/>
      <c r="I1902" s="353"/>
      <c r="J1902" s="353"/>
    </row>
    <row r="1903" spans="6:10" x14ac:dyDescent="0.2">
      <c r="F1903" s="353"/>
      <c r="G1903" s="353"/>
      <c r="H1903" s="353"/>
      <c r="I1903" s="353"/>
      <c r="J1903" s="353"/>
    </row>
    <row r="1904" spans="6:10" x14ac:dyDescent="0.2">
      <c r="F1904" s="353"/>
      <c r="G1904" s="353"/>
      <c r="H1904" s="353"/>
      <c r="I1904" s="353"/>
      <c r="J1904" s="353"/>
    </row>
    <row r="1905" spans="6:10" x14ac:dyDescent="0.2">
      <c r="F1905" s="353"/>
      <c r="G1905" s="353"/>
      <c r="H1905" s="353"/>
      <c r="I1905" s="353"/>
      <c r="J1905" s="353"/>
    </row>
    <row r="1906" spans="6:10" x14ac:dyDescent="0.2">
      <c r="F1906" s="353"/>
      <c r="G1906" s="353"/>
      <c r="H1906" s="353"/>
      <c r="I1906" s="353"/>
      <c r="J1906" s="353"/>
    </row>
    <row r="1907" spans="6:10" x14ac:dyDescent="0.2">
      <c r="F1907" s="353"/>
      <c r="G1907" s="353"/>
      <c r="H1907" s="353"/>
      <c r="I1907" s="353"/>
      <c r="J1907" s="353"/>
    </row>
    <row r="1908" spans="6:10" x14ac:dyDescent="0.2">
      <c r="F1908" s="353"/>
      <c r="G1908" s="353"/>
      <c r="H1908" s="353"/>
      <c r="I1908" s="353"/>
      <c r="J1908" s="353"/>
    </row>
    <row r="1909" spans="6:10" x14ac:dyDescent="0.2">
      <c r="F1909" s="353"/>
      <c r="G1909" s="353"/>
      <c r="H1909" s="353"/>
      <c r="I1909" s="353"/>
      <c r="J1909" s="353"/>
    </row>
    <row r="1910" spans="6:10" x14ac:dyDescent="0.2">
      <c r="F1910" s="353"/>
      <c r="G1910" s="353"/>
      <c r="H1910" s="353"/>
      <c r="I1910" s="353"/>
      <c r="J1910" s="353"/>
    </row>
    <row r="1911" spans="6:10" x14ac:dyDescent="0.2">
      <c r="F1911" s="353"/>
      <c r="G1911" s="353"/>
      <c r="H1911" s="353"/>
      <c r="I1911" s="353"/>
      <c r="J1911" s="353"/>
    </row>
    <row r="1912" spans="6:10" x14ac:dyDescent="0.2">
      <c r="F1912" s="353"/>
      <c r="G1912" s="353"/>
      <c r="H1912" s="353"/>
      <c r="I1912" s="353"/>
      <c r="J1912" s="353"/>
    </row>
    <row r="1913" spans="6:10" x14ac:dyDescent="0.2">
      <c r="F1913" s="353"/>
      <c r="G1913" s="353"/>
      <c r="H1913" s="353"/>
      <c r="I1913" s="353"/>
      <c r="J1913" s="353"/>
    </row>
    <row r="1914" spans="6:10" x14ac:dyDescent="0.2">
      <c r="F1914" s="353"/>
      <c r="G1914" s="353"/>
      <c r="H1914" s="353"/>
      <c r="I1914" s="353"/>
      <c r="J1914" s="353"/>
    </row>
    <row r="1915" spans="6:10" x14ac:dyDescent="0.2">
      <c r="F1915" s="353"/>
      <c r="G1915" s="353"/>
      <c r="H1915" s="353"/>
      <c r="I1915" s="353"/>
      <c r="J1915" s="353"/>
    </row>
    <row r="1916" spans="6:10" x14ac:dyDescent="0.2">
      <c r="F1916" s="353"/>
      <c r="G1916" s="353"/>
      <c r="H1916" s="353"/>
      <c r="I1916" s="353"/>
      <c r="J1916" s="353"/>
    </row>
    <row r="1917" spans="6:10" x14ac:dyDescent="0.2">
      <c r="F1917" s="353"/>
      <c r="G1917" s="353"/>
      <c r="H1917" s="353"/>
      <c r="I1917" s="353"/>
      <c r="J1917" s="353"/>
    </row>
    <row r="1918" spans="6:10" x14ac:dyDescent="0.2">
      <c r="F1918" s="353"/>
      <c r="G1918" s="353"/>
      <c r="H1918" s="353"/>
      <c r="I1918" s="353"/>
      <c r="J1918" s="353"/>
    </row>
    <row r="1919" spans="6:10" x14ac:dyDescent="0.2">
      <c r="F1919" s="353"/>
      <c r="G1919" s="353"/>
      <c r="H1919" s="353"/>
      <c r="I1919" s="353"/>
      <c r="J1919" s="353"/>
    </row>
    <row r="1920" spans="6:10" x14ac:dyDescent="0.2">
      <c r="F1920" s="353"/>
      <c r="G1920" s="353"/>
      <c r="H1920" s="353"/>
      <c r="I1920" s="353"/>
      <c r="J1920" s="353"/>
    </row>
    <row r="1921" spans="6:10" x14ac:dyDescent="0.2">
      <c r="F1921" s="353"/>
      <c r="G1921" s="353"/>
      <c r="H1921" s="353"/>
      <c r="I1921" s="353"/>
      <c r="J1921" s="353"/>
    </row>
    <row r="1922" spans="6:10" x14ac:dyDescent="0.2">
      <c r="F1922" s="353"/>
      <c r="G1922" s="353"/>
      <c r="H1922" s="353"/>
      <c r="I1922" s="353"/>
      <c r="J1922" s="353"/>
    </row>
    <row r="1923" spans="6:10" x14ac:dyDescent="0.2">
      <c r="F1923" s="353"/>
      <c r="G1923" s="353"/>
      <c r="H1923" s="353"/>
      <c r="I1923" s="353"/>
      <c r="J1923" s="353"/>
    </row>
    <row r="1924" spans="6:10" x14ac:dyDescent="0.2">
      <c r="F1924" s="353"/>
      <c r="G1924" s="353"/>
      <c r="H1924" s="353"/>
      <c r="I1924" s="353"/>
      <c r="J1924" s="353"/>
    </row>
    <row r="1925" spans="6:10" x14ac:dyDescent="0.2">
      <c r="F1925" s="353"/>
      <c r="G1925" s="353"/>
      <c r="H1925" s="353"/>
      <c r="I1925" s="353"/>
      <c r="J1925" s="353"/>
    </row>
    <row r="1926" spans="6:10" x14ac:dyDescent="0.2">
      <c r="F1926" s="353"/>
      <c r="G1926" s="353"/>
      <c r="H1926" s="353"/>
      <c r="I1926" s="353"/>
      <c r="J1926" s="353"/>
    </row>
    <row r="1927" spans="6:10" x14ac:dyDescent="0.2">
      <c r="F1927" s="353"/>
      <c r="G1927" s="353"/>
      <c r="H1927" s="353"/>
      <c r="I1927" s="353"/>
      <c r="J1927" s="353"/>
    </row>
    <row r="1928" spans="6:10" x14ac:dyDescent="0.2">
      <c r="F1928" s="353"/>
      <c r="G1928" s="353"/>
      <c r="H1928" s="353"/>
      <c r="I1928" s="353"/>
      <c r="J1928" s="353"/>
    </row>
    <row r="1929" spans="6:10" x14ac:dyDescent="0.2">
      <c r="F1929" s="353"/>
      <c r="G1929" s="353"/>
      <c r="H1929" s="353"/>
      <c r="I1929" s="353"/>
      <c r="J1929" s="353"/>
    </row>
    <row r="1930" spans="6:10" x14ac:dyDescent="0.2">
      <c r="F1930" s="353"/>
      <c r="G1930" s="353"/>
      <c r="H1930" s="353"/>
      <c r="I1930" s="353"/>
      <c r="J1930" s="353"/>
    </row>
    <row r="1931" spans="6:10" x14ac:dyDescent="0.2">
      <c r="F1931" s="353"/>
      <c r="G1931" s="353"/>
      <c r="H1931" s="353"/>
      <c r="I1931" s="353"/>
      <c r="J1931" s="353"/>
    </row>
    <row r="1932" spans="6:10" x14ac:dyDescent="0.2">
      <c r="F1932" s="353"/>
      <c r="G1932" s="353"/>
      <c r="H1932" s="353"/>
      <c r="I1932" s="353"/>
      <c r="J1932" s="353"/>
    </row>
    <row r="1933" spans="6:10" x14ac:dyDescent="0.2">
      <c r="F1933" s="353"/>
      <c r="G1933" s="353"/>
      <c r="H1933" s="353"/>
      <c r="I1933" s="353"/>
      <c r="J1933" s="353"/>
    </row>
    <row r="1934" spans="6:10" x14ac:dyDescent="0.2">
      <c r="F1934" s="353"/>
      <c r="G1934" s="353"/>
      <c r="H1934" s="353"/>
      <c r="I1934" s="353"/>
      <c r="J1934" s="353"/>
    </row>
    <row r="1935" spans="6:10" x14ac:dyDescent="0.2">
      <c r="F1935" s="353"/>
      <c r="G1935" s="353"/>
      <c r="H1935" s="353"/>
      <c r="I1935" s="353"/>
      <c r="J1935" s="353"/>
    </row>
    <row r="1936" spans="6:10" x14ac:dyDescent="0.2">
      <c r="F1936" s="353"/>
      <c r="G1936" s="353"/>
      <c r="H1936" s="353"/>
      <c r="I1936" s="353"/>
      <c r="J1936" s="353"/>
    </row>
    <row r="1937" spans="6:10" x14ac:dyDescent="0.2">
      <c r="F1937" s="353"/>
      <c r="G1937" s="353"/>
      <c r="H1937" s="353"/>
      <c r="I1937" s="353"/>
      <c r="J1937" s="353"/>
    </row>
    <row r="1938" spans="6:10" x14ac:dyDescent="0.2">
      <c r="F1938" s="353"/>
      <c r="G1938" s="353"/>
      <c r="H1938" s="353"/>
      <c r="I1938" s="353"/>
      <c r="J1938" s="353"/>
    </row>
    <row r="1939" spans="6:10" x14ac:dyDescent="0.2">
      <c r="F1939" s="353"/>
      <c r="G1939" s="353"/>
      <c r="H1939" s="353"/>
      <c r="I1939" s="353"/>
      <c r="J1939" s="353"/>
    </row>
    <row r="1940" spans="6:10" x14ac:dyDescent="0.2">
      <c r="F1940" s="353"/>
      <c r="G1940" s="353"/>
      <c r="H1940" s="353"/>
      <c r="I1940" s="353"/>
      <c r="J1940" s="353"/>
    </row>
    <row r="1941" spans="6:10" x14ac:dyDescent="0.2">
      <c r="F1941" s="353"/>
      <c r="G1941" s="353"/>
      <c r="H1941" s="353"/>
      <c r="I1941" s="353"/>
      <c r="J1941" s="353"/>
    </row>
    <row r="1942" spans="6:10" x14ac:dyDescent="0.2">
      <c r="F1942" s="353"/>
      <c r="G1942" s="353"/>
      <c r="H1942" s="353"/>
      <c r="I1942" s="353"/>
      <c r="J1942" s="353"/>
    </row>
    <row r="1943" spans="6:10" x14ac:dyDescent="0.2">
      <c r="F1943" s="353"/>
      <c r="G1943" s="353"/>
      <c r="H1943" s="353"/>
      <c r="I1943" s="353"/>
      <c r="J1943" s="353"/>
    </row>
    <row r="1944" spans="6:10" x14ac:dyDescent="0.2">
      <c r="F1944" s="353"/>
      <c r="G1944" s="353"/>
      <c r="H1944" s="353"/>
      <c r="I1944" s="353"/>
      <c r="J1944" s="353"/>
    </row>
    <row r="1945" spans="6:10" x14ac:dyDescent="0.2">
      <c r="F1945" s="353"/>
      <c r="G1945" s="353"/>
      <c r="H1945" s="353"/>
      <c r="I1945" s="353"/>
      <c r="J1945" s="353"/>
    </row>
    <row r="1946" spans="6:10" x14ac:dyDescent="0.2">
      <c r="F1946" s="353"/>
      <c r="G1946" s="353"/>
      <c r="H1946" s="353"/>
      <c r="I1946" s="353"/>
      <c r="J1946" s="353"/>
    </row>
    <row r="1947" spans="6:10" x14ac:dyDescent="0.2">
      <c r="F1947" s="353"/>
      <c r="G1947" s="353"/>
      <c r="H1947" s="353"/>
      <c r="I1947" s="353"/>
      <c r="J1947" s="353"/>
    </row>
    <row r="1948" spans="6:10" x14ac:dyDescent="0.2">
      <c r="F1948" s="353"/>
      <c r="G1948" s="353"/>
      <c r="H1948" s="353"/>
      <c r="I1948" s="353"/>
      <c r="J1948" s="353"/>
    </row>
    <row r="1949" spans="6:10" x14ac:dyDescent="0.2">
      <c r="F1949" s="353"/>
      <c r="G1949" s="353"/>
      <c r="H1949" s="353"/>
      <c r="I1949" s="353"/>
      <c r="J1949" s="353"/>
    </row>
    <row r="1950" spans="6:10" x14ac:dyDescent="0.2">
      <c r="F1950" s="353"/>
      <c r="G1950" s="353"/>
      <c r="H1950" s="353"/>
      <c r="I1950" s="353"/>
      <c r="J1950" s="353"/>
    </row>
    <row r="1951" spans="6:10" x14ac:dyDescent="0.2">
      <c r="F1951" s="353"/>
      <c r="G1951" s="353"/>
      <c r="H1951" s="353"/>
      <c r="I1951" s="353"/>
      <c r="J1951" s="353"/>
    </row>
    <row r="1952" spans="6:10" x14ac:dyDescent="0.2">
      <c r="F1952" s="353"/>
      <c r="G1952" s="353"/>
      <c r="H1952" s="353"/>
      <c r="I1952" s="353"/>
      <c r="J1952" s="353"/>
    </row>
    <row r="1953" spans="6:10" x14ac:dyDescent="0.2">
      <c r="F1953" s="353"/>
      <c r="G1953" s="353"/>
      <c r="H1953" s="353"/>
      <c r="I1953" s="353"/>
      <c r="J1953" s="353"/>
    </row>
    <row r="1954" spans="6:10" x14ac:dyDescent="0.2">
      <c r="F1954" s="353"/>
      <c r="G1954" s="353"/>
      <c r="H1954" s="353"/>
      <c r="I1954" s="353"/>
      <c r="J1954" s="353"/>
    </row>
    <row r="1955" spans="6:10" x14ac:dyDescent="0.2">
      <c r="F1955" s="353"/>
      <c r="G1955" s="353"/>
      <c r="H1955" s="353"/>
      <c r="I1955" s="353"/>
      <c r="J1955" s="353"/>
    </row>
    <row r="1956" spans="6:10" x14ac:dyDescent="0.2">
      <c r="F1956" s="353"/>
      <c r="G1956" s="353"/>
      <c r="H1956" s="353"/>
      <c r="I1956" s="353"/>
      <c r="J1956" s="353"/>
    </row>
    <row r="1957" spans="6:10" x14ac:dyDescent="0.2">
      <c r="F1957" s="353"/>
      <c r="G1957" s="353"/>
      <c r="H1957" s="353"/>
      <c r="I1957" s="353"/>
      <c r="J1957" s="353"/>
    </row>
    <row r="1958" spans="6:10" x14ac:dyDescent="0.2">
      <c r="F1958" s="353"/>
      <c r="G1958" s="353"/>
      <c r="H1958" s="353"/>
      <c r="I1958" s="353"/>
      <c r="J1958" s="353"/>
    </row>
    <row r="1959" spans="6:10" x14ac:dyDescent="0.2">
      <c r="F1959" s="353"/>
      <c r="G1959" s="353"/>
      <c r="H1959" s="353"/>
      <c r="I1959" s="353"/>
      <c r="J1959" s="353"/>
    </row>
    <row r="1960" spans="6:10" x14ac:dyDescent="0.2">
      <c r="F1960" s="353"/>
      <c r="G1960" s="353"/>
      <c r="H1960" s="353"/>
      <c r="I1960" s="353"/>
      <c r="J1960" s="353"/>
    </row>
    <row r="1961" spans="6:10" x14ac:dyDescent="0.2">
      <c r="F1961" s="353"/>
      <c r="G1961" s="353"/>
      <c r="H1961" s="353"/>
      <c r="I1961" s="353"/>
      <c r="J1961" s="353"/>
    </row>
    <row r="1962" spans="6:10" x14ac:dyDescent="0.2">
      <c r="F1962" s="353"/>
      <c r="G1962" s="353"/>
      <c r="H1962" s="353"/>
      <c r="I1962" s="353"/>
      <c r="J1962" s="353"/>
    </row>
    <row r="1963" spans="6:10" x14ac:dyDescent="0.2">
      <c r="F1963" s="353"/>
      <c r="G1963" s="353"/>
      <c r="H1963" s="353"/>
      <c r="I1963" s="353"/>
      <c r="J1963" s="353"/>
    </row>
    <row r="1964" spans="6:10" x14ac:dyDescent="0.2">
      <c r="F1964" s="353"/>
      <c r="G1964" s="353"/>
      <c r="H1964" s="353"/>
      <c r="I1964" s="353"/>
      <c r="J1964" s="353"/>
    </row>
    <row r="1965" spans="6:10" x14ac:dyDescent="0.2">
      <c r="F1965" s="353"/>
      <c r="G1965" s="353"/>
      <c r="H1965" s="353"/>
      <c r="I1965" s="353"/>
      <c r="J1965" s="353"/>
    </row>
    <row r="1966" spans="6:10" x14ac:dyDescent="0.2">
      <c r="F1966" s="353"/>
      <c r="G1966" s="353"/>
      <c r="H1966" s="353"/>
      <c r="I1966" s="353"/>
      <c r="J1966" s="353"/>
    </row>
    <row r="1967" spans="6:10" x14ac:dyDescent="0.2">
      <c r="F1967" s="353"/>
      <c r="G1967" s="353"/>
      <c r="H1967" s="353"/>
      <c r="I1967" s="353"/>
      <c r="J1967" s="353"/>
    </row>
    <row r="1968" spans="6:10" x14ac:dyDescent="0.2">
      <c r="F1968" s="353"/>
      <c r="G1968" s="353"/>
      <c r="H1968" s="353"/>
      <c r="I1968" s="353"/>
      <c r="J1968" s="353"/>
    </row>
    <row r="1969" spans="6:10" x14ac:dyDescent="0.2">
      <c r="F1969" s="353"/>
      <c r="G1969" s="353"/>
      <c r="H1969" s="353"/>
      <c r="I1969" s="353"/>
      <c r="J1969" s="353"/>
    </row>
    <row r="1970" spans="6:10" x14ac:dyDescent="0.2">
      <c r="F1970" s="353"/>
      <c r="G1970" s="353"/>
      <c r="H1970" s="353"/>
      <c r="I1970" s="353"/>
      <c r="J1970" s="353"/>
    </row>
    <row r="1971" spans="6:10" x14ac:dyDescent="0.2">
      <c r="F1971" s="353"/>
      <c r="G1971" s="353"/>
      <c r="H1971" s="353"/>
      <c r="I1971" s="353"/>
      <c r="J1971" s="353"/>
    </row>
    <row r="1972" spans="6:10" x14ac:dyDescent="0.2">
      <c r="F1972" s="353"/>
      <c r="G1972" s="353"/>
      <c r="H1972" s="353"/>
      <c r="I1972" s="353"/>
      <c r="J1972" s="353"/>
    </row>
    <row r="1973" spans="6:10" x14ac:dyDescent="0.2">
      <c r="F1973" s="353"/>
      <c r="G1973" s="353"/>
      <c r="H1973" s="353"/>
      <c r="I1973" s="353"/>
      <c r="J1973" s="353"/>
    </row>
    <row r="1974" spans="6:10" x14ac:dyDescent="0.2">
      <c r="F1974" s="353"/>
      <c r="G1974" s="353"/>
      <c r="H1974" s="353"/>
      <c r="I1974" s="353"/>
      <c r="J1974" s="353"/>
    </row>
    <row r="1975" spans="6:10" x14ac:dyDescent="0.2">
      <c r="F1975" s="353"/>
      <c r="G1975" s="353"/>
      <c r="H1975" s="353"/>
      <c r="I1975" s="353"/>
      <c r="J1975" s="353"/>
    </row>
    <row r="1976" spans="6:10" x14ac:dyDescent="0.2">
      <c r="F1976" s="353"/>
      <c r="G1976" s="353"/>
      <c r="H1976" s="353"/>
      <c r="I1976" s="353"/>
      <c r="J1976" s="353"/>
    </row>
    <row r="1977" spans="6:10" x14ac:dyDescent="0.2">
      <c r="F1977" s="353"/>
      <c r="G1977" s="353"/>
      <c r="H1977" s="353"/>
      <c r="I1977" s="353"/>
      <c r="J1977" s="353"/>
    </row>
    <row r="1978" spans="6:10" x14ac:dyDescent="0.2">
      <c r="F1978" s="353"/>
      <c r="G1978" s="353"/>
      <c r="H1978" s="353"/>
      <c r="I1978" s="353"/>
      <c r="J1978" s="353"/>
    </row>
    <row r="1979" spans="6:10" x14ac:dyDescent="0.2">
      <c r="F1979" s="353"/>
      <c r="G1979" s="353"/>
      <c r="H1979" s="353"/>
      <c r="I1979" s="353"/>
      <c r="J1979" s="353"/>
    </row>
    <row r="1980" spans="6:10" x14ac:dyDescent="0.2">
      <c r="F1980" s="353"/>
      <c r="G1980" s="353"/>
      <c r="H1980" s="353"/>
      <c r="I1980" s="353"/>
      <c r="J1980" s="353"/>
    </row>
    <row r="1981" spans="6:10" x14ac:dyDescent="0.2">
      <c r="F1981" s="353"/>
      <c r="G1981" s="353"/>
      <c r="H1981" s="353"/>
      <c r="I1981" s="353"/>
      <c r="J1981" s="353"/>
    </row>
    <row r="1982" spans="6:10" x14ac:dyDescent="0.2">
      <c r="F1982" s="353"/>
      <c r="G1982" s="353"/>
      <c r="H1982" s="353"/>
      <c r="I1982" s="353"/>
      <c r="J1982" s="353"/>
    </row>
    <row r="1983" spans="6:10" x14ac:dyDescent="0.2">
      <c r="F1983" s="353"/>
      <c r="G1983" s="353"/>
      <c r="H1983" s="353"/>
      <c r="I1983" s="353"/>
      <c r="J1983" s="353"/>
    </row>
    <row r="1984" spans="6:10" x14ac:dyDescent="0.2">
      <c r="F1984" s="353"/>
      <c r="G1984" s="353"/>
      <c r="H1984" s="353"/>
      <c r="I1984" s="353"/>
      <c r="J1984" s="353"/>
    </row>
    <row r="1985" spans="6:10" x14ac:dyDescent="0.2">
      <c r="F1985" s="353"/>
      <c r="G1985" s="353"/>
      <c r="H1985" s="353"/>
      <c r="I1985" s="353"/>
      <c r="J1985" s="353"/>
    </row>
    <row r="1986" spans="6:10" x14ac:dyDescent="0.2">
      <c r="F1986" s="353"/>
      <c r="G1986" s="353"/>
      <c r="H1986" s="353"/>
      <c r="I1986" s="353"/>
      <c r="J1986" s="353"/>
    </row>
    <row r="1987" spans="6:10" x14ac:dyDescent="0.2">
      <c r="F1987" s="353"/>
      <c r="G1987" s="353"/>
      <c r="H1987" s="353"/>
      <c r="I1987" s="353"/>
      <c r="J1987" s="353"/>
    </row>
    <row r="1988" spans="6:10" x14ac:dyDescent="0.2">
      <c r="F1988" s="353"/>
      <c r="G1988" s="353"/>
      <c r="H1988" s="353"/>
      <c r="I1988" s="353"/>
      <c r="J1988" s="353"/>
    </row>
    <row r="1989" spans="6:10" x14ac:dyDescent="0.2">
      <c r="F1989" s="353"/>
      <c r="G1989" s="353"/>
      <c r="H1989" s="353"/>
      <c r="I1989" s="353"/>
      <c r="J1989" s="353"/>
    </row>
    <row r="1990" spans="6:10" x14ac:dyDescent="0.2">
      <c r="F1990" s="353"/>
      <c r="G1990" s="353"/>
      <c r="H1990" s="353"/>
      <c r="I1990" s="353"/>
      <c r="J1990" s="353"/>
    </row>
    <row r="1991" spans="6:10" x14ac:dyDescent="0.2">
      <c r="F1991" s="353"/>
      <c r="G1991" s="353"/>
      <c r="H1991" s="353"/>
      <c r="I1991" s="353"/>
      <c r="J1991" s="353"/>
    </row>
    <row r="1992" spans="6:10" x14ac:dyDescent="0.2">
      <c r="F1992" s="353"/>
      <c r="G1992" s="353"/>
      <c r="H1992" s="353"/>
      <c r="I1992" s="353"/>
      <c r="J1992" s="353"/>
    </row>
    <row r="1993" spans="6:10" x14ac:dyDescent="0.2">
      <c r="F1993" s="353"/>
      <c r="G1993" s="353"/>
      <c r="H1993" s="353"/>
      <c r="I1993" s="353"/>
      <c r="J1993" s="353"/>
    </row>
    <row r="1994" spans="6:10" x14ac:dyDescent="0.2">
      <c r="F1994" s="353"/>
      <c r="G1994" s="353"/>
      <c r="H1994" s="353"/>
      <c r="I1994" s="353"/>
      <c r="J1994" s="353"/>
    </row>
    <row r="1995" spans="6:10" x14ac:dyDescent="0.2">
      <c r="F1995" s="353"/>
      <c r="G1995" s="353"/>
      <c r="H1995" s="353"/>
      <c r="I1995" s="353"/>
      <c r="J1995" s="353"/>
    </row>
    <row r="1996" spans="6:10" x14ac:dyDescent="0.2">
      <c r="F1996" s="353"/>
      <c r="G1996" s="353"/>
      <c r="H1996" s="353"/>
      <c r="I1996" s="353"/>
      <c r="J1996" s="353"/>
    </row>
    <row r="1997" spans="6:10" x14ac:dyDescent="0.2">
      <c r="F1997" s="353"/>
      <c r="G1997" s="353"/>
      <c r="H1997" s="353"/>
      <c r="I1997" s="353"/>
      <c r="J1997" s="353"/>
    </row>
    <row r="1998" spans="6:10" x14ac:dyDescent="0.2">
      <c r="F1998" s="353"/>
      <c r="G1998" s="353"/>
      <c r="H1998" s="353"/>
      <c r="I1998" s="353"/>
      <c r="J1998" s="353"/>
    </row>
    <row r="1999" spans="6:10" x14ac:dyDescent="0.2">
      <c r="F1999" s="353"/>
      <c r="G1999" s="353"/>
      <c r="H1999" s="353"/>
      <c r="I1999" s="353"/>
      <c r="J1999" s="353"/>
    </row>
    <row r="2000" spans="6:10" x14ac:dyDescent="0.2">
      <c r="F2000" s="353"/>
      <c r="G2000" s="353"/>
      <c r="H2000" s="353"/>
      <c r="I2000" s="353"/>
      <c r="J2000" s="353"/>
    </row>
    <row r="2001" spans="6:10" x14ac:dyDescent="0.2">
      <c r="F2001" s="353"/>
      <c r="G2001" s="353"/>
      <c r="H2001" s="353"/>
      <c r="I2001" s="353"/>
      <c r="J2001" s="353"/>
    </row>
    <row r="2002" spans="6:10" x14ac:dyDescent="0.2">
      <c r="F2002" s="353"/>
      <c r="G2002" s="353"/>
      <c r="H2002" s="353"/>
      <c r="I2002" s="353"/>
      <c r="J2002" s="353"/>
    </row>
    <row r="2003" spans="6:10" x14ac:dyDescent="0.2">
      <c r="F2003" s="353"/>
      <c r="G2003" s="353"/>
      <c r="H2003" s="353"/>
      <c r="I2003" s="353"/>
      <c r="J2003" s="353"/>
    </row>
    <row r="2004" spans="6:10" x14ac:dyDescent="0.2">
      <c r="F2004" s="353"/>
      <c r="G2004" s="353"/>
      <c r="H2004" s="353"/>
      <c r="I2004" s="353"/>
      <c r="J2004" s="353"/>
    </row>
    <row r="2005" spans="6:10" x14ac:dyDescent="0.2">
      <c r="F2005" s="353"/>
      <c r="G2005" s="353"/>
      <c r="H2005" s="353"/>
      <c r="I2005" s="353"/>
      <c r="J2005" s="353"/>
    </row>
    <row r="2006" spans="6:10" x14ac:dyDescent="0.2">
      <c r="F2006" s="353"/>
      <c r="G2006" s="353"/>
      <c r="H2006" s="353"/>
      <c r="I2006" s="353"/>
      <c r="J2006" s="353"/>
    </row>
    <row r="2007" spans="6:10" x14ac:dyDescent="0.2">
      <c r="F2007" s="353"/>
      <c r="G2007" s="353"/>
      <c r="H2007" s="353"/>
      <c r="I2007" s="353"/>
      <c r="J2007" s="353"/>
    </row>
    <row r="2008" spans="6:10" x14ac:dyDescent="0.2">
      <c r="F2008" s="353"/>
      <c r="G2008" s="353"/>
      <c r="H2008" s="353"/>
      <c r="I2008" s="353"/>
      <c r="J2008" s="353"/>
    </row>
    <row r="2009" spans="6:10" x14ac:dyDescent="0.2">
      <c r="F2009" s="353"/>
      <c r="G2009" s="353"/>
      <c r="H2009" s="353"/>
      <c r="I2009" s="353"/>
      <c r="J2009" s="353"/>
    </row>
    <row r="2010" spans="6:10" x14ac:dyDescent="0.2">
      <c r="F2010" s="353"/>
      <c r="G2010" s="353"/>
      <c r="H2010" s="353"/>
      <c r="I2010" s="353"/>
      <c r="J2010" s="353"/>
    </row>
    <row r="2011" spans="6:10" x14ac:dyDescent="0.2">
      <c r="F2011" s="353"/>
      <c r="G2011" s="353"/>
      <c r="H2011" s="353"/>
      <c r="I2011" s="353"/>
      <c r="J2011" s="353"/>
    </row>
    <row r="2012" spans="6:10" x14ac:dyDescent="0.2">
      <c r="F2012" s="353"/>
      <c r="G2012" s="353"/>
      <c r="H2012" s="353"/>
      <c r="I2012" s="353"/>
      <c r="J2012" s="353"/>
    </row>
    <row r="2013" spans="6:10" x14ac:dyDescent="0.2">
      <c r="F2013" s="353"/>
      <c r="G2013" s="353"/>
      <c r="H2013" s="353"/>
      <c r="I2013" s="353"/>
      <c r="J2013" s="353"/>
    </row>
    <row r="2014" spans="6:10" x14ac:dyDescent="0.2">
      <c r="F2014" s="353"/>
      <c r="G2014" s="353"/>
      <c r="H2014" s="353"/>
      <c r="I2014" s="353"/>
      <c r="J2014" s="353"/>
    </row>
    <row r="2015" spans="6:10" x14ac:dyDescent="0.2">
      <c r="F2015" s="353"/>
      <c r="G2015" s="353"/>
      <c r="H2015" s="353"/>
      <c r="I2015" s="353"/>
      <c r="J2015" s="353"/>
    </row>
    <row r="2016" spans="6:10" x14ac:dyDescent="0.2">
      <c r="F2016" s="353"/>
      <c r="G2016" s="353"/>
      <c r="H2016" s="353"/>
      <c r="I2016" s="353"/>
      <c r="J2016" s="353"/>
    </row>
    <row r="2017" spans="6:10" x14ac:dyDescent="0.2">
      <c r="F2017" s="353"/>
      <c r="G2017" s="353"/>
      <c r="H2017" s="353"/>
      <c r="I2017" s="353"/>
      <c r="J2017" s="353"/>
    </row>
    <row r="2018" spans="6:10" x14ac:dyDescent="0.2">
      <c r="F2018" s="353"/>
      <c r="G2018" s="353"/>
      <c r="H2018" s="353"/>
      <c r="I2018" s="353"/>
      <c r="J2018" s="353"/>
    </row>
    <row r="2019" spans="6:10" x14ac:dyDescent="0.2">
      <c r="F2019" s="353"/>
      <c r="G2019" s="353"/>
      <c r="H2019" s="353"/>
      <c r="I2019" s="353"/>
      <c r="J2019" s="353"/>
    </row>
    <row r="2020" spans="6:10" x14ac:dyDescent="0.2">
      <c r="F2020" s="353"/>
      <c r="G2020" s="353"/>
      <c r="H2020" s="353"/>
      <c r="I2020" s="353"/>
      <c r="J2020" s="353"/>
    </row>
    <row r="2021" spans="6:10" x14ac:dyDescent="0.2">
      <c r="F2021" s="353"/>
      <c r="G2021" s="353"/>
      <c r="H2021" s="353"/>
      <c r="I2021" s="353"/>
      <c r="J2021" s="353"/>
    </row>
    <row r="2022" spans="6:10" x14ac:dyDescent="0.2">
      <c r="F2022" s="353"/>
      <c r="G2022" s="353"/>
      <c r="H2022" s="353"/>
      <c r="I2022" s="353"/>
      <c r="J2022" s="353"/>
    </row>
    <row r="2023" spans="6:10" x14ac:dyDescent="0.2">
      <c r="F2023" s="353"/>
      <c r="G2023" s="353"/>
      <c r="H2023" s="353"/>
      <c r="I2023" s="353"/>
      <c r="J2023" s="353"/>
    </row>
    <row r="2024" spans="6:10" x14ac:dyDescent="0.2">
      <c r="F2024" s="353"/>
      <c r="G2024" s="353"/>
      <c r="H2024" s="353"/>
      <c r="I2024" s="353"/>
      <c r="J2024" s="353"/>
    </row>
    <row r="2025" spans="6:10" x14ac:dyDescent="0.2">
      <c r="F2025" s="353"/>
      <c r="G2025" s="353"/>
      <c r="H2025" s="353"/>
      <c r="I2025" s="353"/>
      <c r="J2025" s="353"/>
    </row>
    <row r="2026" spans="6:10" x14ac:dyDescent="0.2">
      <c r="F2026" s="353"/>
      <c r="G2026" s="353"/>
      <c r="H2026" s="353"/>
      <c r="I2026" s="353"/>
      <c r="J2026" s="353"/>
    </row>
    <row r="2027" spans="6:10" x14ac:dyDescent="0.2">
      <c r="F2027" s="353"/>
      <c r="G2027" s="353"/>
      <c r="H2027" s="353"/>
      <c r="I2027" s="353"/>
      <c r="J2027" s="353"/>
    </row>
    <row r="2028" spans="6:10" x14ac:dyDescent="0.2">
      <c r="F2028" s="353"/>
      <c r="G2028" s="353"/>
      <c r="H2028" s="353"/>
      <c r="I2028" s="353"/>
      <c r="J2028" s="353"/>
    </row>
    <row r="2029" spans="6:10" x14ac:dyDescent="0.2">
      <c r="F2029" s="353"/>
      <c r="G2029" s="353"/>
      <c r="H2029" s="353"/>
      <c r="I2029" s="353"/>
      <c r="J2029" s="353"/>
    </row>
    <row r="2030" spans="6:10" x14ac:dyDescent="0.2">
      <c r="F2030" s="353"/>
      <c r="G2030" s="353"/>
      <c r="H2030" s="353"/>
      <c r="I2030" s="353"/>
      <c r="J2030" s="353"/>
    </row>
    <row r="2031" spans="6:10" x14ac:dyDescent="0.2">
      <c r="F2031" s="353"/>
      <c r="G2031" s="353"/>
      <c r="H2031" s="353"/>
      <c r="I2031" s="353"/>
      <c r="J2031" s="353"/>
    </row>
    <row r="2032" spans="6:10" x14ac:dyDescent="0.2">
      <c r="F2032" s="353"/>
      <c r="G2032" s="353"/>
      <c r="H2032" s="353"/>
      <c r="I2032" s="353"/>
      <c r="J2032" s="353"/>
    </row>
    <row r="2033" spans="6:10" x14ac:dyDescent="0.2">
      <c r="F2033" s="353"/>
      <c r="G2033" s="353"/>
      <c r="H2033" s="353"/>
      <c r="I2033" s="353"/>
      <c r="J2033" s="353"/>
    </row>
    <row r="2034" spans="6:10" x14ac:dyDescent="0.2">
      <c r="F2034" s="353"/>
      <c r="G2034" s="353"/>
      <c r="H2034" s="353"/>
      <c r="I2034" s="353"/>
      <c r="J2034" s="353"/>
    </row>
    <row r="2035" spans="6:10" x14ac:dyDescent="0.2">
      <c r="F2035" s="353"/>
      <c r="G2035" s="353"/>
      <c r="H2035" s="353"/>
      <c r="I2035" s="353"/>
      <c r="J2035" s="353"/>
    </row>
    <row r="2036" spans="6:10" x14ac:dyDescent="0.2">
      <c r="F2036" s="353"/>
      <c r="G2036" s="353"/>
      <c r="H2036" s="353"/>
      <c r="I2036" s="353"/>
      <c r="J2036" s="353"/>
    </row>
    <row r="2037" spans="6:10" x14ac:dyDescent="0.2">
      <c r="F2037" s="353"/>
      <c r="G2037" s="353"/>
      <c r="H2037" s="353"/>
      <c r="I2037" s="353"/>
      <c r="J2037" s="353"/>
    </row>
    <row r="2038" spans="6:10" x14ac:dyDescent="0.2">
      <c r="F2038" s="353"/>
      <c r="G2038" s="353"/>
      <c r="H2038" s="353"/>
      <c r="I2038" s="353"/>
      <c r="J2038" s="353"/>
    </row>
    <row r="2039" spans="6:10" x14ac:dyDescent="0.2">
      <c r="F2039" s="353"/>
      <c r="G2039" s="353"/>
      <c r="H2039" s="353"/>
      <c r="I2039" s="353"/>
      <c r="J2039" s="353"/>
    </row>
    <row r="2040" spans="6:10" x14ac:dyDescent="0.2">
      <c r="F2040" s="353"/>
      <c r="G2040" s="353"/>
      <c r="H2040" s="353"/>
      <c r="I2040" s="353"/>
      <c r="J2040" s="353"/>
    </row>
    <row r="2041" spans="6:10" x14ac:dyDescent="0.2">
      <c r="F2041" s="353"/>
      <c r="G2041" s="353"/>
      <c r="H2041" s="353"/>
      <c r="I2041" s="353"/>
      <c r="J2041" s="353"/>
    </row>
    <row r="2042" spans="6:10" x14ac:dyDescent="0.2">
      <c r="F2042" s="353"/>
      <c r="G2042" s="353"/>
      <c r="H2042" s="353"/>
      <c r="I2042" s="353"/>
      <c r="J2042" s="353"/>
    </row>
    <row r="2043" spans="6:10" x14ac:dyDescent="0.2">
      <c r="F2043" s="353"/>
      <c r="G2043" s="353"/>
      <c r="H2043" s="353"/>
      <c r="I2043" s="353"/>
      <c r="J2043" s="353"/>
    </row>
    <row r="2044" spans="6:10" x14ac:dyDescent="0.2">
      <c r="F2044" s="353"/>
      <c r="G2044" s="353"/>
      <c r="H2044" s="353"/>
      <c r="I2044" s="353"/>
      <c r="J2044" s="353"/>
    </row>
    <row r="2045" spans="6:10" x14ac:dyDescent="0.2">
      <c r="F2045" s="353"/>
      <c r="G2045" s="353"/>
      <c r="H2045" s="353"/>
      <c r="I2045" s="353"/>
      <c r="J2045" s="353"/>
    </row>
    <row r="2046" spans="6:10" x14ac:dyDescent="0.2">
      <c r="F2046" s="353"/>
      <c r="G2046" s="353"/>
      <c r="H2046" s="353"/>
      <c r="I2046" s="353"/>
      <c r="J2046" s="353"/>
    </row>
    <row r="2047" spans="6:10" x14ac:dyDescent="0.2">
      <c r="F2047" s="353"/>
      <c r="G2047" s="353"/>
      <c r="H2047" s="353"/>
      <c r="I2047" s="353"/>
      <c r="J2047" s="353"/>
    </row>
    <row r="2048" spans="6:10" x14ac:dyDescent="0.2">
      <c r="F2048" s="353"/>
      <c r="G2048" s="353"/>
      <c r="H2048" s="353"/>
      <c r="I2048" s="353"/>
      <c r="J2048" s="353"/>
    </row>
    <row r="2049" spans="6:10" x14ac:dyDescent="0.2">
      <c r="F2049" s="353"/>
      <c r="G2049" s="353"/>
      <c r="H2049" s="353"/>
      <c r="I2049" s="353"/>
      <c r="J2049" s="353"/>
    </row>
    <row r="2050" spans="6:10" x14ac:dyDescent="0.2">
      <c r="F2050" s="353"/>
      <c r="G2050" s="353"/>
      <c r="H2050" s="353"/>
      <c r="I2050" s="353"/>
      <c r="J2050" s="353"/>
    </row>
    <row r="2051" spans="6:10" x14ac:dyDescent="0.2">
      <c r="F2051" s="353"/>
      <c r="G2051" s="353"/>
      <c r="H2051" s="353"/>
      <c r="I2051" s="353"/>
      <c r="J2051" s="353"/>
    </row>
    <row r="2052" spans="6:10" x14ac:dyDescent="0.2">
      <c r="F2052" s="353"/>
      <c r="G2052" s="353"/>
      <c r="H2052" s="353"/>
      <c r="I2052" s="353"/>
      <c r="J2052" s="353"/>
    </row>
    <row r="2053" spans="6:10" x14ac:dyDescent="0.2">
      <c r="F2053" s="353"/>
      <c r="G2053" s="353"/>
      <c r="H2053" s="353"/>
      <c r="I2053" s="353"/>
      <c r="J2053" s="353"/>
    </row>
    <row r="2054" spans="6:10" x14ac:dyDescent="0.2">
      <c r="F2054" s="353"/>
      <c r="G2054" s="353"/>
      <c r="H2054" s="353"/>
      <c r="I2054" s="353"/>
      <c r="J2054" s="353"/>
    </row>
    <row r="2055" spans="6:10" x14ac:dyDescent="0.2">
      <c r="F2055" s="353"/>
      <c r="G2055" s="353"/>
      <c r="H2055" s="353"/>
      <c r="I2055" s="353"/>
      <c r="J2055" s="353"/>
    </row>
    <row r="2056" spans="6:10" x14ac:dyDescent="0.2">
      <c r="F2056" s="353"/>
      <c r="G2056" s="353"/>
      <c r="H2056" s="353"/>
      <c r="I2056" s="353"/>
      <c r="J2056" s="353"/>
    </row>
    <row r="2057" spans="6:10" x14ac:dyDescent="0.2">
      <c r="F2057" s="353"/>
      <c r="G2057" s="353"/>
      <c r="H2057" s="353"/>
      <c r="I2057" s="353"/>
      <c r="J2057" s="353"/>
    </row>
    <row r="2058" spans="6:10" x14ac:dyDescent="0.2">
      <c r="F2058" s="353"/>
      <c r="G2058" s="353"/>
      <c r="H2058" s="353"/>
      <c r="I2058" s="353"/>
      <c r="J2058" s="353"/>
    </row>
    <row r="2059" spans="6:10" x14ac:dyDescent="0.2">
      <c r="F2059" s="353"/>
      <c r="G2059" s="353"/>
      <c r="H2059" s="353"/>
      <c r="I2059" s="353"/>
      <c r="J2059" s="353"/>
    </row>
    <row r="2060" spans="6:10" x14ac:dyDescent="0.2">
      <c r="F2060" s="353"/>
      <c r="G2060" s="353"/>
      <c r="H2060" s="353"/>
      <c r="I2060" s="353"/>
      <c r="J2060" s="353"/>
    </row>
    <row r="2061" spans="6:10" x14ac:dyDescent="0.2">
      <c r="F2061" s="353"/>
      <c r="G2061" s="353"/>
      <c r="H2061" s="353"/>
      <c r="I2061" s="353"/>
      <c r="J2061" s="353"/>
    </row>
    <row r="2062" spans="6:10" x14ac:dyDescent="0.2">
      <c r="F2062" s="353"/>
      <c r="G2062" s="353"/>
      <c r="H2062" s="353"/>
      <c r="I2062" s="353"/>
      <c r="J2062" s="353"/>
    </row>
    <row r="2063" spans="6:10" x14ac:dyDescent="0.2">
      <c r="F2063" s="353"/>
      <c r="G2063" s="353"/>
      <c r="H2063" s="353"/>
      <c r="I2063" s="353"/>
      <c r="J2063" s="353"/>
    </row>
    <row r="2064" spans="6:10" x14ac:dyDescent="0.2">
      <c r="F2064" s="353"/>
      <c r="G2064" s="353"/>
      <c r="H2064" s="353"/>
      <c r="I2064" s="353"/>
      <c r="J2064" s="353"/>
    </row>
    <row r="2065" spans="6:10" x14ac:dyDescent="0.2">
      <c r="F2065" s="353"/>
      <c r="G2065" s="353"/>
      <c r="H2065" s="353"/>
      <c r="I2065" s="353"/>
      <c r="J2065" s="353"/>
    </row>
    <row r="2066" spans="6:10" x14ac:dyDescent="0.2">
      <c r="F2066" s="353"/>
      <c r="G2066" s="353"/>
      <c r="H2066" s="353"/>
      <c r="I2066" s="353"/>
      <c r="J2066" s="353"/>
    </row>
    <row r="2067" spans="6:10" x14ac:dyDescent="0.2">
      <c r="F2067" s="353"/>
      <c r="G2067" s="353"/>
      <c r="H2067" s="353"/>
      <c r="I2067" s="353"/>
      <c r="J2067" s="353"/>
    </row>
    <row r="2068" spans="6:10" x14ac:dyDescent="0.2">
      <c r="F2068" s="353"/>
      <c r="G2068" s="353"/>
      <c r="H2068" s="353"/>
      <c r="I2068" s="353"/>
      <c r="J2068" s="353"/>
    </row>
    <row r="2069" spans="6:10" x14ac:dyDescent="0.2">
      <c r="F2069" s="353"/>
      <c r="G2069" s="353"/>
      <c r="H2069" s="353"/>
      <c r="I2069" s="353"/>
      <c r="J2069" s="353"/>
    </row>
    <row r="2070" spans="6:10" x14ac:dyDescent="0.2">
      <c r="F2070" s="353"/>
      <c r="G2070" s="353"/>
      <c r="H2070" s="353"/>
      <c r="I2070" s="353"/>
      <c r="J2070" s="353"/>
    </row>
    <row r="2071" spans="6:10" x14ac:dyDescent="0.2">
      <c r="F2071" s="353"/>
      <c r="G2071" s="353"/>
      <c r="H2071" s="353"/>
      <c r="I2071" s="353"/>
      <c r="J2071" s="353"/>
    </row>
    <row r="2072" spans="6:10" x14ac:dyDescent="0.2">
      <c r="F2072" s="353"/>
      <c r="G2072" s="353"/>
      <c r="H2072" s="353"/>
      <c r="I2072" s="353"/>
      <c r="J2072" s="353"/>
    </row>
    <row r="2073" spans="6:10" x14ac:dyDescent="0.2">
      <c r="F2073" s="353"/>
      <c r="G2073" s="353"/>
      <c r="H2073" s="353"/>
      <c r="I2073" s="353"/>
      <c r="J2073" s="353"/>
    </row>
    <row r="2074" spans="6:10" x14ac:dyDescent="0.2">
      <c r="F2074" s="353"/>
      <c r="G2074" s="353"/>
      <c r="H2074" s="353"/>
      <c r="I2074" s="353"/>
      <c r="J2074" s="353"/>
    </row>
    <row r="2075" spans="6:10" x14ac:dyDescent="0.2">
      <c r="F2075" s="353"/>
      <c r="G2075" s="353"/>
      <c r="H2075" s="353"/>
      <c r="I2075" s="353"/>
      <c r="J2075" s="353"/>
    </row>
    <row r="2076" spans="6:10" x14ac:dyDescent="0.2">
      <c r="F2076" s="353"/>
      <c r="G2076" s="353"/>
      <c r="H2076" s="353"/>
      <c r="I2076" s="353"/>
      <c r="J2076" s="353"/>
    </row>
    <row r="2077" spans="6:10" x14ac:dyDescent="0.2">
      <c r="F2077" s="353"/>
      <c r="G2077" s="353"/>
      <c r="H2077" s="353"/>
      <c r="I2077" s="353"/>
      <c r="J2077" s="353"/>
    </row>
    <row r="2078" spans="6:10" x14ac:dyDescent="0.2">
      <c r="F2078" s="353"/>
      <c r="G2078" s="353"/>
      <c r="H2078" s="353"/>
      <c r="I2078" s="353"/>
      <c r="J2078" s="353"/>
    </row>
    <row r="2079" spans="6:10" x14ac:dyDescent="0.2">
      <c r="F2079" s="353"/>
      <c r="G2079" s="353"/>
      <c r="H2079" s="353"/>
      <c r="I2079" s="353"/>
      <c r="J2079" s="353"/>
    </row>
    <row r="2080" spans="6:10" x14ac:dyDescent="0.2">
      <c r="F2080" s="353"/>
      <c r="G2080" s="353"/>
      <c r="H2080" s="353"/>
      <c r="I2080" s="353"/>
      <c r="J2080" s="353"/>
    </row>
    <row r="2081" spans="6:10" x14ac:dyDescent="0.2">
      <c r="F2081" s="353"/>
      <c r="G2081" s="353"/>
      <c r="H2081" s="353"/>
      <c r="I2081" s="353"/>
      <c r="J2081" s="353"/>
    </row>
    <row r="2082" spans="6:10" x14ac:dyDescent="0.2">
      <c r="F2082" s="353"/>
      <c r="G2082" s="353"/>
      <c r="H2082" s="353"/>
      <c r="I2082" s="353"/>
      <c r="J2082" s="353"/>
    </row>
    <row r="2083" spans="6:10" x14ac:dyDescent="0.2">
      <c r="F2083" s="353"/>
      <c r="G2083" s="353"/>
      <c r="H2083" s="353"/>
      <c r="I2083" s="353"/>
      <c r="J2083" s="353"/>
    </row>
    <row r="2084" spans="6:10" x14ac:dyDescent="0.2">
      <c r="F2084" s="353"/>
      <c r="G2084" s="353"/>
      <c r="H2084" s="353"/>
      <c r="I2084" s="353"/>
      <c r="J2084" s="353"/>
    </row>
    <row r="2085" spans="6:10" x14ac:dyDescent="0.2">
      <c r="F2085" s="353"/>
      <c r="G2085" s="353"/>
      <c r="H2085" s="353"/>
      <c r="I2085" s="353"/>
      <c r="J2085" s="353"/>
    </row>
    <row r="2086" spans="6:10" x14ac:dyDescent="0.2">
      <c r="F2086" s="353"/>
      <c r="G2086" s="353"/>
      <c r="H2086" s="353"/>
      <c r="I2086" s="353"/>
      <c r="J2086" s="353"/>
    </row>
    <row r="2087" spans="6:10" x14ac:dyDescent="0.2">
      <c r="F2087" s="353"/>
      <c r="G2087" s="353"/>
      <c r="H2087" s="353"/>
      <c r="I2087" s="353"/>
      <c r="J2087" s="353"/>
    </row>
    <row r="2088" spans="6:10" x14ac:dyDescent="0.2">
      <c r="F2088" s="353"/>
      <c r="G2088" s="353"/>
      <c r="H2088" s="353"/>
      <c r="I2088" s="353"/>
      <c r="J2088" s="353"/>
    </row>
    <row r="2089" spans="6:10" x14ac:dyDescent="0.2">
      <c r="F2089" s="353"/>
      <c r="G2089" s="353"/>
      <c r="H2089" s="353"/>
      <c r="I2089" s="353"/>
      <c r="J2089" s="353"/>
    </row>
    <row r="2090" spans="6:10" x14ac:dyDescent="0.2">
      <c r="F2090" s="353"/>
      <c r="G2090" s="353"/>
      <c r="H2090" s="353"/>
      <c r="I2090" s="353"/>
      <c r="J2090" s="353"/>
    </row>
    <row r="2091" spans="6:10" x14ac:dyDescent="0.2">
      <c r="F2091" s="353"/>
      <c r="G2091" s="353"/>
      <c r="H2091" s="353"/>
      <c r="I2091" s="353"/>
      <c r="J2091" s="353"/>
    </row>
    <row r="2092" spans="6:10" x14ac:dyDescent="0.2">
      <c r="F2092" s="353"/>
      <c r="G2092" s="353"/>
      <c r="H2092" s="353"/>
      <c r="I2092" s="353"/>
      <c r="J2092" s="353"/>
    </row>
    <row r="2093" spans="6:10" x14ac:dyDescent="0.2">
      <c r="F2093" s="353"/>
      <c r="G2093" s="353"/>
      <c r="H2093" s="353"/>
      <c r="I2093" s="353"/>
      <c r="J2093" s="353"/>
    </row>
    <row r="2094" spans="6:10" x14ac:dyDescent="0.2">
      <c r="F2094" s="353"/>
      <c r="G2094" s="353"/>
      <c r="H2094" s="353"/>
      <c r="I2094" s="353"/>
      <c r="J2094" s="353"/>
    </row>
    <row r="2095" spans="6:10" x14ac:dyDescent="0.2">
      <c r="F2095" s="353"/>
      <c r="G2095" s="353"/>
      <c r="H2095" s="353"/>
      <c r="I2095" s="353"/>
      <c r="J2095" s="353"/>
    </row>
    <row r="2096" spans="6:10" x14ac:dyDescent="0.2">
      <c r="F2096" s="353"/>
      <c r="G2096" s="353"/>
      <c r="H2096" s="353"/>
      <c r="I2096" s="353"/>
      <c r="J2096" s="353"/>
    </row>
    <row r="2097" spans="6:10" x14ac:dyDescent="0.2">
      <c r="F2097" s="353"/>
      <c r="G2097" s="353"/>
      <c r="H2097" s="353"/>
      <c r="I2097" s="353"/>
      <c r="J2097" s="353"/>
    </row>
    <row r="2098" spans="6:10" x14ac:dyDescent="0.2">
      <c r="F2098" s="353"/>
      <c r="G2098" s="353"/>
      <c r="H2098" s="353"/>
      <c r="I2098" s="353"/>
      <c r="J2098" s="353"/>
    </row>
    <row r="2099" spans="6:10" x14ac:dyDescent="0.2">
      <c r="F2099" s="353"/>
      <c r="G2099" s="353"/>
      <c r="H2099" s="353"/>
      <c r="I2099" s="353"/>
      <c r="J2099" s="353"/>
    </row>
    <row r="2100" spans="6:10" x14ac:dyDescent="0.2">
      <c r="F2100" s="353"/>
      <c r="G2100" s="353"/>
      <c r="H2100" s="353"/>
      <c r="I2100" s="353"/>
      <c r="J2100" s="353"/>
    </row>
    <row r="2101" spans="6:10" x14ac:dyDescent="0.2">
      <c r="F2101" s="353"/>
      <c r="G2101" s="353"/>
      <c r="H2101" s="353"/>
      <c r="I2101" s="353"/>
      <c r="J2101" s="353"/>
    </row>
    <row r="2102" spans="6:10" x14ac:dyDescent="0.2">
      <c r="F2102" s="353"/>
      <c r="G2102" s="353"/>
      <c r="H2102" s="353"/>
      <c r="I2102" s="353"/>
      <c r="J2102" s="353"/>
    </row>
    <row r="2103" spans="6:10" x14ac:dyDescent="0.2">
      <c r="F2103" s="353"/>
      <c r="G2103" s="353"/>
      <c r="H2103" s="353"/>
      <c r="I2103" s="353"/>
      <c r="J2103" s="353"/>
    </row>
    <row r="2104" spans="6:10" x14ac:dyDescent="0.2">
      <c r="F2104" s="353"/>
      <c r="G2104" s="353"/>
      <c r="H2104" s="353"/>
      <c r="I2104" s="353"/>
      <c r="J2104" s="353"/>
    </row>
    <row r="2105" spans="6:10" x14ac:dyDescent="0.2">
      <c r="F2105" s="353"/>
      <c r="G2105" s="353"/>
      <c r="H2105" s="353"/>
      <c r="I2105" s="353"/>
      <c r="J2105" s="353"/>
    </row>
    <row r="2106" spans="6:10" x14ac:dyDescent="0.2">
      <c r="F2106" s="353"/>
      <c r="G2106" s="353"/>
      <c r="H2106" s="353"/>
      <c r="I2106" s="353"/>
      <c r="J2106" s="353"/>
    </row>
    <row r="2107" spans="6:10" x14ac:dyDescent="0.2">
      <c r="F2107" s="353"/>
      <c r="G2107" s="353"/>
      <c r="H2107" s="353"/>
      <c r="I2107" s="353"/>
      <c r="J2107" s="353"/>
    </row>
    <row r="2108" spans="6:10" x14ac:dyDescent="0.2">
      <c r="F2108" s="353"/>
      <c r="G2108" s="353"/>
      <c r="H2108" s="353"/>
      <c r="I2108" s="353"/>
      <c r="J2108" s="353"/>
    </row>
    <row r="2109" spans="6:10" x14ac:dyDescent="0.2">
      <c r="F2109" s="353"/>
      <c r="G2109" s="353"/>
      <c r="H2109" s="353"/>
      <c r="I2109" s="353"/>
      <c r="J2109" s="353"/>
    </row>
    <row r="2110" spans="6:10" x14ac:dyDescent="0.2">
      <c r="F2110" s="353"/>
      <c r="G2110" s="353"/>
      <c r="H2110" s="353"/>
      <c r="I2110" s="353"/>
      <c r="J2110" s="353"/>
    </row>
    <row r="2111" spans="6:10" x14ac:dyDescent="0.2">
      <c r="F2111" s="353"/>
      <c r="G2111" s="353"/>
      <c r="H2111" s="353"/>
      <c r="I2111" s="353"/>
      <c r="J2111" s="353"/>
    </row>
    <row r="2112" spans="6:10" x14ac:dyDescent="0.2">
      <c r="F2112" s="353"/>
      <c r="G2112" s="353"/>
      <c r="H2112" s="353"/>
      <c r="I2112" s="353"/>
      <c r="J2112" s="353"/>
    </row>
    <row r="2113" spans="6:10" x14ac:dyDescent="0.2">
      <c r="F2113" s="353"/>
      <c r="G2113" s="353"/>
      <c r="H2113" s="353"/>
      <c r="I2113" s="353"/>
      <c r="J2113" s="353"/>
    </row>
    <row r="2114" spans="6:10" x14ac:dyDescent="0.2">
      <c r="F2114" s="353"/>
      <c r="G2114" s="353"/>
      <c r="H2114" s="353"/>
      <c r="I2114" s="353"/>
      <c r="J2114" s="353"/>
    </row>
    <row r="2115" spans="6:10" x14ac:dyDescent="0.2">
      <c r="F2115" s="353"/>
      <c r="G2115" s="353"/>
      <c r="H2115" s="353"/>
      <c r="I2115" s="353"/>
      <c r="J2115" s="353"/>
    </row>
    <row r="2116" spans="6:10" x14ac:dyDescent="0.2">
      <c r="F2116" s="353"/>
      <c r="G2116" s="353"/>
      <c r="H2116" s="353"/>
      <c r="I2116" s="353"/>
      <c r="J2116" s="353"/>
    </row>
    <row r="2117" spans="6:10" x14ac:dyDescent="0.2">
      <c r="F2117" s="353"/>
      <c r="G2117" s="353"/>
      <c r="H2117" s="353"/>
      <c r="I2117" s="353"/>
      <c r="J2117" s="353"/>
    </row>
    <row r="2118" spans="6:10" x14ac:dyDescent="0.2">
      <c r="F2118" s="353"/>
      <c r="G2118" s="353"/>
      <c r="H2118" s="353"/>
      <c r="I2118" s="353"/>
      <c r="J2118" s="353"/>
    </row>
    <row r="2119" spans="6:10" x14ac:dyDescent="0.2">
      <c r="F2119" s="353"/>
      <c r="G2119" s="353"/>
      <c r="H2119" s="353"/>
      <c r="I2119" s="353"/>
      <c r="J2119" s="353"/>
    </row>
    <row r="2120" spans="6:10" x14ac:dyDescent="0.2">
      <c r="F2120" s="353"/>
      <c r="G2120" s="353"/>
      <c r="H2120" s="353"/>
      <c r="I2120" s="353"/>
      <c r="J2120" s="353"/>
    </row>
    <row r="2121" spans="6:10" x14ac:dyDescent="0.2">
      <c r="F2121" s="353"/>
      <c r="G2121" s="353"/>
      <c r="H2121" s="353"/>
      <c r="I2121" s="353"/>
      <c r="J2121" s="353"/>
    </row>
    <row r="2122" spans="6:10" x14ac:dyDescent="0.2">
      <c r="F2122" s="353"/>
      <c r="G2122" s="353"/>
      <c r="H2122" s="353"/>
      <c r="I2122" s="353"/>
      <c r="J2122" s="353"/>
    </row>
    <row r="2123" spans="6:10" x14ac:dyDescent="0.2">
      <c r="F2123" s="353"/>
      <c r="G2123" s="353"/>
      <c r="H2123" s="353"/>
      <c r="I2123" s="353"/>
      <c r="J2123" s="353"/>
    </row>
    <row r="2124" spans="6:10" x14ac:dyDescent="0.2">
      <c r="F2124" s="353"/>
      <c r="G2124" s="353"/>
      <c r="H2124" s="353"/>
      <c r="I2124" s="353"/>
      <c r="J2124" s="353"/>
    </row>
    <row r="2125" spans="6:10" x14ac:dyDescent="0.2">
      <c r="F2125" s="353"/>
      <c r="G2125" s="353"/>
      <c r="H2125" s="353"/>
      <c r="I2125" s="353"/>
      <c r="J2125" s="353"/>
    </row>
  </sheetData>
  <mergeCells count="8">
    <mergeCell ref="B49:L49"/>
    <mergeCell ref="B50:L50"/>
    <mergeCell ref="B51:J51"/>
    <mergeCell ref="B2:C4"/>
    <mergeCell ref="D2:D4"/>
    <mergeCell ref="F2:F4"/>
    <mergeCell ref="H2:H4"/>
    <mergeCell ref="J2:J4"/>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L2119"/>
  <sheetViews>
    <sheetView showGridLines="0" topLeftCell="A24" zoomScaleNormal="100" zoomScaleSheetLayoutView="100" workbookViewId="0">
      <selection activeCell="B55" sqref="B55:J55"/>
    </sheetView>
  </sheetViews>
  <sheetFormatPr defaultColWidth="9.7109375" defaultRowHeight="12.75" x14ac:dyDescent="0.2"/>
  <cols>
    <col min="1" max="1" width="1.7109375" style="24" customWidth="1"/>
    <col min="2" max="2" width="2.7109375" style="24" customWidth="1"/>
    <col min="3" max="3" width="49.7109375" style="24" customWidth="1"/>
    <col min="4" max="4" width="8.140625" style="24" customWidth="1"/>
    <col min="5" max="5" width="0.5703125" style="24" customWidth="1"/>
    <col min="6" max="6" width="8.140625" style="24" customWidth="1"/>
    <col min="7" max="7" width="0.5703125" style="24" customWidth="1"/>
    <col min="8" max="8" width="8.140625" style="24" customWidth="1"/>
    <col min="9" max="9" width="0.5703125" style="24" customWidth="1"/>
    <col min="10" max="10" width="8.140625" style="24" customWidth="1"/>
    <col min="11" max="11" width="4.28515625" style="410" customWidth="1"/>
    <col min="12" max="12" width="16.140625" style="411" customWidth="1"/>
    <col min="13" max="16384" width="9.7109375" style="410"/>
  </cols>
  <sheetData>
    <row r="1" spans="1:12" s="63" customFormat="1" ht="17.45" customHeight="1" x14ac:dyDescent="0.2">
      <c r="A1" s="355" t="s">
        <v>195</v>
      </c>
      <c r="B1" s="26"/>
      <c r="C1" s="26"/>
      <c r="D1" s="286"/>
      <c r="E1" s="29"/>
      <c r="F1" s="26"/>
      <c r="G1" s="30"/>
      <c r="H1" s="26"/>
      <c r="I1" s="28"/>
      <c r="J1" s="26"/>
    </row>
    <row r="2" spans="1:12" s="87" customFormat="1" ht="33.75" x14ac:dyDescent="0.2">
      <c r="A2" s="287"/>
      <c r="B2" s="356" t="s">
        <v>0</v>
      </c>
      <c r="C2" s="356"/>
      <c r="D2" s="69" t="s">
        <v>196</v>
      </c>
      <c r="E2" s="288"/>
      <c r="F2" s="68" t="s">
        <v>23</v>
      </c>
      <c r="G2" s="288"/>
      <c r="H2" s="66" t="s">
        <v>24</v>
      </c>
      <c r="I2" s="289"/>
      <c r="J2" s="66" t="s">
        <v>25</v>
      </c>
    </row>
    <row r="3" spans="1:12" s="64" customFormat="1" ht="1.9" customHeight="1" x14ac:dyDescent="0.2">
      <c r="A3" s="294"/>
      <c r="B3" s="295"/>
      <c r="C3" s="295"/>
      <c r="D3" s="357"/>
      <c r="E3" s="358"/>
      <c r="F3" s="359"/>
      <c r="G3" s="301"/>
      <c r="H3" s="302"/>
      <c r="I3" s="297"/>
      <c r="J3" s="302"/>
    </row>
    <row r="4" spans="1:12" s="64" customFormat="1" ht="1.5" customHeight="1" x14ac:dyDescent="0.2">
      <c r="A4" s="287"/>
      <c r="B4" s="303"/>
      <c r="C4" s="303"/>
      <c r="D4" s="306"/>
      <c r="E4" s="1"/>
      <c r="F4" s="360"/>
      <c r="G4" s="308"/>
      <c r="H4" s="361"/>
      <c r="I4" s="305"/>
      <c r="J4" s="361"/>
    </row>
    <row r="5" spans="1:12" s="369" customFormat="1" x14ac:dyDescent="0.2">
      <c r="A5" s="43"/>
      <c r="B5" s="43" t="s">
        <v>197</v>
      </c>
      <c r="C5" s="362"/>
      <c r="D5" s="363">
        <v>11</v>
      </c>
      <c r="E5" s="364"/>
      <c r="F5" s="365">
        <v>11</v>
      </c>
      <c r="G5" s="366">
        <v>0</v>
      </c>
      <c r="H5" s="363">
        <v>11</v>
      </c>
      <c r="I5" s="366">
        <v>0</v>
      </c>
      <c r="J5" s="363">
        <v>11</v>
      </c>
      <c r="K5" s="367"/>
      <c r="L5" s="368"/>
    </row>
    <row r="6" spans="1:12" s="369" customFormat="1" x14ac:dyDescent="0.2">
      <c r="A6" s="43"/>
      <c r="B6" s="43" t="s">
        <v>198</v>
      </c>
      <c r="C6" s="362"/>
      <c r="D6" s="94">
        <v>2154</v>
      </c>
      <c r="E6" s="14"/>
      <c r="F6" s="56">
        <v>2212</v>
      </c>
      <c r="G6" s="370">
        <v>0</v>
      </c>
      <c r="H6" s="94">
        <v>2260</v>
      </c>
      <c r="I6" s="370">
        <v>0</v>
      </c>
      <c r="J6" s="94">
        <v>2271</v>
      </c>
      <c r="K6" s="367"/>
      <c r="L6" s="368"/>
    </row>
    <row r="7" spans="1:12" s="369" customFormat="1" x14ac:dyDescent="0.2">
      <c r="A7" s="43"/>
      <c r="B7" s="43" t="s">
        <v>199</v>
      </c>
      <c r="C7" s="362"/>
      <c r="D7" s="94">
        <v>85</v>
      </c>
      <c r="E7" s="14"/>
      <c r="F7" s="56">
        <v>93</v>
      </c>
      <c r="G7" s="370">
        <v>0</v>
      </c>
      <c r="H7" s="94">
        <v>96</v>
      </c>
      <c r="I7" s="370">
        <v>0</v>
      </c>
      <c r="J7" s="94">
        <v>97</v>
      </c>
      <c r="K7" s="367"/>
      <c r="L7" s="368"/>
    </row>
    <row r="8" spans="1:12" s="369" customFormat="1" x14ac:dyDescent="0.2">
      <c r="A8" s="43"/>
      <c r="B8" s="43" t="s">
        <v>200</v>
      </c>
      <c r="C8" s="362"/>
      <c r="D8" s="94">
        <v>536</v>
      </c>
      <c r="E8" s="14"/>
      <c r="F8" s="56">
        <v>583</v>
      </c>
      <c r="G8" s="370">
        <v>0</v>
      </c>
      <c r="H8" s="94">
        <v>588</v>
      </c>
      <c r="I8" s="370">
        <v>0</v>
      </c>
      <c r="J8" s="94">
        <v>588</v>
      </c>
      <c r="K8" s="367"/>
      <c r="L8" s="368"/>
    </row>
    <row r="9" spans="1:12" s="369" customFormat="1" x14ac:dyDescent="0.2">
      <c r="A9" s="43"/>
      <c r="B9" s="43" t="s">
        <v>201</v>
      </c>
      <c r="C9" s="362"/>
      <c r="D9" s="94">
        <v>1590</v>
      </c>
      <c r="E9" s="14"/>
      <c r="F9" s="56">
        <v>1793</v>
      </c>
      <c r="G9" s="370">
        <v>0</v>
      </c>
      <c r="H9" s="94">
        <v>1973</v>
      </c>
      <c r="I9" s="370">
        <v>0</v>
      </c>
      <c r="J9" s="94">
        <v>2082</v>
      </c>
      <c r="K9" s="367"/>
      <c r="L9" s="368"/>
    </row>
    <row r="10" spans="1:12" s="369" customFormat="1" x14ac:dyDescent="0.2">
      <c r="A10" s="43"/>
      <c r="B10" s="43" t="s">
        <v>202</v>
      </c>
      <c r="C10" s="362"/>
      <c r="D10" s="94">
        <v>551</v>
      </c>
      <c r="E10" s="14"/>
      <c r="F10" s="56">
        <v>524</v>
      </c>
      <c r="G10" s="370">
        <v>0</v>
      </c>
      <c r="H10" s="94">
        <v>522</v>
      </c>
      <c r="I10" s="370">
        <v>0</v>
      </c>
      <c r="J10" s="94">
        <v>522</v>
      </c>
      <c r="K10" s="367"/>
      <c r="L10" s="368"/>
    </row>
    <row r="11" spans="1:12" s="369" customFormat="1" x14ac:dyDescent="0.2">
      <c r="A11" s="43"/>
      <c r="B11" s="43" t="s">
        <v>203</v>
      </c>
      <c r="C11" s="362"/>
      <c r="D11" s="371">
        <v>6102.82</v>
      </c>
      <c r="E11" s="372"/>
      <c r="F11" s="373">
        <v>6341</v>
      </c>
      <c r="G11" s="374">
        <v>0</v>
      </c>
      <c r="H11" s="371">
        <v>6374</v>
      </c>
      <c r="I11" s="374">
        <v>0</v>
      </c>
      <c r="J11" s="371">
        <v>6374</v>
      </c>
      <c r="K11" s="367"/>
      <c r="L11" s="368"/>
    </row>
    <row r="12" spans="1:12" s="369" customFormat="1" x14ac:dyDescent="0.2">
      <c r="A12" s="43"/>
      <c r="B12" s="43" t="s">
        <v>204</v>
      </c>
      <c r="C12" s="362"/>
      <c r="D12" s="94">
        <v>94</v>
      </c>
      <c r="E12" s="14"/>
      <c r="F12" s="56">
        <v>60</v>
      </c>
      <c r="G12" s="370">
        <v>0</v>
      </c>
      <c r="H12" s="94">
        <v>61</v>
      </c>
      <c r="I12" s="370">
        <v>0</v>
      </c>
      <c r="J12" s="94">
        <v>61</v>
      </c>
      <c r="K12" s="367"/>
      <c r="L12" s="368"/>
    </row>
    <row r="13" spans="1:12" s="369" customFormat="1" x14ac:dyDescent="0.2">
      <c r="A13" s="43"/>
      <c r="B13" s="43" t="s">
        <v>205</v>
      </c>
      <c r="C13" s="362"/>
      <c r="D13" s="94">
        <v>173</v>
      </c>
      <c r="E13" s="14"/>
      <c r="F13" s="56">
        <v>179</v>
      </c>
      <c r="G13" s="370">
        <v>0</v>
      </c>
      <c r="H13" s="94">
        <v>177</v>
      </c>
      <c r="I13" s="370">
        <v>0</v>
      </c>
      <c r="J13" s="94">
        <v>178</v>
      </c>
      <c r="K13" s="367"/>
      <c r="L13" s="368"/>
    </row>
    <row r="14" spans="1:12" s="369" customFormat="1" x14ac:dyDescent="0.2">
      <c r="A14" s="43"/>
      <c r="B14" s="43" t="s">
        <v>206</v>
      </c>
      <c r="C14" s="362"/>
      <c r="D14" s="94">
        <v>353.79200000000003</v>
      </c>
      <c r="E14" s="14"/>
      <c r="F14" s="56">
        <v>579</v>
      </c>
      <c r="G14" s="370">
        <v>0</v>
      </c>
      <c r="H14" s="94">
        <v>823</v>
      </c>
      <c r="I14" s="370">
        <v>0</v>
      </c>
      <c r="J14" s="94">
        <v>828</v>
      </c>
      <c r="K14" s="367"/>
      <c r="L14" s="368"/>
    </row>
    <row r="15" spans="1:12" s="369" customFormat="1" x14ac:dyDescent="0.2">
      <c r="A15" s="43"/>
      <c r="B15" s="43" t="s">
        <v>207</v>
      </c>
      <c r="C15" s="375"/>
      <c r="D15" s="94">
        <v>3721</v>
      </c>
      <c r="E15" s="370"/>
      <c r="F15" s="56">
        <v>0</v>
      </c>
      <c r="G15" s="370">
        <v>0</v>
      </c>
      <c r="H15" s="94">
        <v>0</v>
      </c>
      <c r="I15" s="370">
        <v>0</v>
      </c>
      <c r="J15" s="94">
        <v>0</v>
      </c>
      <c r="K15" s="367"/>
      <c r="L15" s="368"/>
    </row>
    <row r="16" spans="1:12" s="369" customFormat="1" x14ac:dyDescent="0.2">
      <c r="A16" s="43"/>
      <c r="B16" s="43" t="s">
        <v>208</v>
      </c>
      <c r="C16" s="362"/>
      <c r="D16" s="94">
        <v>1290.07</v>
      </c>
      <c r="E16" s="14"/>
      <c r="F16" s="56">
        <v>734</v>
      </c>
      <c r="G16" s="370">
        <v>0</v>
      </c>
      <c r="H16" s="94">
        <v>753</v>
      </c>
      <c r="I16" s="370">
        <v>0</v>
      </c>
      <c r="J16" s="94">
        <v>761</v>
      </c>
      <c r="K16" s="367"/>
      <c r="L16" s="368"/>
    </row>
    <row r="17" spans="1:12" s="369" customFormat="1" ht="13.5" x14ac:dyDescent="0.2">
      <c r="A17" s="43"/>
      <c r="B17" s="43" t="s">
        <v>209</v>
      </c>
      <c r="C17" s="362"/>
      <c r="D17" s="133">
        <v>18908</v>
      </c>
      <c r="E17" s="14"/>
      <c r="F17" s="376">
        <v>19754</v>
      </c>
      <c r="G17" s="370">
        <v>0</v>
      </c>
      <c r="H17" s="133">
        <v>20624</v>
      </c>
      <c r="I17" s="370">
        <v>0</v>
      </c>
      <c r="J17" s="133">
        <v>21294</v>
      </c>
      <c r="K17" s="367"/>
      <c r="L17" s="368"/>
    </row>
    <row r="18" spans="1:12" s="369" customFormat="1" x14ac:dyDescent="0.2">
      <c r="A18" s="43"/>
      <c r="B18" s="43" t="s">
        <v>210</v>
      </c>
      <c r="C18" s="362"/>
      <c r="D18" s="133">
        <v>91</v>
      </c>
      <c r="E18" s="14"/>
      <c r="F18" s="376">
        <v>100</v>
      </c>
      <c r="G18" s="370">
        <v>0</v>
      </c>
      <c r="H18" s="133">
        <v>101</v>
      </c>
      <c r="I18" s="370">
        <v>0</v>
      </c>
      <c r="J18" s="133">
        <v>101</v>
      </c>
      <c r="K18" s="367"/>
      <c r="L18" s="368"/>
    </row>
    <row r="19" spans="1:12" s="369" customFormat="1" x14ac:dyDescent="0.2">
      <c r="A19" s="43"/>
      <c r="B19" s="43" t="s">
        <v>211</v>
      </c>
      <c r="C19" s="362"/>
      <c r="D19" s="94">
        <v>119</v>
      </c>
      <c r="E19" s="14"/>
      <c r="F19" s="56">
        <v>105</v>
      </c>
      <c r="G19" s="370">
        <v>0</v>
      </c>
      <c r="H19" s="94">
        <v>105</v>
      </c>
      <c r="I19" s="370">
        <v>0</v>
      </c>
      <c r="J19" s="94">
        <v>105</v>
      </c>
      <c r="K19" s="367"/>
      <c r="L19" s="368"/>
    </row>
    <row r="20" spans="1:12" s="369" customFormat="1" x14ac:dyDescent="0.2">
      <c r="A20" s="43"/>
      <c r="B20" s="43" t="s">
        <v>212</v>
      </c>
      <c r="C20" s="362"/>
      <c r="D20" s="94">
        <v>11</v>
      </c>
      <c r="E20" s="14"/>
      <c r="F20" s="56">
        <v>13</v>
      </c>
      <c r="G20" s="370">
        <v>0</v>
      </c>
      <c r="H20" s="94">
        <v>13</v>
      </c>
      <c r="I20" s="370">
        <v>0</v>
      </c>
      <c r="J20" s="94">
        <v>12</v>
      </c>
      <c r="K20" s="367"/>
      <c r="L20" s="368"/>
    </row>
    <row r="21" spans="1:12" s="369" customFormat="1" x14ac:dyDescent="0.2">
      <c r="A21" s="43"/>
      <c r="B21" s="43" t="s">
        <v>213</v>
      </c>
      <c r="C21" s="362"/>
      <c r="D21" s="94">
        <v>3</v>
      </c>
      <c r="E21" s="14"/>
      <c r="F21" s="56">
        <v>10</v>
      </c>
      <c r="G21" s="370">
        <v>0</v>
      </c>
      <c r="H21" s="94">
        <v>10</v>
      </c>
      <c r="I21" s="370">
        <v>0</v>
      </c>
      <c r="J21" s="94">
        <v>10</v>
      </c>
      <c r="K21" s="367"/>
      <c r="L21" s="368"/>
    </row>
    <row r="22" spans="1:12" s="369" customFormat="1" x14ac:dyDescent="0.2">
      <c r="A22" s="43"/>
      <c r="B22" s="43" t="s">
        <v>214</v>
      </c>
      <c r="C22" s="362"/>
      <c r="D22" s="94">
        <v>690</v>
      </c>
      <c r="E22" s="14"/>
      <c r="F22" s="56">
        <v>674</v>
      </c>
      <c r="G22" s="370">
        <v>0</v>
      </c>
      <c r="H22" s="94">
        <v>698</v>
      </c>
      <c r="I22" s="370">
        <v>0</v>
      </c>
      <c r="J22" s="94">
        <v>839</v>
      </c>
      <c r="K22" s="367"/>
      <c r="L22" s="368"/>
    </row>
    <row r="23" spans="1:12" s="369" customFormat="1" x14ac:dyDescent="0.2">
      <c r="A23" s="43"/>
      <c r="B23" s="43" t="s">
        <v>215</v>
      </c>
      <c r="C23" s="362"/>
      <c r="D23" s="94">
        <v>1114.25</v>
      </c>
      <c r="E23" s="14"/>
      <c r="F23" s="56">
        <v>787</v>
      </c>
      <c r="G23" s="370">
        <v>0</v>
      </c>
      <c r="H23" s="94">
        <v>788</v>
      </c>
      <c r="I23" s="370">
        <v>0</v>
      </c>
      <c r="J23" s="94">
        <v>791</v>
      </c>
      <c r="K23" s="367"/>
      <c r="L23" s="368"/>
    </row>
    <row r="24" spans="1:12" s="369" customFormat="1" x14ac:dyDescent="0.2">
      <c r="A24" s="43"/>
      <c r="B24" s="43" t="s">
        <v>216</v>
      </c>
      <c r="C24" s="362"/>
      <c r="D24" s="94">
        <v>3105</v>
      </c>
      <c r="E24" s="14"/>
      <c r="F24" s="56">
        <v>3364</v>
      </c>
      <c r="G24" s="370">
        <v>0</v>
      </c>
      <c r="H24" s="94">
        <v>3442</v>
      </c>
      <c r="I24" s="370">
        <v>0</v>
      </c>
      <c r="J24" s="94">
        <v>3482</v>
      </c>
      <c r="K24" s="367"/>
      <c r="L24" s="368"/>
    </row>
    <row r="25" spans="1:12" s="369" customFormat="1" x14ac:dyDescent="0.2">
      <c r="A25" s="43"/>
      <c r="B25" s="43" t="s">
        <v>217</v>
      </c>
      <c r="C25" s="362"/>
      <c r="D25" s="94">
        <v>138</v>
      </c>
      <c r="E25" s="14"/>
      <c r="F25" s="56">
        <v>144</v>
      </c>
      <c r="G25" s="370">
        <v>0</v>
      </c>
      <c r="H25" s="94">
        <v>145</v>
      </c>
      <c r="I25" s="370">
        <v>0</v>
      </c>
      <c r="J25" s="94">
        <v>145</v>
      </c>
      <c r="K25" s="367"/>
      <c r="L25" s="368"/>
    </row>
    <row r="26" spans="1:12" s="369" customFormat="1" ht="14.25" x14ac:dyDescent="0.2">
      <c r="A26" s="43"/>
      <c r="B26" s="43" t="s">
        <v>218</v>
      </c>
      <c r="C26" s="362"/>
      <c r="D26" s="377">
        <v>839</v>
      </c>
      <c r="E26" s="14"/>
      <c r="F26" s="378">
        <v>890</v>
      </c>
      <c r="G26" s="370">
        <v>0</v>
      </c>
      <c r="H26" s="377">
        <v>897</v>
      </c>
      <c r="I26" s="370">
        <v>0</v>
      </c>
      <c r="J26" s="377">
        <v>897</v>
      </c>
      <c r="K26" s="367"/>
      <c r="L26" s="367"/>
    </row>
    <row r="27" spans="1:12" s="369" customFormat="1" ht="2.25" customHeight="1" x14ac:dyDescent="0.2">
      <c r="A27" s="43"/>
      <c r="B27" s="362"/>
      <c r="C27" s="362"/>
      <c r="D27" s="377"/>
      <c r="E27" s="14"/>
      <c r="F27" s="378"/>
      <c r="G27" s="370"/>
      <c r="H27" s="377"/>
      <c r="I27" s="370"/>
      <c r="J27" s="377"/>
      <c r="K27" s="367"/>
      <c r="L27" s="367"/>
    </row>
    <row r="28" spans="1:12" s="369" customFormat="1" x14ac:dyDescent="0.2">
      <c r="A28" s="379"/>
      <c r="B28" s="39"/>
      <c r="C28" s="39" t="s">
        <v>219</v>
      </c>
      <c r="D28" s="122">
        <v>41679.932000000001</v>
      </c>
      <c r="E28" s="380"/>
      <c r="F28" s="381">
        <v>38950</v>
      </c>
      <c r="G28" s="380"/>
      <c r="H28" s="122">
        <v>40461</v>
      </c>
      <c r="I28" s="380"/>
      <c r="J28" s="122">
        <v>41449</v>
      </c>
      <c r="K28" s="367"/>
      <c r="L28" s="382"/>
    </row>
    <row r="29" spans="1:12" s="369" customFormat="1" x14ac:dyDescent="0.2">
      <c r="A29" s="43"/>
      <c r="B29" s="43" t="s">
        <v>220</v>
      </c>
      <c r="C29" s="372"/>
      <c r="D29" s="383">
        <v>1209</v>
      </c>
      <c r="E29" s="14"/>
      <c r="F29" s="56">
        <v>1276</v>
      </c>
      <c r="G29" s="14"/>
      <c r="H29" s="94">
        <v>1260</v>
      </c>
      <c r="I29" s="14"/>
      <c r="J29" s="94">
        <v>1290</v>
      </c>
      <c r="L29" s="384"/>
    </row>
    <row r="30" spans="1:12" s="369" customFormat="1" x14ac:dyDescent="0.2">
      <c r="A30" s="43"/>
      <c r="B30" s="43" t="s">
        <v>221</v>
      </c>
      <c r="C30" s="372"/>
      <c r="D30" s="383">
        <v>600</v>
      </c>
      <c r="E30" s="14"/>
      <c r="F30" s="56">
        <v>550</v>
      </c>
      <c r="G30" s="14"/>
      <c r="H30" s="94">
        <v>750</v>
      </c>
      <c r="I30" s="14"/>
      <c r="J30" s="94">
        <v>750</v>
      </c>
      <c r="L30" s="384"/>
    </row>
    <row r="31" spans="1:12" s="369" customFormat="1" x14ac:dyDescent="0.2">
      <c r="A31" s="43"/>
      <c r="B31" s="43" t="s">
        <v>222</v>
      </c>
      <c r="C31" s="372"/>
      <c r="D31" s="383">
        <v>1347</v>
      </c>
      <c r="E31" s="14"/>
      <c r="F31" s="56">
        <v>1772</v>
      </c>
      <c r="G31" s="14"/>
      <c r="H31" s="94">
        <v>1680</v>
      </c>
      <c r="I31" s="14"/>
      <c r="J31" s="94">
        <v>2124</v>
      </c>
      <c r="L31" s="384"/>
    </row>
    <row r="32" spans="1:12" s="369" customFormat="1" x14ac:dyDescent="0.2">
      <c r="A32" s="43"/>
      <c r="B32" s="43" t="s">
        <v>223</v>
      </c>
      <c r="C32" s="372"/>
      <c r="D32" s="383">
        <v>1111</v>
      </c>
      <c r="E32" s="14"/>
      <c r="F32" s="56">
        <v>1246</v>
      </c>
      <c r="G32" s="14"/>
      <c r="H32" s="94">
        <v>1270</v>
      </c>
      <c r="I32" s="14"/>
      <c r="J32" s="94">
        <v>1294</v>
      </c>
      <c r="L32" s="384"/>
    </row>
    <row r="33" spans="1:12" s="369" customFormat="1" ht="14.25" customHeight="1" x14ac:dyDescent="0.35">
      <c r="A33" s="43"/>
      <c r="B33" s="43" t="s">
        <v>224</v>
      </c>
      <c r="C33" s="372"/>
      <c r="D33" s="385">
        <v>173.405</v>
      </c>
      <c r="E33" s="14"/>
      <c r="F33" s="378">
        <v>143</v>
      </c>
      <c r="G33" s="370"/>
      <c r="H33" s="377">
        <v>141</v>
      </c>
      <c r="I33" s="370"/>
      <c r="J33" s="377">
        <v>141</v>
      </c>
      <c r="L33" s="384"/>
    </row>
    <row r="34" spans="1:12" s="369" customFormat="1" ht="14.25" customHeight="1" x14ac:dyDescent="0.2">
      <c r="A34" s="43"/>
      <c r="B34" s="43"/>
      <c r="C34" s="39" t="s">
        <v>225</v>
      </c>
      <c r="D34" s="386">
        <v>4440.4049999999997</v>
      </c>
      <c r="E34" s="380"/>
      <c r="F34" s="387">
        <v>4987</v>
      </c>
      <c r="G34" s="380"/>
      <c r="H34" s="386">
        <v>5101</v>
      </c>
      <c r="I34" s="380"/>
      <c r="J34" s="386">
        <v>5599</v>
      </c>
      <c r="L34" s="384"/>
    </row>
    <row r="35" spans="1:12" s="369" customFormat="1" ht="14.25" x14ac:dyDescent="0.35">
      <c r="A35" s="43"/>
      <c r="B35" s="43" t="s">
        <v>226</v>
      </c>
      <c r="C35" s="372"/>
      <c r="D35" s="385">
        <v>0</v>
      </c>
      <c r="E35" s="37"/>
      <c r="F35" s="57">
        <v>0</v>
      </c>
      <c r="G35" s="37"/>
      <c r="H35" s="99">
        <v>1366</v>
      </c>
      <c r="I35" s="37"/>
      <c r="J35" s="99">
        <v>1252</v>
      </c>
      <c r="L35" s="384"/>
    </row>
    <row r="36" spans="1:12" s="369" customFormat="1" ht="12.75" customHeight="1" x14ac:dyDescent="0.2">
      <c r="A36" s="379"/>
      <c r="B36" s="379"/>
      <c r="C36" s="39" t="s">
        <v>227</v>
      </c>
      <c r="D36" s="388">
        <v>46120.337</v>
      </c>
      <c r="E36" s="76"/>
      <c r="F36" s="389">
        <v>43937</v>
      </c>
      <c r="G36" s="76"/>
      <c r="H36" s="388">
        <v>46928</v>
      </c>
      <c r="I36" s="76"/>
      <c r="J36" s="388">
        <v>48300</v>
      </c>
      <c r="K36" s="390"/>
    </row>
    <row r="37" spans="1:12" s="369" customFormat="1" ht="13.5" x14ac:dyDescent="0.2">
      <c r="A37" s="379"/>
      <c r="B37" s="43" t="s">
        <v>228</v>
      </c>
      <c r="C37" s="39"/>
      <c r="D37" s="383">
        <v>-55</v>
      </c>
      <c r="E37" s="372"/>
      <c r="F37" s="373">
        <v>-59</v>
      </c>
      <c r="G37" s="372"/>
      <c r="H37" s="372">
        <v>-62</v>
      </c>
      <c r="I37" s="372"/>
      <c r="J37" s="372">
        <v>-64</v>
      </c>
      <c r="K37" s="390"/>
    </row>
    <row r="38" spans="1:12" s="369" customFormat="1" ht="14.25" x14ac:dyDescent="0.35">
      <c r="A38" s="39"/>
      <c r="B38" s="43" t="s">
        <v>229</v>
      </c>
      <c r="C38" s="391"/>
      <c r="D38" s="385">
        <v>-127.38300000000001</v>
      </c>
      <c r="E38" s="14"/>
      <c r="F38" s="57">
        <v>0</v>
      </c>
      <c r="G38" s="14"/>
      <c r="H38" s="99">
        <v>0</v>
      </c>
      <c r="I38" s="14"/>
      <c r="J38" s="99">
        <v>0</v>
      </c>
      <c r="K38" s="390"/>
    </row>
    <row r="39" spans="1:12" s="369" customFormat="1" x14ac:dyDescent="0.2">
      <c r="A39" s="39" t="s">
        <v>230</v>
      </c>
      <c r="B39" s="39"/>
      <c r="C39" s="391"/>
      <c r="D39" s="122">
        <v>45937.953999999998</v>
      </c>
      <c r="E39" s="380"/>
      <c r="F39" s="381">
        <v>43878</v>
      </c>
      <c r="G39" s="380"/>
      <c r="H39" s="122">
        <v>46866</v>
      </c>
      <c r="I39" s="380"/>
      <c r="J39" s="122">
        <v>48236</v>
      </c>
      <c r="K39" s="390"/>
    </row>
    <row r="40" spans="1:12" s="369" customFormat="1" x14ac:dyDescent="0.2">
      <c r="A40" s="379"/>
      <c r="B40" s="43" t="s">
        <v>231</v>
      </c>
      <c r="C40" s="392"/>
      <c r="D40" s="393">
        <v>2951</v>
      </c>
      <c r="E40" s="14"/>
      <c r="F40" s="56">
        <v>3337</v>
      </c>
      <c r="G40" s="394"/>
      <c r="H40" s="94">
        <v>3226</v>
      </c>
      <c r="I40" s="394"/>
      <c r="J40" s="395">
        <v>3104</v>
      </c>
      <c r="K40" s="390"/>
    </row>
    <row r="41" spans="1:12" s="369" customFormat="1" x14ac:dyDescent="0.2">
      <c r="A41" s="379"/>
      <c r="B41" s="43" t="s">
        <v>232</v>
      </c>
      <c r="C41" s="392"/>
      <c r="D41" s="393">
        <v>-25118</v>
      </c>
      <c r="E41" s="14"/>
      <c r="F41" s="56">
        <v>-26829</v>
      </c>
      <c r="G41" s="14"/>
      <c r="H41" s="94">
        <v>-27463</v>
      </c>
      <c r="I41" s="14"/>
      <c r="J41" s="94">
        <v>-28620</v>
      </c>
      <c r="K41" s="390"/>
    </row>
    <row r="42" spans="1:12" s="369" customFormat="1" ht="14.25" x14ac:dyDescent="0.2">
      <c r="A42" s="379"/>
      <c r="B42" s="43" t="s">
        <v>233</v>
      </c>
      <c r="C42" s="392"/>
      <c r="D42" s="396">
        <v>-3721</v>
      </c>
      <c r="E42" s="14"/>
      <c r="F42" s="57">
        <v>0</v>
      </c>
      <c r="G42" s="14"/>
      <c r="H42" s="99">
        <v>0</v>
      </c>
      <c r="I42" s="14"/>
      <c r="J42" s="99">
        <v>0</v>
      </c>
      <c r="K42" s="390"/>
    </row>
    <row r="43" spans="1:12" s="369" customFormat="1" ht="14.25" x14ac:dyDescent="0.2">
      <c r="A43" s="39" t="s">
        <v>234</v>
      </c>
      <c r="B43" s="391"/>
      <c r="C43" s="392"/>
      <c r="D43" s="123">
        <v>20049.953999999998</v>
      </c>
      <c r="E43" s="380"/>
      <c r="F43" s="77">
        <v>20386</v>
      </c>
      <c r="G43" s="380"/>
      <c r="H43" s="123">
        <v>22629</v>
      </c>
      <c r="I43" s="380"/>
      <c r="J43" s="123">
        <v>22720</v>
      </c>
    </row>
    <row r="44" spans="1:12" s="369" customFormat="1" x14ac:dyDescent="0.2">
      <c r="A44" s="397" t="s">
        <v>235</v>
      </c>
      <c r="B44" s="398"/>
      <c r="C44" s="43"/>
      <c r="D44" s="133"/>
      <c r="E44" s="14"/>
      <c r="F44" s="376"/>
      <c r="G44" s="14"/>
      <c r="H44" s="133"/>
      <c r="I44" s="14"/>
      <c r="J44" s="133"/>
    </row>
    <row r="45" spans="1:12" s="369" customFormat="1" x14ac:dyDescent="0.2">
      <c r="A45" s="43"/>
      <c r="B45" s="43" t="s">
        <v>236</v>
      </c>
      <c r="C45" s="372"/>
      <c r="D45" s="393">
        <v>6387</v>
      </c>
      <c r="E45" s="14"/>
      <c r="F45" s="56">
        <v>6651</v>
      </c>
      <c r="G45" s="14"/>
      <c r="H45" s="94">
        <v>6695</v>
      </c>
      <c r="I45" s="14"/>
      <c r="J45" s="94">
        <v>6703</v>
      </c>
    </row>
    <row r="46" spans="1:12" s="369" customFormat="1" x14ac:dyDescent="0.2">
      <c r="A46" s="43"/>
      <c r="B46" s="43" t="s">
        <v>237</v>
      </c>
      <c r="C46" s="372"/>
      <c r="D46" s="399">
        <v>4689</v>
      </c>
      <c r="E46" s="372"/>
      <c r="F46" s="373">
        <v>4837</v>
      </c>
      <c r="G46" s="372"/>
      <c r="H46" s="371">
        <v>4948</v>
      </c>
      <c r="I46" s="372"/>
      <c r="J46" s="371">
        <v>5059</v>
      </c>
      <c r="L46" s="400"/>
    </row>
    <row r="47" spans="1:12" s="369" customFormat="1" x14ac:dyDescent="0.2">
      <c r="A47" s="43"/>
      <c r="B47" s="43" t="s">
        <v>238</v>
      </c>
      <c r="C47" s="372"/>
      <c r="D47" s="399">
        <v>1257</v>
      </c>
      <c r="E47" s="372"/>
      <c r="F47" s="373">
        <v>1299</v>
      </c>
      <c r="G47" s="372"/>
      <c r="H47" s="371">
        <v>1316</v>
      </c>
      <c r="I47" s="372"/>
      <c r="J47" s="371">
        <v>1334</v>
      </c>
    </row>
    <row r="48" spans="1:12" s="369" customFormat="1" x14ac:dyDescent="0.2">
      <c r="A48" s="43"/>
      <c r="B48" s="43" t="s">
        <v>239</v>
      </c>
      <c r="C48" s="372"/>
      <c r="D48" s="393">
        <v>14901</v>
      </c>
      <c r="E48" s="14"/>
      <c r="F48" s="56">
        <v>15370</v>
      </c>
      <c r="G48" s="14"/>
      <c r="H48" s="94">
        <v>15962</v>
      </c>
      <c r="I48" s="14"/>
      <c r="J48" s="94">
        <v>16380</v>
      </c>
    </row>
    <row r="49" spans="1:12" s="369" customFormat="1" ht="14.25" x14ac:dyDescent="0.2">
      <c r="A49" s="43"/>
      <c r="B49" s="43" t="s">
        <v>240</v>
      </c>
      <c r="C49" s="372"/>
      <c r="D49" s="401">
        <v>4534</v>
      </c>
      <c r="E49" s="14"/>
      <c r="F49" s="378">
        <v>5081</v>
      </c>
      <c r="G49" s="14"/>
      <c r="H49" s="377">
        <v>5228</v>
      </c>
      <c r="I49" s="14"/>
      <c r="J49" s="377">
        <v>5566</v>
      </c>
      <c r="K49" s="390"/>
    </row>
    <row r="50" spans="1:12" s="369" customFormat="1" ht="14.25" x14ac:dyDescent="0.2">
      <c r="A50" s="379"/>
      <c r="B50" s="39"/>
      <c r="C50" s="200" t="s">
        <v>241</v>
      </c>
      <c r="D50" s="123">
        <v>31768</v>
      </c>
      <c r="E50" s="123"/>
      <c r="F50" s="77">
        <v>33238</v>
      </c>
      <c r="G50" s="76"/>
      <c r="H50" s="123">
        <v>34149</v>
      </c>
      <c r="I50" s="76"/>
      <c r="J50" s="123">
        <v>35042</v>
      </c>
      <c r="K50" s="390"/>
    </row>
    <row r="51" spans="1:12" s="402" customFormat="1" ht="12" customHeight="1" x14ac:dyDescent="0.2">
      <c r="A51" s="39" t="s">
        <v>242</v>
      </c>
      <c r="B51" s="39"/>
      <c r="C51" s="391"/>
      <c r="D51" s="121">
        <v>51817.953999999998</v>
      </c>
      <c r="E51" s="122"/>
      <c r="F51" s="58">
        <v>53624</v>
      </c>
      <c r="G51" s="122"/>
      <c r="H51" s="121">
        <v>56778</v>
      </c>
      <c r="I51" s="122"/>
      <c r="J51" s="121">
        <v>57762</v>
      </c>
    </row>
    <row r="52" spans="1:12" s="402" customFormat="1" ht="3" customHeight="1" x14ac:dyDescent="0.2">
      <c r="A52" s="403"/>
      <c r="B52" s="102"/>
      <c r="C52" s="102"/>
      <c r="D52" s="106"/>
      <c r="E52" s="106"/>
      <c r="F52" s="404"/>
      <c r="G52" s="405"/>
      <c r="H52" s="406"/>
      <c r="I52" s="406"/>
      <c r="J52" s="406"/>
    </row>
    <row r="53" spans="1:12" s="408" customFormat="1" ht="5.25" customHeight="1" x14ac:dyDescent="0.2">
      <c r="A53" s="331"/>
      <c r="B53" s="14"/>
      <c r="C53" s="14"/>
      <c r="D53" s="94"/>
      <c r="E53" s="94"/>
      <c r="F53" s="122"/>
      <c r="G53" s="122"/>
      <c r="H53" s="407"/>
      <c r="I53" s="407"/>
      <c r="J53" s="407"/>
    </row>
    <row r="54" spans="1:12" s="408" customFormat="1" ht="11.25" customHeight="1" x14ac:dyDescent="0.2">
      <c r="A54" s="409">
        <v>1</v>
      </c>
      <c r="B54" s="903" t="s">
        <v>243</v>
      </c>
      <c r="C54" s="904"/>
      <c r="D54" s="904"/>
      <c r="E54" s="904"/>
      <c r="F54" s="904"/>
      <c r="G54" s="904"/>
      <c r="H54" s="904"/>
      <c r="I54" s="904"/>
      <c r="J54" s="904"/>
    </row>
    <row r="55" spans="1:12" ht="32.25" customHeight="1" x14ac:dyDescent="0.2">
      <c r="A55" s="409">
        <v>2</v>
      </c>
      <c r="B55" s="903" t="s">
        <v>244</v>
      </c>
      <c r="C55" s="905"/>
      <c r="D55" s="905"/>
      <c r="E55" s="905"/>
      <c r="F55" s="905"/>
      <c r="G55" s="905"/>
      <c r="H55" s="905"/>
      <c r="I55" s="905"/>
      <c r="J55" s="905"/>
    </row>
    <row r="56" spans="1:12" s="412" customFormat="1" ht="12" customHeight="1" x14ac:dyDescent="0.2">
      <c r="A56" s="409">
        <v>3</v>
      </c>
      <c r="B56" s="903" t="s">
        <v>245</v>
      </c>
      <c r="C56" s="906"/>
      <c r="D56" s="906"/>
      <c r="E56" s="906"/>
      <c r="F56" s="906"/>
      <c r="G56" s="906"/>
      <c r="H56" s="906"/>
      <c r="I56" s="906"/>
      <c r="J56" s="906"/>
    </row>
    <row r="57" spans="1:12" s="412" customFormat="1" ht="11.45" customHeight="1" x14ac:dyDescent="0.2">
      <c r="A57" s="43"/>
      <c r="B57" s="351"/>
      <c r="C57" s="351"/>
      <c r="D57" s="351"/>
      <c r="E57" s="351"/>
      <c r="F57" s="351"/>
      <c r="G57" s="351"/>
      <c r="H57" s="351"/>
      <c r="I57" s="351"/>
      <c r="J57" s="351"/>
    </row>
    <row r="58" spans="1:12" x14ac:dyDescent="0.2">
      <c r="A58" s="43"/>
      <c r="B58" s="351"/>
      <c r="C58" s="351"/>
      <c r="D58" s="351"/>
      <c r="E58" s="351"/>
      <c r="F58" s="351"/>
      <c r="G58" s="351"/>
      <c r="H58" s="351"/>
      <c r="I58" s="351"/>
      <c r="J58" s="351"/>
      <c r="L58" s="410"/>
    </row>
    <row r="59" spans="1:12" x14ac:dyDescent="0.2">
      <c r="A59" s="410"/>
      <c r="F59" s="353"/>
      <c r="G59" s="353"/>
      <c r="H59" s="353"/>
      <c r="I59" s="353"/>
      <c r="J59" s="353"/>
      <c r="L59" s="410"/>
    </row>
    <row r="60" spans="1:12" x14ac:dyDescent="0.2">
      <c r="A60" s="410"/>
      <c r="F60" s="353"/>
      <c r="G60" s="353"/>
      <c r="H60" s="353"/>
      <c r="I60" s="353"/>
      <c r="J60" s="353"/>
      <c r="L60" s="410"/>
    </row>
    <row r="61" spans="1:12" x14ac:dyDescent="0.2">
      <c r="A61" s="410"/>
      <c r="F61" s="353"/>
      <c r="G61" s="353"/>
      <c r="H61" s="353"/>
      <c r="I61" s="353"/>
      <c r="J61" s="353"/>
      <c r="L61" s="410"/>
    </row>
    <row r="62" spans="1:12" x14ac:dyDescent="0.2">
      <c r="A62" s="410"/>
      <c r="F62" s="353"/>
      <c r="G62" s="353"/>
      <c r="H62" s="353"/>
      <c r="I62" s="353"/>
      <c r="J62" s="353"/>
      <c r="L62" s="410"/>
    </row>
    <row r="63" spans="1:12" x14ac:dyDescent="0.2">
      <c r="A63" s="410"/>
      <c r="F63" s="353"/>
      <c r="G63" s="353"/>
      <c r="H63" s="353"/>
      <c r="I63" s="353"/>
      <c r="J63" s="353"/>
      <c r="L63" s="410"/>
    </row>
    <row r="64" spans="1:12" x14ac:dyDescent="0.2">
      <c r="A64" s="410"/>
      <c r="F64" s="353"/>
      <c r="G64" s="353"/>
      <c r="H64" s="353"/>
      <c r="I64" s="353"/>
      <c r="J64" s="353"/>
      <c r="L64" s="410"/>
    </row>
    <row r="65" spans="2:10" s="410" customFormat="1" x14ac:dyDescent="0.2">
      <c r="B65" s="24"/>
      <c r="C65" s="24"/>
      <c r="D65" s="24"/>
      <c r="E65" s="24"/>
      <c r="F65" s="353"/>
      <c r="G65" s="353"/>
      <c r="H65" s="353"/>
      <c r="I65" s="353"/>
      <c r="J65" s="353"/>
    </row>
    <row r="66" spans="2:10" s="410" customFormat="1" x14ac:dyDescent="0.2">
      <c r="B66" s="24"/>
      <c r="C66" s="24"/>
      <c r="D66" s="24"/>
      <c r="E66" s="24"/>
      <c r="F66" s="353"/>
      <c r="G66" s="353"/>
      <c r="H66" s="353"/>
      <c r="I66" s="353"/>
      <c r="J66" s="353"/>
    </row>
    <row r="67" spans="2:10" s="410" customFormat="1" x14ac:dyDescent="0.2">
      <c r="B67" s="24"/>
      <c r="C67" s="24"/>
      <c r="D67" s="24"/>
      <c r="E67" s="24"/>
      <c r="F67" s="353"/>
      <c r="G67" s="353"/>
      <c r="H67" s="353"/>
      <c r="I67" s="353"/>
      <c r="J67" s="353"/>
    </row>
    <row r="68" spans="2:10" s="410" customFormat="1" x14ac:dyDescent="0.2">
      <c r="F68" s="353"/>
      <c r="G68" s="353"/>
      <c r="H68" s="353"/>
      <c r="I68" s="353"/>
      <c r="J68" s="353"/>
    </row>
    <row r="69" spans="2:10" s="410" customFormat="1" x14ac:dyDescent="0.2">
      <c r="F69" s="353"/>
      <c r="G69" s="353"/>
      <c r="H69" s="353"/>
      <c r="I69" s="353"/>
      <c r="J69" s="353"/>
    </row>
    <row r="70" spans="2:10" s="410" customFormat="1" x14ac:dyDescent="0.2">
      <c r="F70" s="353"/>
      <c r="G70" s="353"/>
      <c r="H70" s="353"/>
      <c r="I70" s="353"/>
      <c r="J70" s="353"/>
    </row>
    <row r="71" spans="2:10" s="410" customFormat="1" x14ac:dyDescent="0.2">
      <c r="F71" s="353"/>
      <c r="G71" s="353"/>
      <c r="H71" s="353"/>
      <c r="I71" s="353"/>
      <c r="J71" s="353"/>
    </row>
    <row r="72" spans="2:10" s="410" customFormat="1" x14ac:dyDescent="0.2">
      <c r="F72" s="353"/>
      <c r="G72" s="353"/>
      <c r="H72" s="353"/>
      <c r="I72" s="353"/>
      <c r="J72" s="353"/>
    </row>
    <row r="73" spans="2:10" s="410" customFormat="1" x14ac:dyDescent="0.2">
      <c r="F73" s="353"/>
      <c r="G73" s="353"/>
      <c r="H73" s="353"/>
      <c r="I73" s="353"/>
      <c r="J73" s="353"/>
    </row>
    <row r="74" spans="2:10" s="410" customFormat="1" x14ac:dyDescent="0.2">
      <c r="F74" s="353"/>
      <c r="G74" s="353"/>
      <c r="H74" s="353"/>
      <c r="I74" s="353"/>
      <c r="J74" s="353"/>
    </row>
    <row r="75" spans="2:10" s="410" customFormat="1" x14ac:dyDescent="0.2">
      <c r="F75" s="353"/>
      <c r="G75" s="353"/>
      <c r="H75" s="353"/>
      <c r="I75" s="353"/>
      <c r="J75" s="353"/>
    </row>
    <row r="76" spans="2:10" s="410" customFormat="1" x14ac:dyDescent="0.2">
      <c r="F76" s="353"/>
      <c r="G76" s="353"/>
      <c r="H76" s="353"/>
      <c r="I76" s="353"/>
      <c r="J76" s="353"/>
    </row>
    <row r="77" spans="2:10" s="410" customFormat="1" x14ac:dyDescent="0.2">
      <c r="F77" s="353"/>
      <c r="G77" s="353"/>
      <c r="H77" s="353"/>
      <c r="I77" s="353"/>
      <c r="J77" s="353"/>
    </row>
    <row r="78" spans="2:10" s="410" customFormat="1" x14ac:dyDescent="0.2">
      <c r="F78" s="353"/>
      <c r="G78" s="353"/>
      <c r="H78" s="353"/>
      <c r="I78" s="353"/>
      <c r="J78" s="353"/>
    </row>
    <row r="79" spans="2:10" s="410" customFormat="1" x14ac:dyDescent="0.2">
      <c r="F79" s="353"/>
      <c r="G79" s="353"/>
      <c r="H79" s="353"/>
      <c r="I79" s="353"/>
      <c r="J79" s="353"/>
    </row>
    <row r="80" spans="2:10" s="410" customFormat="1" x14ac:dyDescent="0.2">
      <c r="F80" s="353"/>
      <c r="G80" s="353"/>
      <c r="H80" s="353"/>
      <c r="I80" s="353"/>
      <c r="J80" s="353"/>
    </row>
    <row r="81" spans="6:10" s="410" customFormat="1" x14ac:dyDescent="0.2">
      <c r="F81" s="353"/>
      <c r="G81" s="353"/>
      <c r="H81" s="353"/>
      <c r="I81" s="353"/>
      <c r="J81" s="353"/>
    </row>
    <row r="82" spans="6:10" s="410" customFormat="1" x14ac:dyDescent="0.2">
      <c r="F82" s="353"/>
      <c r="G82" s="353"/>
      <c r="H82" s="353"/>
      <c r="I82" s="353"/>
      <c r="J82" s="353"/>
    </row>
    <row r="83" spans="6:10" s="410" customFormat="1" x14ac:dyDescent="0.2">
      <c r="F83" s="353"/>
      <c r="G83" s="353"/>
      <c r="H83" s="353"/>
      <c r="I83" s="353"/>
      <c r="J83" s="353"/>
    </row>
    <row r="84" spans="6:10" s="410" customFormat="1" x14ac:dyDescent="0.2">
      <c r="F84" s="353"/>
      <c r="G84" s="353"/>
      <c r="H84" s="353"/>
      <c r="I84" s="353"/>
      <c r="J84" s="353"/>
    </row>
    <row r="85" spans="6:10" s="410" customFormat="1" x14ac:dyDescent="0.2">
      <c r="F85" s="353"/>
      <c r="G85" s="353"/>
      <c r="H85" s="353"/>
      <c r="I85" s="353"/>
      <c r="J85" s="353"/>
    </row>
    <row r="86" spans="6:10" s="410" customFormat="1" x14ac:dyDescent="0.2">
      <c r="F86" s="353"/>
      <c r="G86" s="353"/>
      <c r="H86" s="353"/>
      <c r="I86" s="353"/>
      <c r="J86" s="353"/>
    </row>
    <row r="87" spans="6:10" s="410" customFormat="1" x14ac:dyDescent="0.2">
      <c r="F87" s="353"/>
      <c r="G87" s="353"/>
      <c r="H87" s="353"/>
      <c r="I87" s="353"/>
      <c r="J87" s="353"/>
    </row>
    <row r="88" spans="6:10" s="410" customFormat="1" x14ac:dyDescent="0.2">
      <c r="F88" s="353"/>
      <c r="G88" s="353"/>
      <c r="H88" s="353"/>
      <c r="I88" s="353"/>
      <c r="J88" s="353"/>
    </row>
    <row r="89" spans="6:10" s="410" customFormat="1" x14ac:dyDescent="0.2">
      <c r="F89" s="353"/>
      <c r="G89" s="353"/>
      <c r="H89" s="353"/>
      <c r="I89" s="353"/>
      <c r="J89" s="353"/>
    </row>
    <row r="90" spans="6:10" s="410" customFormat="1" x14ac:dyDescent="0.2">
      <c r="F90" s="353"/>
      <c r="G90" s="353"/>
      <c r="H90" s="353"/>
      <c r="I90" s="353"/>
      <c r="J90" s="353"/>
    </row>
    <row r="91" spans="6:10" s="410" customFormat="1" x14ac:dyDescent="0.2">
      <c r="F91" s="353"/>
      <c r="G91" s="353"/>
      <c r="H91" s="353"/>
      <c r="I91" s="353"/>
      <c r="J91" s="353"/>
    </row>
    <row r="92" spans="6:10" s="410" customFormat="1" x14ac:dyDescent="0.2">
      <c r="F92" s="353"/>
      <c r="G92" s="353"/>
      <c r="H92" s="353"/>
      <c r="I92" s="353"/>
      <c r="J92" s="353"/>
    </row>
    <row r="93" spans="6:10" s="410" customFormat="1" x14ac:dyDescent="0.2">
      <c r="F93" s="353"/>
      <c r="G93" s="353"/>
      <c r="H93" s="353"/>
      <c r="I93" s="353"/>
      <c r="J93" s="353"/>
    </row>
    <row r="94" spans="6:10" s="410" customFormat="1" x14ac:dyDescent="0.2">
      <c r="F94" s="353"/>
      <c r="G94" s="353"/>
      <c r="H94" s="353"/>
      <c r="I94" s="353"/>
      <c r="J94" s="353"/>
    </row>
    <row r="95" spans="6:10" s="410" customFormat="1" x14ac:dyDescent="0.2">
      <c r="F95" s="353"/>
      <c r="G95" s="353"/>
      <c r="H95" s="353"/>
      <c r="I95" s="353"/>
      <c r="J95" s="353"/>
    </row>
    <row r="96" spans="6:10" s="410" customFormat="1" x14ac:dyDescent="0.2">
      <c r="F96" s="353"/>
      <c r="G96" s="353"/>
      <c r="H96" s="353"/>
      <c r="I96" s="353"/>
      <c r="J96" s="353"/>
    </row>
    <row r="97" spans="6:10" s="410" customFormat="1" x14ac:dyDescent="0.2">
      <c r="F97" s="353"/>
      <c r="G97" s="353"/>
      <c r="H97" s="353"/>
      <c r="I97" s="353"/>
      <c r="J97" s="353"/>
    </row>
    <row r="98" spans="6:10" s="410" customFormat="1" x14ac:dyDescent="0.2">
      <c r="F98" s="353"/>
      <c r="G98" s="353"/>
      <c r="H98" s="353"/>
      <c r="I98" s="353"/>
      <c r="J98" s="353"/>
    </row>
    <row r="99" spans="6:10" s="410" customFormat="1" x14ac:dyDescent="0.2">
      <c r="F99" s="353"/>
      <c r="G99" s="353"/>
      <c r="H99" s="353"/>
      <c r="I99" s="353"/>
      <c r="J99" s="353"/>
    </row>
    <row r="100" spans="6:10" s="410" customFormat="1" x14ac:dyDescent="0.2">
      <c r="F100" s="353"/>
      <c r="G100" s="353"/>
      <c r="H100" s="353"/>
      <c r="I100" s="353"/>
      <c r="J100" s="353"/>
    </row>
    <row r="101" spans="6:10" s="410" customFormat="1" x14ac:dyDescent="0.2">
      <c r="F101" s="353"/>
      <c r="G101" s="353"/>
      <c r="H101" s="353"/>
      <c r="I101" s="353"/>
      <c r="J101" s="353"/>
    </row>
    <row r="102" spans="6:10" s="410" customFormat="1" x14ac:dyDescent="0.2">
      <c r="F102" s="353"/>
      <c r="G102" s="353"/>
      <c r="H102" s="353"/>
      <c r="I102" s="353"/>
      <c r="J102" s="353"/>
    </row>
    <row r="103" spans="6:10" s="410" customFormat="1" x14ac:dyDescent="0.2">
      <c r="F103" s="353"/>
      <c r="G103" s="353"/>
      <c r="H103" s="353"/>
      <c r="I103" s="353"/>
      <c r="J103" s="353"/>
    </row>
    <row r="104" spans="6:10" s="410" customFormat="1" x14ac:dyDescent="0.2">
      <c r="F104" s="353"/>
      <c r="G104" s="353"/>
      <c r="H104" s="353"/>
      <c r="I104" s="353"/>
      <c r="J104" s="353"/>
    </row>
    <row r="105" spans="6:10" s="410" customFormat="1" x14ac:dyDescent="0.2">
      <c r="F105" s="353"/>
      <c r="G105" s="353"/>
      <c r="H105" s="353"/>
      <c r="I105" s="353"/>
      <c r="J105" s="353"/>
    </row>
    <row r="106" spans="6:10" s="410" customFormat="1" x14ac:dyDescent="0.2">
      <c r="F106" s="353"/>
      <c r="G106" s="353"/>
      <c r="H106" s="353"/>
      <c r="I106" s="353"/>
      <c r="J106" s="353"/>
    </row>
    <row r="107" spans="6:10" s="410" customFormat="1" x14ac:dyDescent="0.2">
      <c r="F107" s="353"/>
      <c r="G107" s="353"/>
      <c r="H107" s="353"/>
      <c r="I107" s="353"/>
      <c r="J107" s="353"/>
    </row>
    <row r="108" spans="6:10" s="410" customFormat="1" x14ac:dyDescent="0.2">
      <c r="F108" s="353"/>
      <c r="G108" s="353"/>
      <c r="H108" s="353"/>
      <c r="I108" s="353"/>
      <c r="J108" s="353"/>
    </row>
    <row r="109" spans="6:10" s="410" customFormat="1" x14ac:dyDescent="0.2">
      <c r="F109" s="353"/>
      <c r="G109" s="353"/>
      <c r="H109" s="353"/>
      <c r="I109" s="353"/>
      <c r="J109" s="353"/>
    </row>
    <row r="110" spans="6:10" s="410" customFormat="1" x14ac:dyDescent="0.2">
      <c r="F110" s="353"/>
      <c r="G110" s="353"/>
      <c r="H110" s="353"/>
      <c r="I110" s="353"/>
      <c r="J110" s="353"/>
    </row>
    <row r="111" spans="6:10" s="410" customFormat="1" x14ac:dyDescent="0.2">
      <c r="F111" s="353"/>
      <c r="G111" s="353"/>
      <c r="H111" s="353"/>
      <c r="I111" s="353"/>
      <c r="J111" s="353"/>
    </row>
    <row r="112" spans="6:10" s="410" customFormat="1" x14ac:dyDescent="0.2">
      <c r="F112" s="353"/>
      <c r="G112" s="353"/>
      <c r="H112" s="353"/>
      <c r="I112" s="353"/>
      <c r="J112" s="353"/>
    </row>
    <row r="113" spans="6:10" s="410" customFormat="1" x14ac:dyDescent="0.2">
      <c r="F113" s="353"/>
      <c r="G113" s="353"/>
      <c r="H113" s="353"/>
      <c r="I113" s="353"/>
      <c r="J113" s="353"/>
    </row>
    <row r="114" spans="6:10" s="410" customFormat="1" x14ac:dyDescent="0.2">
      <c r="F114" s="353"/>
      <c r="G114" s="353"/>
      <c r="H114" s="353"/>
      <c r="I114" s="353"/>
      <c r="J114" s="353"/>
    </row>
    <row r="115" spans="6:10" s="410" customFormat="1" x14ac:dyDescent="0.2">
      <c r="F115" s="353"/>
      <c r="G115" s="353"/>
      <c r="H115" s="353"/>
      <c r="I115" s="353"/>
      <c r="J115" s="353"/>
    </row>
    <row r="116" spans="6:10" s="410" customFormat="1" x14ac:dyDescent="0.2">
      <c r="F116" s="353"/>
      <c r="G116" s="353"/>
      <c r="H116" s="353"/>
      <c r="I116" s="353"/>
      <c r="J116" s="353"/>
    </row>
    <row r="117" spans="6:10" s="410" customFormat="1" x14ac:dyDescent="0.2">
      <c r="F117" s="353"/>
      <c r="G117" s="353"/>
      <c r="H117" s="353"/>
      <c r="I117" s="353"/>
      <c r="J117" s="353"/>
    </row>
    <row r="118" spans="6:10" s="410" customFormat="1" x14ac:dyDescent="0.2">
      <c r="F118" s="353"/>
      <c r="G118" s="353"/>
      <c r="H118" s="353"/>
      <c r="I118" s="353"/>
      <c r="J118" s="353"/>
    </row>
    <row r="119" spans="6:10" s="410" customFormat="1" x14ac:dyDescent="0.2">
      <c r="F119" s="353"/>
      <c r="G119" s="353"/>
      <c r="H119" s="353"/>
      <c r="I119" s="353"/>
      <c r="J119" s="353"/>
    </row>
    <row r="120" spans="6:10" s="410" customFormat="1" x14ac:dyDescent="0.2">
      <c r="F120" s="353"/>
      <c r="G120" s="353"/>
      <c r="H120" s="353"/>
      <c r="I120" s="353"/>
      <c r="J120" s="353"/>
    </row>
    <row r="121" spans="6:10" s="410" customFormat="1" x14ac:dyDescent="0.2">
      <c r="F121" s="353"/>
      <c r="G121" s="353"/>
      <c r="H121" s="353"/>
      <c r="I121" s="353"/>
      <c r="J121" s="353"/>
    </row>
    <row r="122" spans="6:10" s="410" customFormat="1" x14ac:dyDescent="0.2">
      <c r="F122" s="353"/>
      <c r="G122" s="353"/>
      <c r="H122" s="353"/>
      <c r="I122" s="353"/>
      <c r="J122" s="353"/>
    </row>
    <row r="123" spans="6:10" s="410" customFormat="1" x14ac:dyDescent="0.2">
      <c r="F123" s="353"/>
      <c r="G123" s="353"/>
      <c r="H123" s="353"/>
      <c r="I123" s="353"/>
      <c r="J123" s="353"/>
    </row>
    <row r="124" spans="6:10" s="410" customFormat="1" x14ac:dyDescent="0.2">
      <c r="F124" s="353"/>
      <c r="G124" s="353"/>
      <c r="H124" s="353"/>
      <c r="I124" s="353"/>
      <c r="J124" s="353"/>
    </row>
    <row r="125" spans="6:10" s="410" customFormat="1" x14ac:dyDescent="0.2">
      <c r="F125" s="353"/>
      <c r="G125" s="353"/>
      <c r="H125" s="353"/>
      <c r="I125" s="353"/>
      <c r="J125" s="353"/>
    </row>
    <row r="126" spans="6:10" s="410" customFormat="1" x14ac:dyDescent="0.2">
      <c r="F126" s="353"/>
      <c r="G126" s="353"/>
      <c r="H126" s="353"/>
      <c r="I126" s="353"/>
      <c r="J126" s="353"/>
    </row>
    <row r="127" spans="6:10" s="410" customFormat="1" x14ac:dyDescent="0.2">
      <c r="F127" s="353"/>
      <c r="G127" s="353"/>
      <c r="H127" s="353"/>
      <c r="I127" s="353"/>
      <c r="J127" s="353"/>
    </row>
    <row r="128" spans="6:10" s="410" customFormat="1" x14ac:dyDescent="0.2">
      <c r="F128" s="353"/>
      <c r="G128" s="353"/>
      <c r="H128" s="353"/>
      <c r="I128" s="353"/>
      <c r="J128" s="353"/>
    </row>
    <row r="129" spans="6:10" s="410" customFormat="1" x14ac:dyDescent="0.2">
      <c r="F129" s="353"/>
      <c r="G129" s="353"/>
      <c r="H129" s="353"/>
      <c r="I129" s="353"/>
      <c r="J129" s="353"/>
    </row>
    <row r="130" spans="6:10" s="410" customFormat="1" x14ac:dyDescent="0.2">
      <c r="F130" s="353"/>
      <c r="G130" s="353"/>
      <c r="H130" s="353"/>
      <c r="I130" s="353"/>
      <c r="J130" s="353"/>
    </row>
    <row r="131" spans="6:10" s="410" customFormat="1" x14ac:dyDescent="0.2">
      <c r="F131" s="353"/>
      <c r="G131" s="353"/>
      <c r="H131" s="353"/>
      <c r="I131" s="353"/>
      <c r="J131" s="353"/>
    </row>
    <row r="132" spans="6:10" s="410" customFormat="1" x14ac:dyDescent="0.2">
      <c r="F132" s="353"/>
      <c r="G132" s="353"/>
      <c r="H132" s="353"/>
      <c r="I132" s="353"/>
      <c r="J132" s="353"/>
    </row>
    <row r="133" spans="6:10" s="410" customFormat="1" x14ac:dyDescent="0.2">
      <c r="F133" s="353"/>
      <c r="G133" s="353"/>
      <c r="H133" s="353"/>
      <c r="I133" s="353"/>
      <c r="J133" s="353"/>
    </row>
    <row r="134" spans="6:10" s="410" customFormat="1" x14ac:dyDescent="0.2">
      <c r="F134" s="353"/>
      <c r="G134" s="353"/>
      <c r="H134" s="353"/>
      <c r="I134" s="353"/>
      <c r="J134" s="353"/>
    </row>
    <row r="135" spans="6:10" s="410" customFormat="1" x14ac:dyDescent="0.2">
      <c r="F135" s="353"/>
      <c r="G135" s="353"/>
      <c r="H135" s="353"/>
      <c r="I135" s="353"/>
      <c r="J135" s="353"/>
    </row>
    <row r="136" spans="6:10" s="410" customFormat="1" x14ac:dyDescent="0.2">
      <c r="F136" s="353"/>
      <c r="G136" s="353"/>
      <c r="H136" s="353"/>
      <c r="I136" s="353"/>
      <c r="J136" s="353"/>
    </row>
    <row r="137" spans="6:10" s="410" customFormat="1" x14ac:dyDescent="0.2">
      <c r="F137" s="353"/>
      <c r="G137" s="353"/>
      <c r="H137" s="353"/>
      <c r="I137" s="353"/>
      <c r="J137" s="353"/>
    </row>
    <row r="138" spans="6:10" s="410" customFormat="1" x14ac:dyDescent="0.2">
      <c r="F138" s="353"/>
      <c r="G138" s="353"/>
      <c r="H138" s="353"/>
      <c r="I138" s="353"/>
      <c r="J138" s="353"/>
    </row>
    <row r="139" spans="6:10" s="410" customFormat="1" x14ac:dyDescent="0.2">
      <c r="F139" s="353"/>
      <c r="G139" s="353"/>
      <c r="H139" s="353"/>
      <c r="I139" s="353"/>
      <c r="J139" s="353"/>
    </row>
    <row r="140" spans="6:10" s="410" customFormat="1" x14ac:dyDescent="0.2">
      <c r="F140" s="353"/>
      <c r="G140" s="353"/>
      <c r="H140" s="353"/>
      <c r="I140" s="353"/>
      <c r="J140" s="353"/>
    </row>
    <row r="141" spans="6:10" s="410" customFormat="1" x14ac:dyDescent="0.2">
      <c r="F141" s="353"/>
      <c r="G141" s="353"/>
      <c r="H141" s="353"/>
      <c r="I141" s="353"/>
      <c r="J141" s="353"/>
    </row>
    <row r="142" spans="6:10" s="410" customFormat="1" x14ac:dyDescent="0.2">
      <c r="F142" s="353"/>
      <c r="G142" s="353"/>
      <c r="H142" s="353"/>
      <c r="I142" s="353"/>
      <c r="J142" s="353"/>
    </row>
    <row r="143" spans="6:10" s="410" customFormat="1" x14ac:dyDescent="0.2">
      <c r="F143" s="353"/>
      <c r="G143" s="353"/>
      <c r="H143" s="353"/>
      <c r="I143" s="353"/>
      <c r="J143" s="353"/>
    </row>
    <row r="144" spans="6:10" s="410" customFormat="1" x14ac:dyDescent="0.2">
      <c r="F144" s="353"/>
      <c r="G144" s="353"/>
      <c r="H144" s="353"/>
      <c r="I144" s="353"/>
      <c r="J144" s="353"/>
    </row>
    <row r="145" spans="6:10" s="410" customFormat="1" x14ac:dyDescent="0.2">
      <c r="F145" s="353"/>
      <c r="G145" s="353"/>
      <c r="H145" s="353"/>
      <c r="I145" s="353"/>
      <c r="J145" s="353"/>
    </row>
    <row r="146" spans="6:10" s="410" customFormat="1" x14ac:dyDescent="0.2">
      <c r="F146" s="353"/>
      <c r="G146" s="353"/>
      <c r="H146" s="353"/>
      <c r="I146" s="353"/>
      <c r="J146" s="353"/>
    </row>
    <row r="147" spans="6:10" s="410" customFormat="1" x14ac:dyDescent="0.2">
      <c r="F147" s="353"/>
      <c r="G147" s="353"/>
      <c r="H147" s="353"/>
      <c r="I147" s="353"/>
      <c r="J147" s="353"/>
    </row>
    <row r="148" spans="6:10" s="410" customFormat="1" x14ac:dyDescent="0.2">
      <c r="F148" s="353"/>
      <c r="G148" s="353"/>
      <c r="H148" s="353"/>
      <c r="I148" s="353"/>
      <c r="J148" s="353"/>
    </row>
    <row r="149" spans="6:10" s="410" customFormat="1" x14ac:dyDescent="0.2">
      <c r="F149" s="353"/>
      <c r="G149" s="353"/>
      <c r="H149" s="353"/>
      <c r="I149" s="353"/>
      <c r="J149" s="353"/>
    </row>
    <row r="150" spans="6:10" s="410" customFormat="1" x14ac:dyDescent="0.2">
      <c r="F150" s="353"/>
      <c r="G150" s="353"/>
      <c r="H150" s="353"/>
      <c r="I150" s="353"/>
      <c r="J150" s="353"/>
    </row>
    <row r="151" spans="6:10" s="410" customFormat="1" x14ac:dyDescent="0.2">
      <c r="F151" s="353"/>
      <c r="G151" s="353"/>
      <c r="H151" s="353"/>
      <c r="I151" s="353"/>
      <c r="J151" s="353"/>
    </row>
    <row r="152" spans="6:10" s="410" customFormat="1" x14ac:dyDescent="0.2">
      <c r="F152" s="353"/>
      <c r="G152" s="353"/>
      <c r="H152" s="353"/>
      <c r="I152" s="353"/>
      <c r="J152" s="353"/>
    </row>
    <row r="153" spans="6:10" s="410" customFormat="1" x14ac:dyDescent="0.2">
      <c r="F153" s="353"/>
      <c r="G153" s="353"/>
      <c r="H153" s="353"/>
      <c r="I153" s="353"/>
      <c r="J153" s="353"/>
    </row>
    <row r="154" spans="6:10" s="410" customFormat="1" x14ac:dyDescent="0.2">
      <c r="F154" s="353"/>
      <c r="G154" s="353"/>
      <c r="H154" s="353"/>
      <c r="I154" s="353"/>
      <c r="J154" s="353"/>
    </row>
    <row r="155" spans="6:10" s="410" customFormat="1" x14ac:dyDescent="0.2">
      <c r="F155" s="353"/>
      <c r="G155" s="353"/>
      <c r="H155" s="353"/>
      <c r="I155" s="353"/>
      <c r="J155" s="353"/>
    </row>
    <row r="156" spans="6:10" s="410" customFormat="1" x14ac:dyDescent="0.2">
      <c r="F156" s="353"/>
      <c r="G156" s="353"/>
      <c r="H156" s="353"/>
      <c r="I156" s="353"/>
      <c r="J156" s="353"/>
    </row>
    <row r="157" spans="6:10" s="410" customFormat="1" x14ac:dyDescent="0.2">
      <c r="F157" s="353"/>
      <c r="G157" s="353"/>
      <c r="H157" s="353"/>
      <c r="I157" s="353"/>
      <c r="J157" s="353"/>
    </row>
    <row r="158" spans="6:10" s="410" customFormat="1" x14ac:dyDescent="0.2">
      <c r="F158" s="353"/>
      <c r="G158" s="353"/>
      <c r="H158" s="353"/>
      <c r="I158" s="353"/>
      <c r="J158" s="353"/>
    </row>
    <row r="159" spans="6:10" s="410" customFormat="1" x14ac:dyDescent="0.2">
      <c r="F159" s="353"/>
      <c r="G159" s="353"/>
      <c r="H159" s="353"/>
      <c r="I159" s="353"/>
      <c r="J159" s="353"/>
    </row>
    <row r="160" spans="6:10" s="410" customFormat="1" x14ac:dyDescent="0.2">
      <c r="F160" s="353"/>
      <c r="G160" s="353"/>
      <c r="H160" s="353"/>
      <c r="I160" s="353"/>
      <c r="J160" s="353"/>
    </row>
    <row r="161" spans="6:10" s="410" customFormat="1" x14ac:dyDescent="0.2">
      <c r="F161" s="353"/>
      <c r="G161" s="353"/>
      <c r="H161" s="353"/>
      <c r="I161" s="353"/>
      <c r="J161" s="353"/>
    </row>
    <row r="162" spans="6:10" s="410" customFormat="1" x14ac:dyDescent="0.2">
      <c r="F162" s="353"/>
      <c r="G162" s="353"/>
      <c r="H162" s="353"/>
      <c r="I162" s="353"/>
      <c r="J162" s="353"/>
    </row>
    <row r="163" spans="6:10" s="410" customFormat="1" x14ac:dyDescent="0.2">
      <c r="F163" s="353"/>
      <c r="G163" s="353"/>
      <c r="H163" s="353"/>
      <c r="I163" s="353"/>
      <c r="J163" s="353"/>
    </row>
    <row r="164" spans="6:10" s="410" customFormat="1" x14ac:dyDescent="0.2">
      <c r="F164" s="353"/>
      <c r="G164" s="353"/>
      <c r="H164" s="353"/>
      <c r="I164" s="353"/>
      <c r="J164" s="353"/>
    </row>
    <row r="165" spans="6:10" s="410" customFormat="1" x14ac:dyDescent="0.2">
      <c r="F165" s="353"/>
      <c r="G165" s="353"/>
      <c r="H165" s="353"/>
      <c r="I165" s="353"/>
      <c r="J165" s="353"/>
    </row>
    <row r="166" spans="6:10" s="410" customFormat="1" x14ac:dyDescent="0.2">
      <c r="F166" s="353"/>
      <c r="G166" s="353"/>
      <c r="H166" s="353"/>
      <c r="I166" s="353"/>
      <c r="J166" s="353"/>
    </row>
    <row r="167" spans="6:10" s="410" customFormat="1" x14ac:dyDescent="0.2">
      <c r="F167" s="353"/>
      <c r="G167" s="353"/>
      <c r="H167" s="353"/>
      <c r="I167" s="353"/>
      <c r="J167" s="353"/>
    </row>
    <row r="168" spans="6:10" s="410" customFormat="1" x14ac:dyDescent="0.2">
      <c r="F168" s="353"/>
      <c r="G168" s="353"/>
      <c r="H168" s="353"/>
      <c r="I168" s="353"/>
      <c r="J168" s="353"/>
    </row>
    <row r="169" spans="6:10" s="410" customFormat="1" x14ac:dyDescent="0.2">
      <c r="F169" s="353"/>
      <c r="G169" s="353"/>
      <c r="H169" s="353"/>
      <c r="I169" s="353"/>
      <c r="J169" s="353"/>
    </row>
    <row r="170" spans="6:10" s="410" customFormat="1" x14ac:dyDescent="0.2">
      <c r="F170" s="353"/>
      <c r="G170" s="353"/>
      <c r="H170" s="353"/>
      <c r="I170" s="353"/>
      <c r="J170" s="353"/>
    </row>
    <row r="171" spans="6:10" s="410" customFormat="1" x14ac:dyDescent="0.2">
      <c r="F171" s="353"/>
      <c r="G171" s="353"/>
      <c r="H171" s="353"/>
      <c r="I171" s="353"/>
      <c r="J171" s="353"/>
    </row>
    <row r="172" spans="6:10" s="410" customFormat="1" x14ac:dyDescent="0.2">
      <c r="F172" s="353"/>
      <c r="G172" s="353"/>
      <c r="H172" s="353"/>
      <c r="I172" s="353"/>
      <c r="J172" s="353"/>
    </row>
    <row r="173" spans="6:10" s="410" customFormat="1" x14ac:dyDescent="0.2">
      <c r="F173" s="353"/>
      <c r="G173" s="353"/>
      <c r="H173" s="353"/>
      <c r="I173" s="353"/>
      <c r="J173" s="353"/>
    </row>
    <row r="174" spans="6:10" s="410" customFormat="1" x14ac:dyDescent="0.2">
      <c r="F174" s="353"/>
      <c r="G174" s="353"/>
      <c r="H174" s="353"/>
      <c r="I174" s="353"/>
      <c r="J174" s="353"/>
    </row>
    <row r="175" spans="6:10" s="410" customFormat="1" x14ac:dyDescent="0.2">
      <c r="F175" s="353"/>
      <c r="G175" s="353"/>
      <c r="H175" s="353"/>
      <c r="I175" s="353"/>
      <c r="J175" s="353"/>
    </row>
    <row r="176" spans="6:10" s="410" customFormat="1" x14ac:dyDescent="0.2">
      <c r="F176" s="353"/>
      <c r="G176" s="353"/>
      <c r="H176" s="353"/>
      <c r="I176" s="353"/>
      <c r="J176" s="353"/>
    </row>
    <row r="177" spans="6:10" s="410" customFormat="1" x14ac:dyDescent="0.2">
      <c r="F177" s="353"/>
      <c r="G177" s="353"/>
      <c r="H177" s="353"/>
      <c r="I177" s="353"/>
      <c r="J177" s="353"/>
    </row>
    <row r="178" spans="6:10" s="410" customFormat="1" x14ac:dyDescent="0.2">
      <c r="F178" s="353"/>
      <c r="G178" s="353"/>
      <c r="H178" s="353"/>
      <c r="I178" s="353"/>
      <c r="J178" s="353"/>
    </row>
    <row r="179" spans="6:10" s="410" customFormat="1" x14ac:dyDescent="0.2">
      <c r="F179" s="353"/>
      <c r="G179" s="353"/>
      <c r="H179" s="353"/>
      <c r="I179" s="353"/>
      <c r="J179" s="353"/>
    </row>
    <row r="180" spans="6:10" s="410" customFormat="1" x14ac:dyDescent="0.2">
      <c r="F180" s="353"/>
      <c r="G180" s="353"/>
      <c r="H180" s="353"/>
      <c r="I180" s="353"/>
      <c r="J180" s="353"/>
    </row>
    <row r="181" spans="6:10" s="410" customFormat="1" x14ac:dyDescent="0.2">
      <c r="F181" s="353"/>
      <c r="G181" s="353"/>
      <c r="H181" s="353"/>
      <c r="I181" s="353"/>
      <c r="J181" s="353"/>
    </row>
    <row r="182" spans="6:10" s="410" customFormat="1" x14ac:dyDescent="0.2">
      <c r="F182" s="353"/>
      <c r="G182" s="353"/>
      <c r="H182" s="353"/>
      <c r="I182" s="353"/>
      <c r="J182" s="353"/>
    </row>
    <row r="183" spans="6:10" s="410" customFormat="1" x14ac:dyDescent="0.2">
      <c r="F183" s="353"/>
      <c r="G183" s="353"/>
      <c r="H183" s="353"/>
      <c r="I183" s="353"/>
      <c r="J183" s="353"/>
    </row>
    <row r="184" spans="6:10" s="410" customFormat="1" x14ac:dyDescent="0.2">
      <c r="F184" s="353"/>
      <c r="G184" s="353"/>
      <c r="H184" s="353"/>
      <c r="I184" s="353"/>
      <c r="J184" s="353"/>
    </row>
    <row r="185" spans="6:10" s="410" customFormat="1" x14ac:dyDescent="0.2">
      <c r="F185" s="353"/>
      <c r="G185" s="353"/>
      <c r="H185" s="353"/>
      <c r="I185" s="353"/>
      <c r="J185" s="353"/>
    </row>
    <row r="186" spans="6:10" s="410" customFormat="1" x14ac:dyDescent="0.2">
      <c r="F186" s="353"/>
      <c r="G186" s="353"/>
      <c r="H186" s="353"/>
      <c r="I186" s="353"/>
      <c r="J186" s="353"/>
    </row>
    <row r="187" spans="6:10" s="410" customFormat="1" x14ac:dyDescent="0.2">
      <c r="F187" s="353"/>
      <c r="G187" s="353"/>
      <c r="H187" s="353"/>
      <c r="I187" s="353"/>
      <c r="J187" s="353"/>
    </row>
    <row r="188" spans="6:10" s="410" customFormat="1" x14ac:dyDescent="0.2">
      <c r="F188" s="353"/>
      <c r="G188" s="353"/>
      <c r="H188" s="353"/>
      <c r="I188" s="353"/>
      <c r="J188" s="353"/>
    </row>
    <row r="189" spans="6:10" s="410" customFormat="1" x14ac:dyDescent="0.2">
      <c r="F189" s="353"/>
      <c r="G189" s="353"/>
      <c r="H189" s="353"/>
      <c r="I189" s="353"/>
      <c r="J189" s="353"/>
    </row>
    <row r="190" spans="6:10" s="410" customFormat="1" x14ac:dyDescent="0.2">
      <c r="F190" s="353"/>
      <c r="G190" s="353"/>
      <c r="H190" s="353"/>
      <c r="I190" s="353"/>
      <c r="J190" s="353"/>
    </row>
    <row r="191" spans="6:10" s="410" customFormat="1" x14ac:dyDescent="0.2">
      <c r="F191" s="353"/>
      <c r="G191" s="353"/>
      <c r="H191" s="353"/>
      <c r="I191" s="353"/>
      <c r="J191" s="353"/>
    </row>
    <row r="192" spans="6:10" s="410" customFormat="1" x14ac:dyDescent="0.2">
      <c r="F192" s="353"/>
      <c r="G192" s="353"/>
      <c r="H192" s="353"/>
      <c r="I192" s="353"/>
      <c r="J192" s="353"/>
    </row>
    <row r="193" spans="6:10" s="410" customFormat="1" x14ac:dyDescent="0.2">
      <c r="F193" s="353"/>
      <c r="G193" s="353"/>
      <c r="H193" s="353"/>
      <c r="I193" s="353"/>
      <c r="J193" s="353"/>
    </row>
    <row r="194" spans="6:10" s="410" customFormat="1" x14ac:dyDescent="0.2">
      <c r="F194" s="353"/>
      <c r="G194" s="353"/>
      <c r="H194" s="353"/>
      <c r="I194" s="353"/>
      <c r="J194" s="353"/>
    </row>
    <row r="195" spans="6:10" s="410" customFormat="1" x14ac:dyDescent="0.2">
      <c r="F195" s="353"/>
      <c r="G195" s="353"/>
      <c r="H195" s="353"/>
      <c r="I195" s="353"/>
      <c r="J195" s="353"/>
    </row>
    <row r="196" spans="6:10" s="410" customFormat="1" x14ac:dyDescent="0.2">
      <c r="F196" s="353"/>
      <c r="G196" s="353"/>
      <c r="H196" s="353"/>
      <c r="I196" s="353"/>
      <c r="J196" s="353"/>
    </row>
    <row r="197" spans="6:10" s="410" customFormat="1" x14ac:dyDescent="0.2">
      <c r="F197" s="353"/>
      <c r="G197" s="353"/>
      <c r="H197" s="353"/>
      <c r="I197" s="353"/>
      <c r="J197" s="353"/>
    </row>
    <row r="198" spans="6:10" s="410" customFormat="1" x14ac:dyDescent="0.2">
      <c r="F198" s="353"/>
      <c r="G198" s="353"/>
      <c r="H198" s="353"/>
      <c r="I198" s="353"/>
      <c r="J198" s="353"/>
    </row>
    <row r="199" spans="6:10" s="410" customFormat="1" x14ac:dyDescent="0.2">
      <c r="F199" s="353"/>
      <c r="G199" s="353"/>
      <c r="H199" s="353"/>
      <c r="I199" s="353"/>
      <c r="J199" s="353"/>
    </row>
    <row r="200" spans="6:10" s="410" customFormat="1" x14ac:dyDescent="0.2">
      <c r="F200" s="353"/>
      <c r="G200" s="353"/>
      <c r="H200" s="353"/>
      <c r="I200" s="353"/>
      <c r="J200" s="353"/>
    </row>
    <row r="201" spans="6:10" s="410" customFormat="1" x14ac:dyDescent="0.2">
      <c r="F201" s="353"/>
      <c r="G201" s="353"/>
      <c r="H201" s="353"/>
      <c r="I201" s="353"/>
      <c r="J201" s="353"/>
    </row>
    <row r="202" spans="6:10" s="410" customFormat="1" x14ac:dyDescent="0.2">
      <c r="F202" s="353"/>
      <c r="G202" s="353"/>
      <c r="H202" s="353"/>
      <c r="I202" s="353"/>
      <c r="J202" s="353"/>
    </row>
    <row r="203" spans="6:10" s="410" customFormat="1" x14ac:dyDescent="0.2">
      <c r="F203" s="353"/>
      <c r="G203" s="353"/>
      <c r="H203" s="353"/>
      <c r="I203" s="353"/>
      <c r="J203" s="353"/>
    </row>
    <row r="204" spans="6:10" s="410" customFormat="1" x14ac:dyDescent="0.2">
      <c r="F204" s="353"/>
      <c r="G204" s="353"/>
      <c r="H204" s="353"/>
      <c r="I204" s="353"/>
      <c r="J204" s="353"/>
    </row>
    <row r="205" spans="6:10" s="410" customFormat="1" x14ac:dyDescent="0.2">
      <c r="F205" s="353"/>
      <c r="G205" s="353"/>
      <c r="H205" s="353"/>
      <c r="I205" s="353"/>
      <c r="J205" s="353"/>
    </row>
    <row r="206" spans="6:10" s="410" customFormat="1" x14ac:dyDescent="0.2">
      <c r="F206" s="353"/>
      <c r="G206" s="353"/>
      <c r="H206" s="353"/>
      <c r="I206" s="353"/>
      <c r="J206" s="353"/>
    </row>
    <row r="207" spans="6:10" s="410" customFormat="1" x14ac:dyDescent="0.2">
      <c r="F207" s="353"/>
      <c r="G207" s="353"/>
      <c r="H207" s="353"/>
      <c r="I207" s="353"/>
      <c r="J207" s="353"/>
    </row>
    <row r="208" spans="6:10" s="410" customFormat="1" x14ac:dyDescent="0.2">
      <c r="F208" s="353"/>
      <c r="G208" s="353"/>
      <c r="H208" s="353"/>
      <c r="I208" s="353"/>
      <c r="J208" s="353"/>
    </row>
    <row r="209" spans="6:10" s="410" customFormat="1" x14ac:dyDescent="0.2">
      <c r="F209" s="353"/>
      <c r="G209" s="353"/>
      <c r="H209" s="353"/>
      <c r="I209" s="353"/>
      <c r="J209" s="353"/>
    </row>
    <row r="210" spans="6:10" s="410" customFormat="1" x14ac:dyDescent="0.2">
      <c r="F210" s="353"/>
      <c r="G210" s="353"/>
      <c r="H210" s="353"/>
      <c r="I210" s="353"/>
      <c r="J210" s="353"/>
    </row>
    <row r="211" spans="6:10" s="410" customFormat="1" x14ac:dyDescent="0.2">
      <c r="F211" s="353"/>
      <c r="G211" s="353"/>
      <c r="H211" s="353"/>
      <c r="I211" s="353"/>
      <c r="J211" s="353"/>
    </row>
    <row r="212" spans="6:10" s="410" customFormat="1" x14ac:dyDescent="0.2">
      <c r="F212" s="353"/>
      <c r="G212" s="353"/>
      <c r="H212" s="353"/>
      <c r="I212" s="353"/>
      <c r="J212" s="353"/>
    </row>
    <row r="213" spans="6:10" s="410" customFormat="1" x14ac:dyDescent="0.2">
      <c r="F213" s="353"/>
      <c r="G213" s="353"/>
      <c r="H213" s="353"/>
      <c r="I213" s="353"/>
      <c r="J213" s="353"/>
    </row>
    <row r="214" spans="6:10" s="410" customFormat="1" x14ac:dyDescent="0.2">
      <c r="F214" s="353"/>
      <c r="G214" s="353"/>
      <c r="H214" s="353"/>
      <c r="I214" s="353"/>
      <c r="J214" s="353"/>
    </row>
    <row r="215" spans="6:10" s="410" customFormat="1" x14ac:dyDescent="0.2">
      <c r="F215" s="353"/>
      <c r="G215" s="353"/>
      <c r="H215" s="353"/>
      <c r="I215" s="353"/>
      <c r="J215" s="353"/>
    </row>
    <row r="216" spans="6:10" s="410" customFormat="1" x14ac:dyDescent="0.2">
      <c r="F216" s="353"/>
      <c r="G216" s="353"/>
      <c r="H216" s="353"/>
      <c r="I216" s="353"/>
      <c r="J216" s="353"/>
    </row>
    <row r="217" spans="6:10" s="410" customFormat="1" x14ac:dyDescent="0.2">
      <c r="F217" s="353"/>
      <c r="G217" s="353"/>
      <c r="H217" s="353"/>
      <c r="I217" s="353"/>
      <c r="J217" s="353"/>
    </row>
    <row r="218" spans="6:10" s="410" customFormat="1" x14ac:dyDescent="0.2">
      <c r="F218" s="353"/>
      <c r="G218" s="353"/>
      <c r="H218" s="353"/>
      <c r="I218" s="353"/>
      <c r="J218" s="353"/>
    </row>
    <row r="219" spans="6:10" s="410" customFormat="1" x14ac:dyDescent="0.2">
      <c r="F219" s="353"/>
      <c r="G219" s="353"/>
      <c r="H219" s="353"/>
      <c r="I219" s="353"/>
      <c r="J219" s="353"/>
    </row>
    <row r="220" spans="6:10" s="410" customFormat="1" x14ac:dyDescent="0.2">
      <c r="F220" s="353"/>
      <c r="G220" s="353"/>
      <c r="H220" s="353"/>
      <c r="I220" s="353"/>
      <c r="J220" s="353"/>
    </row>
    <row r="221" spans="6:10" s="410" customFormat="1" x14ac:dyDescent="0.2">
      <c r="F221" s="353"/>
      <c r="G221" s="353"/>
      <c r="H221" s="353"/>
      <c r="I221" s="353"/>
      <c r="J221" s="353"/>
    </row>
    <row r="222" spans="6:10" s="410" customFormat="1" x14ac:dyDescent="0.2">
      <c r="F222" s="353"/>
      <c r="G222" s="353"/>
      <c r="H222" s="353"/>
      <c r="I222" s="353"/>
      <c r="J222" s="353"/>
    </row>
    <row r="223" spans="6:10" s="410" customFormat="1" x14ac:dyDescent="0.2">
      <c r="F223" s="353"/>
      <c r="G223" s="353"/>
      <c r="H223" s="353"/>
      <c r="I223" s="353"/>
      <c r="J223" s="353"/>
    </row>
    <row r="224" spans="6:10" s="410" customFormat="1" x14ac:dyDescent="0.2">
      <c r="F224" s="353"/>
      <c r="G224" s="353"/>
      <c r="H224" s="353"/>
      <c r="I224" s="353"/>
      <c r="J224" s="353"/>
    </row>
    <row r="225" spans="6:10" s="410" customFormat="1" x14ac:dyDescent="0.2">
      <c r="F225" s="353"/>
      <c r="G225" s="353"/>
      <c r="H225" s="353"/>
      <c r="I225" s="353"/>
      <c r="J225" s="353"/>
    </row>
    <row r="226" spans="6:10" s="410" customFormat="1" x14ac:dyDescent="0.2">
      <c r="F226" s="353"/>
      <c r="G226" s="353"/>
      <c r="H226" s="353"/>
      <c r="I226" s="353"/>
      <c r="J226" s="353"/>
    </row>
    <row r="227" spans="6:10" s="410" customFormat="1" x14ac:dyDescent="0.2">
      <c r="F227" s="353"/>
      <c r="G227" s="353"/>
      <c r="H227" s="353"/>
      <c r="I227" s="353"/>
      <c r="J227" s="353"/>
    </row>
    <row r="228" spans="6:10" s="410" customFormat="1" x14ac:dyDescent="0.2">
      <c r="F228" s="353"/>
      <c r="G228" s="353"/>
      <c r="H228" s="353"/>
      <c r="I228" s="353"/>
      <c r="J228" s="353"/>
    </row>
    <row r="229" spans="6:10" s="410" customFormat="1" x14ac:dyDescent="0.2">
      <c r="F229" s="353"/>
      <c r="G229" s="353"/>
      <c r="H229" s="353"/>
      <c r="I229" s="353"/>
      <c r="J229" s="353"/>
    </row>
    <row r="230" spans="6:10" s="410" customFormat="1" x14ac:dyDescent="0.2">
      <c r="F230" s="353"/>
      <c r="G230" s="353"/>
      <c r="H230" s="353"/>
      <c r="I230" s="353"/>
      <c r="J230" s="353"/>
    </row>
    <row r="231" spans="6:10" s="410" customFormat="1" x14ac:dyDescent="0.2">
      <c r="F231" s="353"/>
      <c r="G231" s="353"/>
      <c r="H231" s="353"/>
      <c r="I231" s="353"/>
      <c r="J231" s="353"/>
    </row>
    <row r="232" spans="6:10" s="410" customFormat="1" x14ac:dyDescent="0.2">
      <c r="F232" s="353"/>
      <c r="G232" s="353"/>
      <c r="H232" s="353"/>
      <c r="I232" s="353"/>
      <c r="J232" s="353"/>
    </row>
    <row r="233" spans="6:10" s="410" customFormat="1" x14ac:dyDescent="0.2">
      <c r="F233" s="353"/>
      <c r="G233" s="353"/>
      <c r="H233" s="353"/>
      <c r="I233" s="353"/>
      <c r="J233" s="353"/>
    </row>
    <row r="234" spans="6:10" s="410" customFormat="1" x14ac:dyDescent="0.2">
      <c r="F234" s="353"/>
      <c r="G234" s="353"/>
      <c r="H234" s="353"/>
      <c r="I234" s="353"/>
      <c r="J234" s="353"/>
    </row>
    <row r="235" spans="6:10" s="410" customFormat="1" x14ac:dyDescent="0.2">
      <c r="F235" s="353"/>
      <c r="G235" s="353"/>
      <c r="H235" s="353"/>
      <c r="I235" s="353"/>
      <c r="J235" s="353"/>
    </row>
    <row r="236" spans="6:10" s="410" customFormat="1" x14ac:dyDescent="0.2">
      <c r="F236" s="353"/>
      <c r="G236" s="353"/>
      <c r="H236" s="353"/>
      <c r="I236" s="353"/>
      <c r="J236" s="353"/>
    </row>
    <row r="237" spans="6:10" s="410" customFormat="1" x14ac:dyDescent="0.2">
      <c r="F237" s="353"/>
      <c r="G237" s="353"/>
      <c r="H237" s="353"/>
      <c r="I237" s="353"/>
      <c r="J237" s="353"/>
    </row>
    <row r="238" spans="6:10" s="410" customFormat="1" x14ac:dyDescent="0.2">
      <c r="F238" s="353"/>
      <c r="G238" s="353"/>
      <c r="H238" s="353"/>
      <c r="I238" s="353"/>
      <c r="J238" s="353"/>
    </row>
    <row r="239" spans="6:10" s="410" customFormat="1" x14ac:dyDescent="0.2">
      <c r="F239" s="353"/>
      <c r="G239" s="353"/>
      <c r="H239" s="353"/>
      <c r="I239" s="353"/>
      <c r="J239" s="353"/>
    </row>
    <row r="240" spans="6:10" s="410" customFormat="1" x14ac:dyDescent="0.2">
      <c r="F240" s="353"/>
      <c r="G240" s="353"/>
      <c r="H240" s="353"/>
      <c r="I240" s="353"/>
      <c r="J240" s="353"/>
    </row>
    <row r="241" spans="6:10" s="410" customFormat="1" x14ac:dyDescent="0.2">
      <c r="F241" s="353"/>
      <c r="G241" s="353"/>
      <c r="H241" s="353"/>
      <c r="I241" s="353"/>
      <c r="J241" s="353"/>
    </row>
    <row r="242" spans="6:10" s="410" customFormat="1" x14ac:dyDescent="0.2">
      <c r="F242" s="353"/>
      <c r="G242" s="353"/>
      <c r="H242" s="353"/>
      <c r="I242" s="353"/>
      <c r="J242" s="353"/>
    </row>
    <row r="243" spans="6:10" s="410" customFormat="1" x14ac:dyDescent="0.2">
      <c r="F243" s="353"/>
      <c r="G243" s="353"/>
      <c r="H243" s="353"/>
      <c r="I243" s="353"/>
      <c r="J243" s="353"/>
    </row>
    <row r="244" spans="6:10" s="410" customFormat="1" x14ac:dyDescent="0.2">
      <c r="F244" s="353"/>
      <c r="G244" s="353"/>
      <c r="H244" s="353"/>
      <c r="I244" s="353"/>
      <c r="J244" s="353"/>
    </row>
    <row r="245" spans="6:10" s="410" customFormat="1" x14ac:dyDescent="0.2">
      <c r="F245" s="353"/>
      <c r="G245" s="353"/>
      <c r="H245" s="353"/>
      <c r="I245" s="353"/>
      <c r="J245" s="353"/>
    </row>
    <row r="246" spans="6:10" s="410" customFormat="1" x14ac:dyDescent="0.2">
      <c r="F246" s="353"/>
      <c r="G246" s="353"/>
      <c r="H246" s="353"/>
      <c r="I246" s="353"/>
      <c r="J246" s="353"/>
    </row>
    <row r="247" spans="6:10" s="410" customFormat="1" x14ac:dyDescent="0.2">
      <c r="F247" s="353"/>
      <c r="G247" s="353"/>
      <c r="H247" s="353"/>
      <c r="I247" s="353"/>
      <c r="J247" s="353"/>
    </row>
    <row r="248" spans="6:10" s="410" customFormat="1" x14ac:dyDescent="0.2">
      <c r="F248" s="353"/>
      <c r="G248" s="353"/>
      <c r="H248" s="353"/>
      <c r="I248" s="353"/>
      <c r="J248" s="353"/>
    </row>
    <row r="249" spans="6:10" s="410" customFormat="1" x14ac:dyDescent="0.2">
      <c r="F249" s="353"/>
      <c r="G249" s="353"/>
      <c r="H249" s="353"/>
      <c r="I249" s="353"/>
      <c r="J249" s="353"/>
    </row>
    <row r="250" spans="6:10" s="410" customFormat="1" x14ac:dyDescent="0.2">
      <c r="F250" s="353"/>
      <c r="G250" s="353"/>
      <c r="H250" s="353"/>
      <c r="I250" s="353"/>
      <c r="J250" s="353"/>
    </row>
    <row r="251" spans="6:10" s="410" customFormat="1" x14ac:dyDescent="0.2">
      <c r="F251" s="353"/>
      <c r="G251" s="353"/>
      <c r="H251" s="353"/>
      <c r="I251" s="353"/>
      <c r="J251" s="353"/>
    </row>
    <row r="252" spans="6:10" s="410" customFormat="1" x14ac:dyDescent="0.2">
      <c r="F252" s="353"/>
      <c r="G252" s="353"/>
      <c r="H252" s="353"/>
      <c r="I252" s="353"/>
      <c r="J252" s="353"/>
    </row>
    <row r="253" spans="6:10" s="410" customFormat="1" x14ac:dyDescent="0.2">
      <c r="F253" s="353"/>
      <c r="G253" s="353"/>
      <c r="H253" s="353"/>
      <c r="I253" s="353"/>
      <c r="J253" s="353"/>
    </row>
    <row r="254" spans="6:10" s="410" customFormat="1" x14ac:dyDescent="0.2">
      <c r="F254" s="353"/>
      <c r="G254" s="353"/>
      <c r="H254" s="353"/>
      <c r="I254" s="353"/>
      <c r="J254" s="353"/>
    </row>
    <row r="255" spans="6:10" s="410" customFormat="1" x14ac:dyDescent="0.2">
      <c r="F255" s="353"/>
      <c r="G255" s="353"/>
      <c r="H255" s="353"/>
      <c r="I255" s="353"/>
      <c r="J255" s="353"/>
    </row>
    <row r="256" spans="6:10" s="410" customFormat="1" x14ac:dyDescent="0.2">
      <c r="F256" s="353"/>
      <c r="G256" s="353"/>
      <c r="H256" s="353"/>
      <c r="I256" s="353"/>
      <c r="J256" s="353"/>
    </row>
    <row r="257" spans="6:10" s="410" customFormat="1" x14ac:dyDescent="0.2">
      <c r="F257" s="353"/>
      <c r="G257" s="353"/>
      <c r="H257" s="353"/>
      <c r="I257" s="353"/>
      <c r="J257" s="353"/>
    </row>
    <row r="258" spans="6:10" s="410" customFormat="1" x14ac:dyDescent="0.2">
      <c r="F258" s="353"/>
      <c r="G258" s="353"/>
      <c r="H258" s="353"/>
      <c r="I258" s="353"/>
      <c r="J258" s="353"/>
    </row>
    <row r="259" spans="6:10" s="410" customFormat="1" x14ac:dyDescent="0.2">
      <c r="F259" s="353"/>
      <c r="G259" s="353"/>
      <c r="H259" s="353"/>
      <c r="I259" s="353"/>
      <c r="J259" s="353"/>
    </row>
    <row r="260" spans="6:10" s="410" customFormat="1" x14ac:dyDescent="0.2">
      <c r="F260" s="353"/>
      <c r="G260" s="353"/>
      <c r="H260" s="353"/>
      <c r="I260" s="353"/>
      <c r="J260" s="353"/>
    </row>
    <row r="261" spans="6:10" s="410" customFormat="1" x14ac:dyDescent="0.2">
      <c r="F261" s="353"/>
      <c r="G261" s="353"/>
      <c r="H261" s="353"/>
      <c r="I261" s="353"/>
      <c r="J261" s="353"/>
    </row>
    <row r="262" spans="6:10" s="410" customFormat="1" x14ac:dyDescent="0.2">
      <c r="F262" s="353"/>
      <c r="G262" s="353"/>
      <c r="H262" s="353"/>
      <c r="I262" s="353"/>
      <c r="J262" s="353"/>
    </row>
    <row r="263" spans="6:10" s="410" customFormat="1" x14ac:dyDescent="0.2">
      <c r="F263" s="353"/>
      <c r="G263" s="353"/>
      <c r="H263" s="353"/>
      <c r="I263" s="353"/>
      <c r="J263" s="353"/>
    </row>
    <row r="264" spans="6:10" s="410" customFormat="1" x14ac:dyDescent="0.2">
      <c r="F264" s="353"/>
      <c r="G264" s="353"/>
      <c r="H264" s="353"/>
      <c r="I264" s="353"/>
      <c r="J264" s="353"/>
    </row>
    <row r="265" spans="6:10" s="410" customFormat="1" x14ac:dyDescent="0.2">
      <c r="F265" s="353"/>
      <c r="G265" s="353"/>
      <c r="H265" s="353"/>
      <c r="I265" s="353"/>
      <c r="J265" s="353"/>
    </row>
    <row r="266" spans="6:10" s="410" customFormat="1" x14ac:dyDescent="0.2">
      <c r="F266" s="353"/>
      <c r="G266" s="353"/>
      <c r="H266" s="353"/>
      <c r="I266" s="353"/>
      <c r="J266" s="353"/>
    </row>
    <row r="267" spans="6:10" s="410" customFormat="1" x14ac:dyDescent="0.2">
      <c r="F267" s="353"/>
      <c r="G267" s="353"/>
      <c r="H267" s="353"/>
      <c r="I267" s="353"/>
      <c r="J267" s="353"/>
    </row>
    <row r="268" spans="6:10" s="410" customFormat="1" x14ac:dyDescent="0.2">
      <c r="F268" s="353"/>
      <c r="G268" s="353"/>
      <c r="H268" s="353"/>
      <c r="I268" s="353"/>
      <c r="J268" s="353"/>
    </row>
    <row r="269" spans="6:10" s="410" customFormat="1" x14ac:dyDescent="0.2">
      <c r="F269" s="353"/>
      <c r="G269" s="353"/>
      <c r="H269" s="353"/>
      <c r="I269" s="353"/>
      <c r="J269" s="353"/>
    </row>
    <row r="270" spans="6:10" s="410" customFormat="1" x14ac:dyDescent="0.2">
      <c r="F270" s="353"/>
      <c r="G270" s="353"/>
      <c r="H270" s="353"/>
      <c r="I270" s="353"/>
      <c r="J270" s="353"/>
    </row>
    <row r="271" spans="6:10" s="410" customFormat="1" x14ac:dyDescent="0.2">
      <c r="F271" s="353"/>
      <c r="G271" s="353"/>
      <c r="H271" s="353"/>
      <c r="I271" s="353"/>
      <c r="J271" s="353"/>
    </row>
    <row r="272" spans="6:10" s="410" customFormat="1" x14ac:dyDescent="0.2">
      <c r="F272" s="353"/>
      <c r="G272" s="353"/>
      <c r="H272" s="353"/>
      <c r="I272" s="353"/>
      <c r="J272" s="353"/>
    </row>
    <row r="273" spans="6:10" s="410" customFormat="1" x14ac:dyDescent="0.2">
      <c r="F273" s="353"/>
      <c r="G273" s="353"/>
      <c r="H273" s="353"/>
      <c r="I273" s="353"/>
      <c r="J273" s="353"/>
    </row>
    <row r="274" spans="6:10" s="410" customFormat="1" x14ac:dyDescent="0.2">
      <c r="F274" s="353"/>
      <c r="G274" s="353"/>
      <c r="H274" s="353"/>
      <c r="I274" s="353"/>
      <c r="J274" s="353"/>
    </row>
    <row r="275" spans="6:10" s="410" customFormat="1" x14ac:dyDescent="0.2">
      <c r="F275" s="353"/>
      <c r="G275" s="353"/>
      <c r="H275" s="353"/>
      <c r="I275" s="353"/>
      <c r="J275" s="353"/>
    </row>
    <row r="276" spans="6:10" s="410" customFormat="1" x14ac:dyDescent="0.2">
      <c r="F276" s="353"/>
      <c r="G276" s="353"/>
      <c r="H276" s="353"/>
      <c r="I276" s="353"/>
      <c r="J276" s="353"/>
    </row>
    <row r="277" spans="6:10" s="410" customFormat="1" x14ac:dyDescent="0.2">
      <c r="F277" s="353"/>
      <c r="G277" s="353"/>
      <c r="H277" s="353"/>
      <c r="I277" s="353"/>
      <c r="J277" s="353"/>
    </row>
    <row r="278" spans="6:10" s="410" customFormat="1" x14ac:dyDescent="0.2">
      <c r="F278" s="353"/>
      <c r="G278" s="353"/>
      <c r="H278" s="353"/>
      <c r="I278" s="353"/>
      <c r="J278" s="353"/>
    </row>
    <row r="279" spans="6:10" s="410" customFormat="1" x14ac:dyDescent="0.2">
      <c r="F279" s="353"/>
      <c r="G279" s="353"/>
      <c r="H279" s="353"/>
      <c r="I279" s="353"/>
      <c r="J279" s="353"/>
    </row>
    <row r="280" spans="6:10" s="410" customFormat="1" x14ac:dyDescent="0.2">
      <c r="F280" s="353"/>
      <c r="G280" s="353"/>
      <c r="H280" s="353"/>
      <c r="I280" s="353"/>
      <c r="J280" s="353"/>
    </row>
    <row r="281" spans="6:10" s="410" customFormat="1" x14ac:dyDescent="0.2">
      <c r="F281" s="353"/>
      <c r="G281" s="353"/>
      <c r="H281" s="353"/>
      <c r="I281" s="353"/>
      <c r="J281" s="353"/>
    </row>
    <row r="282" spans="6:10" s="410" customFormat="1" x14ac:dyDescent="0.2">
      <c r="F282" s="353"/>
      <c r="G282" s="353"/>
      <c r="H282" s="353"/>
      <c r="I282" s="353"/>
      <c r="J282" s="353"/>
    </row>
    <row r="283" spans="6:10" s="410" customFormat="1" x14ac:dyDescent="0.2">
      <c r="F283" s="353"/>
      <c r="G283" s="353"/>
      <c r="H283" s="353"/>
      <c r="I283" s="353"/>
      <c r="J283" s="353"/>
    </row>
    <row r="284" spans="6:10" s="410" customFormat="1" x14ac:dyDescent="0.2">
      <c r="F284" s="353"/>
      <c r="G284" s="353"/>
      <c r="H284" s="353"/>
      <c r="I284" s="353"/>
      <c r="J284" s="353"/>
    </row>
    <row r="285" spans="6:10" s="410" customFormat="1" x14ac:dyDescent="0.2">
      <c r="F285" s="353"/>
      <c r="G285" s="353"/>
      <c r="H285" s="353"/>
      <c r="I285" s="353"/>
      <c r="J285" s="353"/>
    </row>
    <row r="286" spans="6:10" s="410" customFormat="1" x14ac:dyDescent="0.2">
      <c r="F286" s="353"/>
      <c r="G286" s="353"/>
      <c r="H286" s="353"/>
      <c r="I286" s="353"/>
      <c r="J286" s="353"/>
    </row>
    <row r="287" spans="6:10" s="410" customFormat="1" x14ac:dyDescent="0.2">
      <c r="F287" s="353"/>
      <c r="G287" s="353"/>
      <c r="H287" s="353"/>
      <c r="I287" s="353"/>
      <c r="J287" s="353"/>
    </row>
    <row r="288" spans="6:10" s="410" customFormat="1" x14ac:dyDescent="0.2">
      <c r="F288" s="353"/>
      <c r="G288" s="353"/>
      <c r="H288" s="353"/>
      <c r="I288" s="353"/>
      <c r="J288" s="353"/>
    </row>
    <row r="289" spans="6:10" s="410" customFormat="1" x14ac:dyDescent="0.2">
      <c r="F289" s="353"/>
      <c r="G289" s="353"/>
      <c r="H289" s="353"/>
      <c r="I289" s="353"/>
      <c r="J289" s="353"/>
    </row>
    <row r="290" spans="6:10" s="410" customFormat="1" x14ac:dyDescent="0.2">
      <c r="F290" s="353"/>
      <c r="G290" s="353"/>
      <c r="H290" s="353"/>
      <c r="I290" s="353"/>
      <c r="J290" s="353"/>
    </row>
    <row r="291" spans="6:10" s="410" customFormat="1" x14ac:dyDescent="0.2">
      <c r="F291" s="353"/>
      <c r="G291" s="353"/>
      <c r="H291" s="353"/>
      <c r="I291" s="353"/>
      <c r="J291" s="353"/>
    </row>
    <row r="292" spans="6:10" s="410" customFormat="1" x14ac:dyDescent="0.2">
      <c r="F292" s="353"/>
      <c r="G292" s="353"/>
      <c r="H292" s="353"/>
      <c r="I292" s="353"/>
      <c r="J292" s="353"/>
    </row>
    <row r="293" spans="6:10" s="410" customFormat="1" x14ac:dyDescent="0.2">
      <c r="F293" s="353"/>
      <c r="G293" s="353"/>
      <c r="H293" s="353"/>
      <c r="I293" s="353"/>
      <c r="J293" s="353"/>
    </row>
    <row r="294" spans="6:10" s="410" customFormat="1" x14ac:dyDescent="0.2">
      <c r="F294" s="353"/>
      <c r="G294" s="353"/>
      <c r="H294" s="353"/>
      <c r="I294" s="353"/>
      <c r="J294" s="353"/>
    </row>
    <row r="295" spans="6:10" s="410" customFormat="1" x14ac:dyDescent="0.2">
      <c r="F295" s="353"/>
      <c r="G295" s="353"/>
      <c r="H295" s="353"/>
      <c r="I295" s="353"/>
      <c r="J295" s="353"/>
    </row>
    <row r="296" spans="6:10" s="410" customFormat="1" x14ac:dyDescent="0.2">
      <c r="F296" s="353"/>
      <c r="G296" s="353"/>
      <c r="H296" s="353"/>
      <c r="I296" s="353"/>
      <c r="J296" s="353"/>
    </row>
    <row r="297" spans="6:10" s="410" customFormat="1" x14ac:dyDescent="0.2">
      <c r="F297" s="353"/>
      <c r="G297" s="353"/>
      <c r="H297" s="353"/>
      <c r="I297" s="353"/>
      <c r="J297" s="353"/>
    </row>
    <row r="298" spans="6:10" s="410" customFormat="1" x14ac:dyDescent="0.2">
      <c r="F298" s="353"/>
      <c r="G298" s="353"/>
      <c r="H298" s="353"/>
      <c r="I298" s="353"/>
      <c r="J298" s="353"/>
    </row>
    <row r="299" spans="6:10" s="410" customFormat="1" x14ac:dyDescent="0.2">
      <c r="F299" s="353"/>
      <c r="G299" s="353"/>
      <c r="H299" s="353"/>
      <c r="I299" s="353"/>
      <c r="J299" s="353"/>
    </row>
    <row r="300" spans="6:10" s="410" customFormat="1" x14ac:dyDescent="0.2">
      <c r="F300" s="353"/>
      <c r="G300" s="353"/>
      <c r="H300" s="353"/>
      <c r="I300" s="353"/>
      <c r="J300" s="353"/>
    </row>
    <row r="301" spans="6:10" s="410" customFormat="1" x14ac:dyDescent="0.2">
      <c r="F301" s="353"/>
      <c r="G301" s="353"/>
      <c r="H301" s="353"/>
      <c r="I301" s="353"/>
      <c r="J301" s="353"/>
    </row>
    <row r="302" spans="6:10" s="410" customFormat="1" x14ac:dyDescent="0.2">
      <c r="F302" s="353"/>
      <c r="G302" s="353"/>
      <c r="H302" s="353"/>
      <c r="I302" s="353"/>
      <c r="J302" s="353"/>
    </row>
    <row r="303" spans="6:10" s="410" customFormat="1" x14ac:dyDescent="0.2">
      <c r="F303" s="353"/>
      <c r="G303" s="353"/>
      <c r="H303" s="353"/>
      <c r="I303" s="353"/>
      <c r="J303" s="353"/>
    </row>
    <row r="304" spans="6:10" s="410" customFormat="1" x14ac:dyDescent="0.2">
      <c r="F304" s="353"/>
      <c r="G304" s="353"/>
      <c r="H304" s="353"/>
      <c r="I304" s="353"/>
      <c r="J304" s="353"/>
    </row>
    <row r="305" spans="6:10" s="410" customFormat="1" x14ac:dyDescent="0.2">
      <c r="F305" s="353"/>
      <c r="G305" s="353"/>
      <c r="H305" s="353"/>
      <c r="I305" s="353"/>
      <c r="J305" s="353"/>
    </row>
    <row r="306" spans="6:10" s="410" customFormat="1" x14ac:dyDescent="0.2">
      <c r="F306" s="353"/>
      <c r="G306" s="353"/>
      <c r="H306" s="353"/>
      <c r="I306" s="353"/>
      <c r="J306" s="353"/>
    </row>
    <row r="307" spans="6:10" s="410" customFormat="1" x14ac:dyDescent="0.2">
      <c r="F307" s="353"/>
      <c r="G307" s="353"/>
      <c r="H307" s="353"/>
      <c r="I307" s="353"/>
      <c r="J307" s="353"/>
    </row>
    <row r="308" spans="6:10" s="410" customFormat="1" x14ac:dyDescent="0.2">
      <c r="F308" s="353"/>
      <c r="G308" s="353"/>
      <c r="H308" s="353"/>
      <c r="I308" s="353"/>
      <c r="J308" s="353"/>
    </row>
    <row r="309" spans="6:10" s="410" customFormat="1" x14ac:dyDescent="0.2">
      <c r="F309" s="353"/>
      <c r="G309" s="353"/>
      <c r="H309" s="353"/>
      <c r="I309" s="353"/>
      <c r="J309" s="353"/>
    </row>
    <row r="310" spans="6:10" s="410" customFormat="1" x14ac:dyDescent="0.2">
      <c r="F310" s="353"/>
      <c r="G310" s="353"/>
      <c r="H310" s="353"/>
      <c r="I310" s="353"/>
      <c r="J310" s="353"/>
    </row>
    <row r="311" spans="6:10" s="410" customFormat="1" x14ac:dyDescent="0.2">
      <c r="F311" s="353"/>
      <c r="G311" s="353"/>
      <c r="H311" s="353"/>
      <c r="I311" s="353"/>
      <c r="J311" s="353"/>
    </row>
    <row r="312" spans="6:10" s="410" customFormat="1" x14ac:dyDescent="0.2">
      <c r="F312" s="353"/>
      <c r="G312" s="353"/>
      <c r="H312" s="353"/>
      <c r="I312" s="353"/>
      <c r="J312" s="353"/>
    </row>
    <row r="313" spans="6:10" s="410" customFormat="1" x14ac:dyDescent="0.2">
      <c r="F313" s="353"/>
      <c r="G313" s="353"/>
      <c r="H313" s="353"/>
      <c r="I313" s="353"/>
      <c r="J313" s="353"/>
    </row>
    <row r="314" spans="6:10" s="410" customFormat="1" x14ac:dyDescent="0.2">
      <c r="F314" s="353"/>
      <c r="G314" s="353"/>
      <c r="H314" s="353"/>
      <c r="I314" s="353"/>
      <c r="J314" s="353"/>
    </row>
    <row r="315" spans="6:10" s="410" customFormat="1" x14ac:dyDescent="0.2">
      <c r="F315" s="353"/>
      <c r="G315" s="353"/>
      <c r="H315" s="353"/>
      <c r="I315" s="353"/>
      <c r="J315" s="353"/>
    </row>
    <row r="316" spans="6:10" s="410" customFormat="1" x14ac:dyDescent="0.2">
      <c r="F316" s="353"/>
      <c r="G316" s="353"/>
      <c r="H316" s="353"/>
      <c r="I316" s="353"/>
      <c r="J316" s="353"/>
    </row>
    <row r="317" spans="6:10" s="410" customFormat="1" x14ac:dyDescent="0.2">
      <c r="F317" s="353"/>
      <c r="G317" s="353"/>
      <c r="H317" s="353"/>
      <c r="I317" s="353"/>
      <c r="J317" s="353"/>
    </row>
    <row r="318" spans="6:10" s="410" customFormat="1" x14ac:dyDescent="0.2">
      <c r="F318" s="353"/>
      <c r="G318" s="353"/>
      <c r="H318" s="353"/>
      <c r="I318" s="353"/>
      <c r="J318" s="353"/>
    </row>
    <row r="319" spans="6:10" s="410" customFormat="1" x14ac:dyDescent="0.2">
      <c r="F319" s="353"/>
      <c r="G319" s="353"/>
      <c r="H319" s="353"/>
      <c r="I319" s="353"/>
      <c r="J319" s="353"/>
    </row>
    <row r="320" spans="6:10" s="410" customFormat="1" x14ac:dyDescent="0.2">
      <c r="F320" s="353"/>
      <c r="G320" s="353"/>
      <c r="H320" s="353"/>
      <c r="I320" s="353"/>
      <c r="J320" s="353"/>
    </row>
    <row r="321" spans="6:10" s="410" customFormat="1" x14ac:dyDescent="0.2">
      <c r="F321" s="353"/>
      <c r="G321" s="353"/>
      <c r="H321" s="353"/>
      <c r="I321" s="353"/>
      <c r="J321" s="353"/>
    </row>
    <row r="322" spans="6:10" s="410" customFormat="1" x14ac:dyDescent="0.2">
      <c r="F322" s="353"/>
      <c r="G322" s="353"/>
      <c r="H322" s="353"/>
      <c r="I322" s="353"/>
      <c r="J322" s="353"/>
    </row>
    <row r="323" spans="6:10" s="410" customFormat="1" x14ac:dyDescent="0.2">
      <c r="F323" s="353"/>
      <c r="G323" s="353"/>
      <c r="H323" s="353"/>
      <c r="I323" s="353"/>
      <c r="J323" s="353"/>
    </row>
    <row r="324" spans="6:10" s="410" customFormat="1" x14ac:dyDescent="0.2">
      <c r="F324" s="353"/>
      <c r="G324" s="353"/>
      <c r="H324" s="353"/>
      <c r="I324" s="353"/>
      <c r="J324" s="353"/>
    </row>
    <row r="325" spans="6:10" s="410" customFormat="1" x14ac:dyDescent="0.2">
      <c r="F325" s="353"/>
      <c r="G325" s="353"/>
      <c r="H325" s="353"/>
      <c r="I325" s="353"/>
      <c r="J325" s="353"/>
    </row>
    <row r="326" spans="6:10" s="410" customFormat="1" x14ac:dyDescent="0.2">
      <c r="F326" s="353"/>
      <c r="G326" s="353"/>
      <c r="H326" s="353"/>
      <c r="I326" s="353"/>
      <c r="J326" s="353"/>
    </row>
    <row r="327" spans="6:10" s="410" customFormat="1" x14ac:dyDescent="0.2">
      <c r="F327" s="353"/>
      <c r="G327" s="353"/>
      <c r="H327" s="353"/>
      <c r="I327" s="353"/>
      <c r="J327" s="353"/>
    </row>
    <row r="328" spans="6:10" s="410" customFormat="1" x14ac:dyDescent="0.2">
      <c r="F328" s="353"/>
      <c r="G328" s="353"/>
      <c r="H328" s="353"/>
      <c r="I328" s="353"/>
      <c r="J328" s="353"/>
    </row>
    <row r="329" spans="6:10" s="410" customFormat="1" x14ac:dyDescent="0.2">
      <c r="F329" s="353"/>
      <c r="G329" s="353"/>
      <c r="H329" s="353"/>
      <c r="I329" s="353"/>
      <c r="J329" s="353"/>
    </row>
    <row r="330" spans="6:10" s="410" customFormat="1" x14ac:dyDescent="0.2">
      <c r="F330" s="353"/>
      <c r="G330" s="353"/>
      <c r="H330" s="353"/>
      <c r="I330" s="353"/>
      <c r="J330" s="353"/>
    </row>
    <row r="331" spans="6:10" s="410" customFormat="1" x14ac:dyDescent="0.2">
      <c r="F331" s="353"/>
      <c r="G331" s="353"/>
      <c r="H331" s="353"/>
      <c r="I331" s="353"/>
      <c r="J331" s="353"/>
    </row>
    <row r="332" spans="6:10" s="410" customFormat="1" x14ac:dyDescent="0.2">
      <c r="F332" s="353"/>
      <c r="G332" s="353"/>
      <c r="H332" s="353"/>
      <c r="I332" s="353"/>
      <c r="J332" s="353"/>
    </row>
    <row r="333" spans="6:10" s="410" customFormat="1" x14ac:dyDescent="0.2">
      <c r="F333" s="353"/>
      <c r="G333" s="353"/>
      <c r="H333" s="353"/>
      <c r="I333" s="353"/>
      <c r="J333" s="353"/>
    </row>
    <row r="334" spans="6:10" s="410" customFormat="1" x14ac:dyDescent="0.2">
      <c r="F334" s="353"/>
      <c r="G334" s="353"/>
      <c r="H334" s="353"/>
      <c r="I334" s="353"/>
      <c r="J334" s="353"/>
    </row>
    <row r="335" spans="6:10" s="410" customFormat="1" x14ac:dyDescent="0.2">
      <c r="F335" s="353"/>
      <c r="G335" s="353"/>
      <c r="H335" s="353"/>
      <c r="I335" s="353"/>
      <c r="J335" s="353"/>
    </row>
    <row r="336" spans="6:10" s="410" customFormat="1" x14ac:dyDescent="0.2">
      <c r="F336" s="353"/>
      <c r="G336" s="353"/>
      <c r="H336" s="353"/>
      <c r="I336" s="353"/>
      <c r="J336" s="353"/>
    </row>
    <row r="337" spans="6:10" s="410" customFormat="1" x14ac:dyDescent="0.2">
      <c r="F337" s="353"/>
      <c r="G337" s="353"/>
      <c r="H337" s="353"/>
      <c r="I337" s="353"/>
      <c r="J337" s="353"/>
    </row>
    <row r="338" spans="6:10" s="410" customFormat="1" x14ac:dyDescent="0.2">
      <c r="F338" s="353"/>
      <c r="G338" s="353"/>
      <c r="H338" s="353"/>
      <c r="I338" s="353"/>
      <c r="J338" s="353"/>
    </row>
    <row r="339" spans="6:10" s="410" customFormat="1" x14ac:dyDescent="0.2">
      <c r="F339" s="353"/>
      <c r="G339" s="353"/>
      <c r="H339" s="353"/>
      <c r="I339" s="353"/>
      <c r="J339" s="353"/>
    </row>
    <row r="340" spans="6:10" s="410" customFormat="1" x14ac:dyDescent="0.2">
      <c r="F340" s="353"/>
      <c r="G340" s="353"/>
      <c r="H340" s="353"/>
      <c r="I340" s="353"/>
      <c r="J340" s="353"/>
    </row>
    <row r="341" spans="6:10" s="410" customFormat="1" x14ac:dyDescent="0.2">
      <c r="F341" s="353"/>
      <c r="G341" s="353"/>
      <c r="H341" s="353"/>
      <c r="I341" s="353"/>
      <c r="J341" s="353"/>
    </row>
    <row r="342" spans="6:10" s="410" customFormat="1" x14ac:dyDescent="0.2">
      <c r="F342" s="353"/>
      <c r="G342" s="353"/>
      <c r="H342" s="353"/>
      <c r="I342" s="353"/>
      <c r="J342" s="353"/>
    </row>
    <row r="343" spans="6:10" s="410" customFormat="1" x14ac:dyDescent="0.2">
      <c r="F343" s="353"/>
      <c r="G343" s="353"/>
      <c r="H343" s="353"/>
      <c r="I343" s="353"/>
      <c r="J343" s="353"/>
    </row>
    <row r="344" spans="6:10" s="410" customFormat="1" x14ac:dyDescent="0.2">
      <c r="F344" s="353"/>
      <c r="G344" s="353"/>
      <c r="H344" s="353"/>
      <c r="I344" s="353"/>
      <c r="J344" s="353"/>
    </row>
    <row r="345" spans="6:10" s="410" customFormat="1" x14ac:dyDescent="0.2">
      <c r="F345" s="353"/>
      <c r="G345" s="353"/>
      <c r="H345" s="353"/>
      <c r="I345" s="353"/>
      <c r="J345" s="353"/>
    </row>
    <row r="346" spans="6:10" s="410" customFormat="1" x14ac:dyDescent="0.2">
      <c r="F346" s="353"/>
      <c r="G346" s="353"/>
      <c r="H346" s="353"/>
      <c r="I346" s="353"/>
      <c r="J346" s="353"/>
    </row>
    <row r="347" spans="6:10" s="410" customFormat="1" x14ac:dyDescent="0.2">
      <c r="F347" s="353"/>
      <c r="G347" s="353"/>
      <c r="H347" s="353"/>
      <c r="I347" s="353"/>
      <c r="J347" s="353"/>
    </row>
    <row r="348" spans="6:10" s="410" customFormat="1" x14ac:dyDescent="0.2">
      <c r="F348" s="353"/>
      <c r="G348" s="353"/>
      <c r="H348" s="353"/>
      <c r="I348" s="353"/>
      <c r="J348" s="353"/>
    </row>
    <row r="349" spans="6:10" s="410" customFormat="1" x14ac:dyDescent="0.2">
      <c r="F349" s="353"/>
      <c r="G349" s="353"/>
      <c r="H349" s="353"/>
      <c r="I349" s="353"/>
      <c r="J349" s="353"/>
    </row>
    <row r="350" spans="6:10" s="410" customFormat="1" x14ac:dyDescent="0.2">
      <c r="F350" s="353"/>
      <c r="G350" s="353"/>
      <c r="H350" s="353"/>
      <c r="I350" s="353"/>
      <c r="J350" s="353"/>
    </row>
    <row r="351" spans="6:10" s="410" customFormat="1" x14ac:dyDescent="0.2">
      <c r="F351" s="353"/>
      <c r="G351" s="353"/>
      <c r="H351" s="353"/>
      <c r="I351" s="353"/>
      <c r="J351" s="353"/>
    </row>
    <row r="352" spans="6:10" s="410" customFormat="1" x14ac:dyDescent="0.2">
      <c r="F352" s="353"/>
      <c r="G352" s="353"/>
      <c r="H352" s="353"/>
      <c r="I352" s="353"/>
      <c r="J352" s="353"/>
    </row>
    <row r="353" spans="6:10" s="410" customFormat="1" x14ac:dyDescent="0.2">
      <c r="F353" s="353"/>
      <c r="G353" s="353"/>
      <c r="H353" s="353"/>
      <c r="I353" s="353"/>
      <c r="J353" s="353"/>
    </row>
    <row r="354" spans="6:10" s="410" customFormat="1" x14ac:dyDescent="0.2">
      <c r="F354" s="353"/>
      <c r="G354" s="353"/>
      <c r="H354" s="353"/>
      <c r="I354" s="353"/>
      <c r="J354" s="353"/>
    </row>
    <row r="355" spans="6:10" s="410" customFormat="1" x14ac:dyDescent="0.2">
      <c r="F355" s="353"/>
      <c r="G355" s="353"/>
      <c r="H355" s="353"/>
      <c r="I355" s="353"/>
      <c r="J355" s="353"/>
    </row>
    <row r="356" spans="6:10" s="410" customFormat="1" x14ac:dyDescent="0.2">
      <c r="F356" s="353"/>
      <c r="G356" s="353"/>
      <c r="H356" s="353"/>
      <c r="I356" s="353"/>
      <c r="J356" s="353"/>
    </row>
    <row r="357" spans="6:10" s="410" customFormat="1" x14ac:dyDescent="0.2">
      <c r="F357" s="353"/>
      <c r="G357" s="353"/>
      <c r="H357" s="353"/>
      <c r="I357" s="353"/>
      <c r="J357" s="353"/>
    </row>
    <row r="358" spans="6:10" s="410" customFormat="1" x14ac:dyDescent="0.2">
      <c r="F358" s="353"/>
      <c r="G358" s="353"/>
      <c r="H358" s="353"/>
      <c r="I358" s="353"/>
      <c r="J358" s="353"/>
    </row>
    <row r="359" spans="6:10" s="410" customFormat="1" x14ac:dyDescent="0.2">
      <c r="F359" s="353"/>
      <c r="G359" s="353"/>
      <c r="H359" s="353"/>
      <c r="I359" s="353"/>
      <c r="J359" s="353"/>
    </row>
    <row r="360" spans="6:10" s="410" customFormat="1" x14ac:dyDescent="0.2">
      <c r="F360" s="353"/>
      <c r="G360" s="353"/>
      <c r="H360" s="353"/>
      <c r="I360" s="353"/>
      <c r="J360" s="353"/>
    </row>
    <row r="361" spans="6:10" s="410" customFormat="1" x14ac:dyDescent="0.2">
      <c r="F361" s="353"/>
      <c r="G361" s="353"/>
      <c r="H361" s="353"/>
      <c r="I361" s="353"/>
      <c r="J361" s="353"/>
    </row>
    <row r="362" spans="6:10" s="410" customFormat="1" x14ac:dyDescent="0.2">
      <c r="F362" s="353"/>
      <c r="G362" s="353"/>
      <c r="H362" s="353"/>
      <c r="I362" s="353"/>
      <c r="J362" s="353"/>
    </row>
    <row r="363" spans="6:10" s="410" customFormat="1" x14ac:dyDescent="0.2">
      <c r="F363" s="353"/>
      <c r="G363" s="353"/>
      <c r="H363" s="353"/>
      <c r="I363" s="353"/>
      <c r="J363" s="353"/>
    </row>
    <row r="364" spans="6:10" s="410" customFormat="1" x14ac:dyDescent="0.2">
      <c r="F364" s="353"/>
      <c r="G364" s="353"/>
      <c r="H364" s="353"/>
      <c r="I364" s="353"/>
      <c r="J364" s="353"/>
    </row>
    <row r="365" spans="6:10" s="410" customFormat="1" x14ac:dyDescent="0.2">
      <c r="F365" s="353"/>
      <c r="G365" s="353"/>
      <c r="H365" s="353"/>
      <c r="I365" s="353"/>
      <c r="J365" s="353"/>
    </row>
    <row r="366" spans="6:10" s="410" customFormat="1" x14ac:dyDescent="0.2">
      <c r="F366" s="353"/>
      <c r="G366" s="353"/>
      <c r="H366" s="353"/>
      <c r="I366" s="353"/>
      <c r="J366" s="353"/>
    </row>
    <row r="367" spans="6:10" s="410" customFormat="1" x14ac:dyDescent="0.2">
      <c r="F367" s="353"/>
      <c r="G367" s="353"/>
      <c r="H367" s="353"/>
      <c r="I367" s="353"/>
      <c r="J367" s="353"/>
    </row>
    <row r="368" spans="6:10" s="410" customFormat="1" x14ac:dyDescent="0.2">
      <c r="F368" s="353"/>
      <c r="G368" s="353"/>
      <c r="H368" s="353"/>
      <c r="I368" s="353"/>
      <c r="J368" s="353"/>
    </row>
    <row r="369" spans="6:10" s="410" customFormat="1" x14ac:dyDescent="0.2">
      <c r="F369" s="353"/>
      <c r="G369" s="353"/>
      <c r="H369" s="353"/>
      <c r="I369" s="353"/>
      <c r="J369" s="353"/>
    </row>
    <row r="370" spans="6:10" s="410" customFormat="1" x14ac:dyDescent="0.2">
      <c r="F370" s="353"/>
      <c r="G370" s="353"/>
      <c r="H370" s="353"/>
      <c r="I370" s="353"/>
      <c r="J370" s="353"/>
    </row>
    <row r="371" spans="6:10" s="410" customFormat="1" x14ac:dyDescent="0.2">
      <c r="F371" s="353"/>
      <c r="G371" s="353"/>
      <c r="H371" s="353"/>
      <c r="I371" s="353"/>
      <c r="J371" s="353"/>
    </row>
    <row r="372" spans="6:10" s="410" customFormat="1" x14ac:dyDescent="0.2">
      <c r="F372" s="353"/>
      <c r="G372" s="353"/>
      <c r="H372" s="353"/>
      <c r="I372" s="353"/>
      <c r="J372" s="353"/>
    </row>
    <row r="373" spans="6:10" s="410" customFormat="1" x14ac:dyDescent="0.2">
      <c r="F373" s="353"/>
      <c r="G373" s="353"/>
      <c r="H373" s="353"/>
      <c r="I373" s="353"/>
      <c r="J373" s="353"/>
    </row>
    <row r="374" spans="6:10" s="410" customFormat="1" x14ac:dyDescent="0.2">
      <c r="F374" s="353"/>
      <c r="G374" s="353"/>
      <c r="H374" s="353"/>
      <c r="I374" s="353"/>
      <c r="J374" s="353"/>
    </row>
    <row r="375" spans="6:10" s="410" customFormat="1" x14ac:dyDescent="0.2">
      <c r="F375" s="353"/>
      <c r="G375" s="353"/>
      <c r="H375" s="353"/>
      <c r="I375" s="353"/>
      <c r="J375" s="353"/>
    </row>
    <row r="376" spans="6:10" s="410" customFormat="1" x14ac:dyDescent="0.2">
      <c r="F376" s="353"/>
      <c r="G376" s="353"/>
      <c r="H376" s="353"/>
      <c r="I376" s="353"/>
      <c r="J376" s="353"/>
    </row>
    <row r="377" spans="6:10" s="410" customFormat="1" x14ac:dyDescent="0.2">
      <c r="F377" s="353"/>
      <c r="G377" s="353"/>
      <c r="H377" s="353"/>
      <c r="I377" s="353"/>
      <c r="J377" s="353"/>
    </row>
    <row r="378" spans="6:10" s="410" customFormat="1" x14ac:dyDescent="0.2">
      <c r="F378" s="353"/>
      <c r="G378" s="353"/>
      <c r="H378" s="353"/>
      <c r="I378" s="353"/>
      <c r="J378" s="353"/>
    </row>
    <row r="379" spans="6:10" s="410" customFormat="1" x14ac:dyDescent="0.2">
      <c r="F379" s="353"/>
      <c r="G379" s="353"/>
      <c r="H379" s="353"/>
      <c r="I379" s="353"/>
      <c r="J379" s="353"/>
    </row>
    <row r="380" spans="6:10" s="410" customFormat="1" x14ac:dyDescent="0.2">
      <c r="F380" s="353"/>
      <c r="G380" s="353"/>
      <c r="H380" s="353"/>
      <c r="I380" s="353"/>
      <c r="J380" s="353"/>
    </row>
    <row r="381" spans="6:10" s="410" customFormat="1" x14ac:dyDescent="0.2">
      <c r="F381" s="353"/>
      <c r="G381" s="353"/>
      <c r="H381" s="353"/>
      <c r="I381" s="353"/>
      <c r="J381" s="353"/>
    </row>
    <row r="382" spans="6:10" s="410" customFormat="1" x14ac:dyDescent="0.2">
      <c r="F382" s="353"/>
      <c r="G382" s="353"/>
      <c r="H382" s="353"/>
      <c r="I382" s="353"/>
      <c r="J382" s="353"/>
    </row>
    <row r="383" spans="6:10" s="410" customFormat="1" x14ac:dyDescent="0.2">
      <c r="F383" s="353"/>
      <c r="G383" s="353"/>
      <c r="H383" s="353"/>
      <c r="I383" s="353"/>
      <c r="J383" s="353"/>
    </row>
    <row r="384" spans="6:10" s="410" customFormat="1" x14ac:dyDescent="0.2">
      <c r="F384" s="353"/>
      <c r="G384" s="353"/>
      <c r="H384" s="353"/>
      <c r="I384" s="353"/>
      <c r="J384" s="353"/>
    </row>
    <row r="385" spans="6:10" s="410" customFormat="1" x14ac:dyDescent="0.2">
      <c r="F385" s="353"/>
      <c r="G385" s="353"/>
      <c r="H385" s="353"/>
      <c r="I385" s="353"/>
      <c r="J385" s="353"/>
    </row>
    <row r="386" spans="6:10" s="410" customFormat="1" x14ac:dyDescent="0.2">
      <c r="F386" s="353"/>
      <c r="G386" s="353"/>
      <c r="H386" s="353"/>
      <c r="I386" s="353"/>
      <c r="J386" s="353"/>
    </row>
    <row r="387" spans="6:10" s="410" customFormat="1" x14ac:dyDescent="0.2">
      <c r="F387" s="353"/>
      <c r="G387" s="353"/>
      <c r="H387" s="353"/>
      <c r="I387" s="353"/>
      <c r="J387" s="353"/>
    </row>
    <row r="388" spans="6:10" s="410" customFormat="1" x14ac:dyDescent="0.2">
      <c r="F388" s="353"/>
      <c r="G388" s="353"/>
      <c r="H388" s="353"/>
      <c r="I388" s="353"/>
      <c r="J388" s="353"/>
    </row>
    <row r="389" spans="6:10" s="410" customFormat="1" x14ac:dyDescent="0.2">
      <c r="F389" s="353"/>
      <c r="G389" s="353"/>
      <c r="H389" s="353"/>
      <c r="I389" s="353"/>
      <c r="J389" s="353"/>
    </row>
    <row r="390" spans="6:10" s="410" customFormat="1" x14ac:dyDescent="0.2">
      <c r="F390" s="353"/>
      <c r="G390" s="353"/>
      <c r="H390" s="353"/>
      <c r="I390" s="353"/>
      <c r="J390" s="353"/>
    </row>
    <row r="391" spans="6:10" s="410" customFormat="1" x14ac:dyDescent="0.2">
      <c r="F391" s="353"/>
      <c r="G391" s="353"/>
      <c r="H391" s="353"/>
      <c r="I391" s="353"/>
      <c r="J391" s="353"/>
    </row>
    <row r="392" spans="6:10" s="410" customFormat="1" x14ac:dyDescent="0.2">
      <c r="F392" s="353"/>
      <c r="G392" s="353"/>
      <c r="H392" s="353"/>
      <c r="I392" s="353"/>
      <c r="J392" s="353"/>
    </row>
    <row r="393" spans="6:10" s="410" customFormat="1" x14ac:dyDescent="0.2">
      <c r="F393" s="353"/>
      <c r="G393" s="353"/>
      <c r="H393" s="353"/>
      <c r="I393" s="353"/>
      <c r="J393" s="353"/>
    </row>
    <row r="394" spans="6:10" s="410" customFormat="1" x14ac:dyDescent="0.2">
      <c r="F394" s="353"/>
      <c r="G394" s="353"/>
      <c r="H394" s="353"/>
      <c r="I394" s="353"/>
      <c r="J394" s="353"/>
    </row>
    <row r="395" spans="6:10" s="410" customFormat="1" x14ac:dyDescent="0.2">
      <c r="F395" s="353"/>
      <c r="G395" s="353"/>
      <c r="H395" s="353"/>
      <c r="I395" s="353"/>
      <c r="J395" s="353"/>
    </row>
    <row r="396" spans="6:10" s="410" customFormat="1" x14ac:dyDescent="0.2">
      <c r="F396" s="353"/>
      <c r="G396" s="353"/>
      <c r="H396" s="353"/>
      <c r="I396" s="353"/>
      <c r="J396" s="353"/>
    </row>
    <row r="397" spans="6:10" s="410" customFormat="1" x14ac:dyDescent="0.2">
      <c r="F397" s="353"/>
      <c r="G397" s="353"/>
      <c r="H397" s="353"/>
      <c r="I397" s="353"/>
      <c r="J397" s="353"/>
    </row>
    <row r="398" spans="6:10" s="410" customFormat="1" x14ac:dyDescent="0.2">
      <c r="F398" s="353"/>
      <c r="G398" s="353"/>
      <c r="H398" s="353"/>
      <c r="I398" s="353"/>
      <c r="J398" s="353"/>
    </row>
    <row r="399" spans="6:10" s="410" customFormat="1" x14ac:dyDescent="0.2">
      <c r="F399" s="353"/>
      <c r="G399" s="353"/>
      <c r="H399" s="353"/>
      <c r="I399" s="353"/>
      <c r="J399" s="353"/>
    </row>
    <row r="400" spans="6:10" s="410" customFormat="1" x14ac:dyDescent="0.2">
      <c r="F400" s="353"/>
      <c r="G400" s="353"/>
      <c r="H400" s="353"/>
      <c r="I400" s="353"/>
      <c r="J400" s="353"/>
    </row>
    <row r="401" spans="6:10" s="410" customFormat="1" x14ac:dyDescent="0.2">
      <c r="F401" s="353"/>
      <c r="G401" s="353"/>
      <c r="H401" s="353"/>
      <c r="I401" s="353"/>
      <c r="J401" s="353"/>
    </row>
    <row r="402" spans="6:10" s="410" customFormat="1" x14ac:dyDescent="0.2">
      <c r="F402" s="353"/>
      <c r="G402" s="353"/>
      <c r="H402" s="353"/>
      <c r="I402" s="353"/>
      <c r="J402" s="353"/>
    </row>
    <row r="403" spans="6:10" s="410" customFormat="1" x14ac:dyDescent="0.2">
      <c r="F403" s="353"/>
      <c r="G403" s="353"/>
      <c r="H403" s="353"/>
      <c r="I403" s="353"/>
      <c r="J403" s="353"/>
    </row>
    <row r="404" spans="6:10" s="410" customFormat="1" x14ac:dyDescent="0.2">
      <c r="F404" s="353"/>
      <c r="G404" s="353"/>
      <c r="H404" s="353"/>
      <c r="I404" s="353"/>
      <c r="J404" s="353"/>
    </row>
    <row r="405" spans="6:10" s="410" customFormat="1" x14ac:dyDescent="0.2">
      <c r="F405" s="353"/>
      <c r="G405" s="353"/>
      <c r="H405" s="353"/>
      <c r="I405" s="353"/>
      <c r="J405" s="353"/>
    </row>
    <row r="406" spans="6:10" s="410" customFormat="1" x14ac:dyDescent="0.2">
      <c r="F406" s="353"/>
      <c r="G406" s="353"/>
      <c r="H406" s="353"/>
      <c r="I406" s="353"/>
      <c r="J406" s="353"/>
    </row>
    <row r="407" spans="6:10" s="410" customFormat="1" x14ac:dyDescent="0.2">
      <c r="F407" s="353"/>
      <c r="G407" s="353"/>
      <c r="H407" s="353"/>
      <c r="I407" s="353"/>
      <c r="J407" s="353"/>
    </row>
    <row r="408" spans="6:10" s="410" customFormat="1" x14ac:dyDescent="0.2">
      <c r="F408" s="353"/>
      <c r="G408" s="353"/>
      <c r="H408" s="353"/>
      <c r="I408" s="353"/>
      <c r="J408" s="353"/>
    </row>
    <row r="409" spans="6:10" s="410" customFormat="1" x14ac:dyDescent="0.2">
      <c r="F409" s="353"/>
      <c r="G409" s="353"/>
      <c r="H409" s="353"/>
      <c r="I409" s="353"/>
      <c r="J409" s="353"/>
    </row>
    <row r="410" spans="6:10" s="410" customFormat="1" x14ac:dyDescent="0.2">
      <c r="F410" s="353"/>
      <c r="G410" s="353"/>
      <c r="H410" s="353"/>
      <c r="I410" s="353"/>
      <c r="J410" s="353"/>
    </row>
    <row r="411" spans="6:10" s="410" customFormat="1" x14ac:dyDescent="0.2">
      <c r="F411" s="353"/>
      <c r="G411" s="353"/>
      <c r="H411" s="353"/>
      <c r="I411" s="353"/>
      <c r="J411" s="353"/>
    </row>
    <row r="412" spans="6:10" s="410" customFormat="1" x14ac:dyDescent="0.2">
      <c r="F412" s="353"/>
      <c r="G412" s="353"/>
      <c r="H412" s="353"/>
      <c r="I412" s="353"/>
      <c r="J412" s="353"/>
    </row>
    <row r="413" spans="6:10" s="410" customFormat="1" x14ac:dyDescent="0.2">
      <c r="F413" s="353"/>
      <c r="G413" s="353"/>
      <c r="H413" s="353"/>
      <c r="I413" s="353"/>
      <c r="J413" s="353"/>
    </row>
    <row r="414" spans="6:10" s="410" customFormat="1" x14ac:dyDescent="0.2">
      <c r="F414" s="353"/>
      <c r="G414" s="353"/>
      <c r="H414" s="353"/>
      <c r="I414" s="353"/>
      <c r="J414" s="353"/>
    </row>
    <row r="415" spans="6:10" s="410" customFormat="1" x14ac:dyDescent="0.2">
      <c r="F415" s="353"/>
      <c r="G415" s="353"/>
      <c r="H415" s="353"/>
      <c r="I415" s="353"/>
      <c r="J415" s="353"/>
    </row>
    <row r="416" spans="6:10" s="410" customFormat="1" x14ac:dyDescent="0.2">
      <c r="F416" s="353"/>
      <c r="G416" s="353"/>
      <c r="H416" s="353"/>
      <c r="I416" s="353"/>
      <c r="J416" s="353"/>
    </row>
    <row r="417" spans="6:10" s="410" customFormat="1" x14ac:dyDescent="0.2">
      <c r="F417" s="353"/>
      <c r="G417" s="353"/>
      <c r="H417" s="353"/>
      <c r="I417" s="353"/>
      <c r="J417" s="353"/>
    </row>
    <row r="418" spans="6:10" s="410" customFormat="1" x14ac:dyDescent="0.2">
      <c r="F418" s="353"/>
      <c r="G418" s="353"/>
      <c r="H418" s="353"/>
      <c r="I418" s="353"/>
      <c r="J418" s="353"/>
    </row>
    <row r="419" spans="6:10" s="410" customFormat="1" x14ac:dyDescent="0.2">
      <c r="F419" s="353"/>
      <c r="G419" s="353"/>
      <c r="H419" s="353"/>
      <c r="I419" s="353"/>
      <c r="J419" s="353"/>
    </row>
    <row r="420" spans="6:10" s="410" customFormat="1" x14ac:dyDescent="0.2">
      <c r="F420" s="353"/>
      <c r="G420" s="353"/>
      <c r="H420" s="353"/>
      <c r="I420" s="353"/>
      <c r="J420" s="353"/>
    </row>
    <row r="421" spans="6:10" s="410" customFormat="1" x14ac:dyDescent="0.2">
      <c r="F421" s="353"/>
      <c r="G421" s="353"/>
      <c r="H421" s="353"/>
      <c r="I421" s="353"/>
      <c r="J421" s="353"/>
    </row>
    <row r="422" spans="6:10" s="410" customFormat="1" x14ac:dyDescent="0.2">
      <c r="F422" s="353"/>
      <c r="G422" s="353"/>
      <c r="H422" s="353"/>
      <c r="I422" s="353"/>
      <c r="J422" s="353"/>
    </row>
    <row r="423" spans="6:10" s="410" customFormat="1" x14ac:dyDescent="0.2">
      <c r="F423" s="353"/>
      <c r="G423" s="353"/>
      <c r="H423" s="353"/>
      <c r="I423" s="353"/>
      <c r="J423" s="353"/>
    </row>
    <row r="424" spans="6:10" s="410" customFormat="1" x14ac:dyDescent="0.2">
      <c r="F424" s="353"/>
      <c r="G424" s="353"/>
      <c r="H424" s="353"/>
      <c r="I424" s="353"/>
      <c r="J424" s="353"/>
    </row>
    <row r="425" spans="6:10" s="410" customFormat="1" x14ac:dyDescent="0.2">
      <c r="F425" s="353"/>
      <c r="G425" s="353"/>
      <c r="H425" s="353"/>
      <c r="I425" s="353"/>
      <c r="J425" s="353"/>
    </row>
    <row r="426" spans="6:10" s="410" customFormat="1" x14ac:dyDescent="0.2">
      <c r="F426" s="353"/>
      <c r="G426" s="353"/>
      <c r="H426" s="353"/>
      <c r="I426" s="353"/>
      <c r="J426" s="353"/>
    </row>
    <row r="427" spans="6:10" s="410" customFormat="1" x14ac:dyDescent="0.2">
      <c r="F427" s="353"/>
      <c r="G427" s="353"/>
      <c r="H427" s="353"/>
      <c r="I427" s="353"/>
      <c r="J427" s="353"/>
    </row>
    <row r="428" spans="6:10" s="410" customFormat="1" x14ac:dyDescent="0.2">
      <c r="F428" s="353"/>
      <c r="G428" s="353"/>
      <c r="H428" s="353"/>
      <c r="I428" s="353"/>
      <c r="J428" s="353"/>
    </row>
    <row r="429" spans="6:10" s="410" customFormat="1" x14ac:dyDescent="0.2">
      <c r="F429" s="353"/>
      <c r="G429" s="353"/>
      <c r="H429" s="353"/>
      <c r="I429" s="353"/>
      <c r="J429" s="353"/>
    </row>
    <row r="430" spans="6:10" s="410" customFormat="1" x14ac:dyDescent="0.2">
      <c r="F430" s="353"/>
      <c r="G430" s="353"/>
      <c r="H430" s="353"/>
      <c r="I430" s="353"/>
      <c r="J430" s="353"/>
    </row>
    <row r="431" spans="6:10" s="410" customFormat="1" x14ac:dyDescent="0.2">
      <c r="F431" s="353"/>
      <c r="G431" s="353"/>
      <c r="H431" s="353"/>
      <c r="I431" s="353"/>
      <c r="J431" s="353"/>
    </row>
    <row r="432" spans="6:10" s="410" customFormat="1" x14ac:dyDescent="0.2">
      <c r="F432" s="353"/>
      <c r="G432" s="353"/>
      <c r="H432" s="353"/>
      <c r="I432" s="353"/>
      <c r="J432" s="353"/>
    </row>
    <row r="433" spans="6:10" s="410" customFormat="1" x14ac:dyDescent="0.2">
      <c r="F433" s="353"/>
      <c r="G433" s="353"/>
      <c r="H433" s="353"/>
      <c r="I433" s="353"/>
      <c r="J433" s="353"/>
    </row>
    <row r="434" spans="6:10" s="410" customFormat="1" x14ac:dyDescent="0.2">
      <c r="F434" s="353"/>
      <c r="G434" s="353"/>
      <c r="H434" s="353"/>
      <c r="I434" s="353"/>
      <c r="J434" s="353"/>
    </row>
    <row r="435" spans="6:10" s="410" customFormat="1" x14ac:dyDescent="0.2">
      <c r="F435" s="353"/>
      <c r="G435" s="353"/>
      <c r="H435" s="353"/>
      <c r="I435" s="353"/>
      <c r="J435" s="353"/>
    </row>
    <row r="436" spans="6:10" s="410" customFormat="1" x14ac:dyDescent="0.2">
      <c r="F436" s="353"/>
      <c r="G436" s="353"/>
      <c r="H436" s="353"/>
      <c r="I436" s="353"/>
      <c r="J436" s="353"/>
    </row>
    <row r="437" spans="6:10" s="410" customFormat="1" x14ac:dyDescent="0.2">
      <c r="F437" s="353"/>
      <c r="G437" s="353"/>
      <c r="H437" s="353"/>
      <c r="I437" s="353"/>
      <c r="J437" s="353"/>
    </row>
    <row r="438" spans="6:10" s="410" customFormat="1" x14ac:dyDescent="0.2">
      <c r="F438" s="353"/>
      <c r="G438" s="353"/>
      <c r="H438" s="353"/>
      <c r="I438" s="353"/>
      <c r="J438" s="353"/>
    </row>
    <row r="439" spans="6:10" s="410" customFormat="1" x14ac:dyDescent="0.2">
      <c r="F439" s="353"/>
      <c r="G439" s="353"/>
      <c r="H439" s="353"/>
      <c r="I439" s="353"/>
      <c r="J439" s="353"/>
    </row>
    <row r="440" spans="6:10" s="410" customFormat="1" x14ac:dyDescent="0.2">
      <c r="F440" s="353"/>
      <c r="G440" s="353"/>
      <c r="H440" s="353"/>
      <c r="I440" s="353"/>
      <c r="J440" s="353"/>
    </row>
    <row r="441" spans="6:10" s="410" customFormat="1" x14ac:dyDescent="0.2">
      <c r="F441" s="353"/>
      <c r="G441" s="353"/>
      <c r="H441" s="353"/>
      <c r="I441" s="353"/>
      <c r="J441" s="353"/>
    </row>
    <row r="442" spans="6:10" s="410" customFormat="1" x14ac:dyDescent="0.2">
      <c r="F442" s="353"/>
      <c r="G442" s="353"/>
      <c r="H442" s="353"/>
      <c r="I442" s="353"/>
      <c r="J442" s="353"/>
    </row>
    <row r="443" spans="6:10" s="410" customFormat="1" x14ac:dyDescent="0.2">
      <c r="F443" s="353"/>
      <c r="G443" s="353"/>
      <c r="H443" s="353"/>
      <c r="I443" s="353"/>
      <c r="J443" s="353"/>
    </row>
    <row r="444" spans="6:10" s="410" customFormat="1" x14ac:dyDescent="0.2">
      <c r="F444" s="353"/>
      <c r="G444" s="353"/>
      <c r="H444" s="353"/>
      <c r="I444" s="353"/>
      <c r="J444" s="353"/>
    </row>
    <row r="445" spans="6:10" s="410" customFormat="1" x14ac:dyDescent="0.2">
      <c r="F445" s="353"/>
      <c r="G445" s="353"/>
      <c r="H445" s="353"/>
      <c r="I445" s="353"/>
      <c r="J445" s="353"/>
    </row>
    <row r="446" spans="6:10" s="410" customFormat="1" x14ac:dyDescent="0.2">
      <c r="F446" s="353"/>
      <c r="G446" s="353"/>
      <c r="H446" s="353"/>
      <c r="I446" s="353"/>
      <c r="J446" s="353"/>
    </row>
    <row r="447" spans="6:10" s="410" customFormat="1" x14ac:dyDescent="0.2">
      <c r="F447" s="353"/>
      <c r="G447" s="353"/>
      <c r="H447" s="353"/>
      <c r="I447" s="353"/>
      <c r="J447" s="353"/>
    </row>
    <row r="448" spans="6:10" s="410" customFormat="1" x14ac:dyDescent="0.2">
      <c r="F448" s="353"/>
      <c r="G448" s="353"/>
      <c r="H448" s="353"/>
      <c r="I448" s="353"/>
      <c r="J448" s="353"/>
    </row>
    <row r="449" spans="6:10" s="410" customFormat="1" x14ac:dyDescent="0.2">
      <c r="F449" s="353"/>
      <c r="G449" s="353"/>
      <c r="H449" s="353"/>
      <c r="I449" s="353"/>
      <c r="J449" s="353"/>
    </row>
    <row r="450" spans="6:10" s="410" customFormat="1" x14ac:dyDescent="0.2">
      <c r="F450" s="353"/>
      <c r="G450" s="353"/>
      <c r="H450" s="353"/>
      <c r="I450" s="353"/>
      <c r="J450" s="353"/>
    </row>
    <row r="451" spans="6:10" s="410" customFormat="1" x14ac:dyDescent="0.2">
      <c r="F451" s="353"/>
      <c r="G451" s="353"/>
      <c r="H451" s="353"/>
      <c r="I451" s="353"/>
      <c r="J451" s="353"/>
    </row>
    <row r="452" spans="6:10" s="410" customFormat="1" x14ac:dyDescent="0.2">
      <c r="F452" s="353"/>
      <c r="G452" s="353"/>
      <c r="H452" s="353"/>
      <c r="I452" s="353"/>
      <c r="J452" s="353"/>
    </row>
    <row r="453" spans="6:10" s="410" customFormat="1" x14ac:dyDescent="0.2">
      <c r="F453" s="353"/>
      <c r="G453" s="353"/>
      <c r="H453" s="353"/>
      <c r="I453" s="353"/>
      <c r="J453" s="353"/>
    </row>
    <row r="454" spans="6:10" s="410" customFormat="1" x14ac:dyDescent="0.2">
      <c r="F454" s="353"/>
      <c r="G454" s="353"/>
      <c r="H454" s="353"/>
      <c r="I454" s="353"/>
      <c r="J454" s="353"/>
    </row>
    <row r="455" spans="6:10" s="410" customFormat="1" x14ac:dyDescent="0.2">
      <c r="F455" s="353"/>
      <c r="G455" s="353"/>
      <c r="H455" s="353"/>
      <c r="I455" s="353"/>
      <c r="J455" s="353"/>
    </row>
    <row r="456" spans="6:10" s="410" customFormat="1" x14ac:dyDescent="0.2">
      <c r="F456" s="353"/>
      <c r="G456" s="353"/>
      <c r="H456" s="353"/>
      <c r="I456" s="353"/>
      <c r="J456" s="353"/>
    </row>
    <row r="457" spans="6:10" s="410" customFormat="1" x14ac:dyDescent="0.2">
      <c r="F457" s="353"/>
      <c r="G457" s="353"/>
      <c r="H457" s="353"/>
      <c r="I457" s="353"/>
      <c r="J457" s="353"/>
    </row>
    <row r="458" spans="6:10" s="410" customFormat="1" x14ac:dyDescent="0.2">
      <c r="F458" s="353"/>
      <c r="G458" s="353"/>
      <c r="H458" s="353"/>
      <c r="I458" s="353"/>
      <c r="J458" s="353"/>
    </row>
    <row r="459" spans="6:10" s="410" customFormat="1" x14ac:dyDescent="0.2">
      <c r="F459" s="353"/>
      <c r="G459" s="353"/>
      <c r="H459" s="353"/>
      <c r="I459" s="353"/>
      <c r="J459" s="353"/>
    </row>
    <row r="460" spans="6:10" s="410" customFormat="1" x14ac:dyDescent="0.2">
      <c r="F460" s="353"/>
      <c r="G460" s="353"/>
      <c r="H460" s="353"/>
      <c r="I460" s="353"/>
      <c r="J460" s="353"/>
    </row>
    <row r="461" spans="6:10" s="410" customFormat="1" x14ac:dyDescent="0.2">
      <c r="F461" s="353"/>
      <c r="G461" s="353"/>
      <c r="H461" s="353"/>
      <c r="I461" s="353"/>
      <c r="J461" s="353"/>
    </row>
    <row r="462" spans="6:10" s="410" customFormat="1" x14ac:dyDescent="0.2">
      <c r="F462" s="353"/>
      <c r="G462" s="353"/>
      <c r="H462" s="353"/>
      <c r="I462" s="353"/>
      <c r="J462" s="353"/>
    </row>
    <row r="463" spans="6:10" s="410" customFormat="1" x14ac:dyDescent="0.2">
      <c r="F463" s="353"/>
      <c r="G463" s="353"/>
      <c r="H463" s="353"/>
      <c r="I463" s="353"/>
      <c r="J463" s="353"/>
    </row>
    <row r="464" spans="6:10" s="410" customFormat="1" x14ac:dyDescent="0.2">
      <c r="F464" s="353"/>
      <c r="G464" s="353"/>
      <c r="H464" s="353"/>
      <c r="I464" s="353"/>
      <c r="J464" s="353"/>
    </row>
    <row r="465" spans="6:10" s="410" customFormat="1" x14ac:dyDescent="0.2">
      <c r="F465" s="353"/>
      <c r="G465" s="353"/>
      <c r="H465" s="353"/>
      <c r="I465" s="353"/>
      <c r="J465" s="353"/>
    </row>
    <row r="466" spans="6:10" s="410" customFormat="1" x14ac:dyDescent="0.2">
      <c r="F466" s="353"/>
      <c r="G466" s="353"/>
      <c r="H466" s="353"/>
      <c r="I466" s="353"/>
      <c r="J466" s="353"/>
    </row>
    <row r="467" spans="6:10" s="410" customFormat="1" x14ac:dyDescent="0.2">
      <c r="F467" s="353"/>
      <c r="G467" s="353"/>
      <c r="H467" s="353"/>
      <c r="I467" s="353"/>
      <c r="J467" s="353"/>
    </row>
    <row r="468" spans="6:10" s="410" customFormat="1" x14ac:dyDescent="0.2">
      <c r="F468" s="353"/>
      <c r="G468" s="353"/>
      <c r="H468" s="353"/>
      <c r="I468" s="353"/>
      <c r="J468" s="353"/>
    </row>
    <row r="469" spans="6:10" s="410" customFormat="1" x14ac:dyDescent="0.2">
      <c r="F469" s="353"/>
      <c r="G469" s="353"/>
      <c r="H469" s="353"/>
      <c r="I469" s="353"/>
      <c r="J469" s="353"/>
    </row>
    <row r="470" spans="6:10" s="410" customFormat="1" x14ac:dyDescent="0.2">
      <c r="F470" s="353"/>
      <c r="G470" s="353"/>
      <c r="H470" s="353"/>
      <c r="I470" s="353"/>
      <c r="J470" s="353"/>
    </row>
    <row r="471" spans="6:10" s="410" customFormat="1" x14ac:dyDescent="0.2">
      <c r="F471" s="353"/>
      <c r="G471" s="353"/>
      <c r="H471" s="353"/>
      <c r="I471" s="353"/>
      <c r="J471" s="353"/>
    </row>
    <row r="472" spans="6:10" s="410" customFormat="1" x14ac:dyDescent="0.2">
      <c r="F472" s="353"/>
      <c r="G472" s="353"/>
      <c r="H472" s="353"/>
      <c r="I472" s="353"/>
      <c r="J472" s="353"/>
    </row>
    <row r="473" spans="6:10" s="410" customFormat="1" x14ac:dyDescent="0.2">
      <c r="F473" s="353"/>
      <c r="G473" s="353"/>
      <c r="H473" s="353"/>
      <c r="I473" s="353"/>
      <c r="J473" s="353"/>
    </row>
    <row r="474" spans="6:10" s="410" customFormat="1" x14ac:dyDescent="0.2">
      <c r="F474" s="353"/>
      <c r="G474" s="353"/>
      <c r="H474" s="353"/>
      <c r="I474" s="353"/>
      <c r="J474" s="353"/>
    </row>
    <row r="475" spans="6:10" s="410" customFormat="1" x14ac:dyDescent="0.2">
      <c r="F475" s="353"/>
      <c r="G475" s="353"/>
      <c r="H475" s="353"/>
      <c r="I475" s="353"/>
      <c r="J475" s="353"/>
    </row>
    <row r="476" spans="6:10" s="410" customFormat="1" x14ac:dyDescent="0.2">
      <c r="F476" s="353"/>
      <c r="G476" s="353"/>
      <c r="H476" s="353"/>
      <c r="I476" s="353"/>
      <c r="J476" s="353"/>
    </row>
    <row r="477" spans="6:10" s="410" customFormat="1" x14ac:dyDescent="0.2">
      <c r="F477" s="353"/>
      <c r="G477" s="353"/>
      <c r="H477" s="353"/>
      <c r="I477" s="353"/>
      <c r="J477" s="353"/>
    </row>
    <row r="478" spans="6:10" s="410" customFormat="1" x14ac:dyDescent="0.2">
      <c r="F478" s="353"/>
      <c r="G478" s="353"/>
      <c r="H478" s="353"/>
      <c r="I478" s="353"/>
      <c r="J478" s="353"/>
    </row>
    <row r="479" spans="6:10" s="410" customFormat="1" x14ac:dyDescent="0.2">
      <c r="F479" s="353"/>
      <c r="G479" s="353"/>
      <c r="H479" s="353"/>
      <c r="I479" s="353"/>
      <c r="J479" s="353"/>
    </row>
    <row r="480" spans="6:10" s="410" customFormat="1" x14ac:dyDescent="0.2">
      <c r="F480" s="353"/>
      <c r="G480" s="353"/>
      <c r="H480" s="353"/>
      <c r="I480" s="353"/>
      <c r="J480" s="353"/>
    </row>
    <row r="481" spans="6:10" s="410" customFormat="1" x14ac:dyDescent="0.2">
      <c r="F481" s="353"/>
      <c r="G481" s="353"/>
      <c r="H481" s="353"/>
      <c r="I481" s="353"/>
      <c r="J481" s="353"/>
    </row>
    <row r="482" spans="6:10" s="410" customFormat="1" x14ac:dyDescent="0.2">
      <c r="F482" s="353"/>
      <c r="G482" s="353"/>
      <c r="H482" s="353"/>
      <c r="I482" s="353"/>
      <c r="J482" s="353"/>
    </row>
    <row r="483" spans="6:10" s="410" customFormat="1" x14ac:dyDescent="0.2">
      <c r="F483" s="353"/>
      <c r="G483" s="353"/>
      <c r="H483" s="353"/>
      <c r="I483" s="353"/>
      <c r="J483" s="353"/>
    </row>
    <row r="484" spans="6:10" s="410" customFormat="1" x14ac:dyDescent="0.2">
      <c r="F484" s="353"/>
      <c r="G484" s="353"/>
      <c r="H484" s="353"/>
      <c r="I484" s="353"/>
      <c r="J484" s="353"/>
    </row>
    <row r="485" spans="6:10" s="410" customFormat="1" x14ac:dyDescent="0.2">
      <c r="F485" s="353"/>
      <c r="G485" s="353"/>
      <c r="H485" s="353"/>
      <c r="I485" s="353"/>
      <c r="J485" s="353"/>
    </row>
    <row r="486" spans="6:10" s="410" customFormat="1" x14ac:dyDescent="0.2">
      <c r="F486" s="353"/>
      <c r="G486" s="353"/>
      <c r="H486" s="353"/>
      <c r="I486" s="353"/>
      <c r="J486" s="353"/>
    </row>
    <row r="487" spans="6:10" s="410" customFormat="1" x14ac:dyDescent="0.2">
      <c r="F487" s="353"/>
      <c r="G487" s="353"/>
      <c r="H487" s="353"/>
      <c r="I487" s="353"/>
      <c r="J487" s="353"/>
    </row>
    <row r="488" spans="6:10" s="410" customFormat="1" x14ac:dyDescent="0.2">
      <c r="F488" s="353"/>
      <c r="G488" s="353"/>
      <c r="H488" s="353"/>
      <c r="I488" s="353"/>
      <c r="J488" s="353"/>
    </row>
    <row r="489" spans="6:10" s="410" customFormat="1" x14ac:dyDescent="0.2">
      <c r="F489" s="353"/>
      <c r="G489" s="353"/>
      <c r="H489" s="353"/>
      <c r="I489" s="353"/>
      <c r="J489" s="353"/>
    </row>
    <row r="490" spans="6:10" s="410" customFormat="1" x14ac:dyDescent="0.2">
      <c r="F490" s="353"/>
      <c r="G490" s="353"/>
      <c r="H490" s="353"/>
      <c r="I490" s="353"/>
      <c r="J490" s="353"/>
    </row>
    <row r="491" spans="6:10" s="410" customFormat="1" x14ac:dyDescent="0.2">
      <c r="F491" s="353"/>
      <c r="G491" s="353"/>
      <c r="H491" s="353"/>
      <c r="I491" s="353"/>
      <c r="J491" s="353"/>
    </row>
    <row r="492" spans="6:10" s="410" customFormat="1" x14ac:dyDescent="0.2">
      <c r="F492" s="353"/>
      <c r="G492" s="353"/>
      <c r="H492" s="353"/>
      <c r="I492" s="353"/>
      <c r="J492" s="353"/>
    </row>
    <row r="493" spans="6:10" s="410" customFormat="1" x14ac:dyDescent="0.2">
      <c r="F493" s="353"/>
      <c r="G493" s="353"/>
      <c r="H493" s="353"/>
      <c r="I493" s="353"/>
      <c r="J493" s="353"/>
    </row>
    <row r="494" spans="6:10" s="410" customFormat="1" x14ac:dyDescent="0.2">
      <c r="F494" s="353"/>
      <c r="G494" s="353"/>
      <c r="H494" s="353"/>
      <c r="I494" s="353"/>
      <c r="J494" s="353"/>
    </row>
    <row r="495" spans="6:10" s="410" customFormat="1" x14ac:dyDescent="0.2">
      <c r="F495" s="353"/>
      <c r="G495" s="353"/>
      <c r="H495" s="353"/>
      <c r="I495" s="353"/>
      <c r="J495" s="353"/>
    </row>
    <row r="496" spans="6:10" s="410" customFormat="1" x14ac:dyDescent="0.2">
      <c r="F496" s="353"/>
      <c r="G496" s="353"/>
      <c r="H496" s="353"/>
      <c r="I496" s="353"/>
      <c r="J496" s="353"/>
    </row>
    <row r="497" spans="6:10" s="410" customFormat="1" x14ac:dyDescent="0.2">
      <c r="F497" s="353"/>
      <c r="G497" s="353"/>
      <c r="H497" s="353"/>
      <c r="I497" s="353"/>
      <c r="J497" s="353"/>
    </row>
    <row r="498" spans="6:10" s="410" customFormat="1" x14ac:dyDescent="0.2">
      <c r="F498" s="353"/>
      <c r="G498" s="353"/>
      <c r="H498" s="353"/>
      <c r="I498" s="353"/>
      <c r="J498" s="353"/>
    </row>
    <row r="499" spans="6:10" s="410" customFormat="1" x14ac:dyDescent="0.2">
      <c r="F499" s="353"/>
      <c r="G499" s="353"/>
      <c r="H499" s="353"/>
      <c r="I499" s="353"/>
      <c r="J499" s="353"/>
    </row>
    <row r="500" spans="6:10" s="410" customFormat="1" x14ac:dyDescent="0.2">
      <c r="F500" s="353"/>
      <c r="G500" s="353"/>
      <c r="H500" s="353"/>
      <c r="I500" s="353"/>
      <c r="J500" s="353"/>
    </row>
    <row r="501" spans="6:10" s="410" customFormat="1" x14ac:dyDescent="0.2">
      <c r="F501" s="353"/>
      <c r="G501" s="353"/>
      <c r="H501" s="353"/>
      <c r="I501" s="353"/>
      <c r="J501" s="353"/>
    </row>
    <row r="502" spans="6:10" s="410" customFormat="1" x14ac:dyDescent="0.2">
      <c r="F502" s="353"/>
      <c r="G502" s="353"/>
      <c r="H502" s="353"/>
      <c r="I502" s="353"/>
      <c r="J502" s="353"/>
    </row>
    <row r="503" spans="6:10" s="410" customFormat="1" x14ac:dyDescent="0.2">
      <c r="F503" s="353"/>
      <c r="G503" s="353"/>
      <c r="H503" s="353"/>
      <c r="I503" s="353"/>
      <c r="J503" s="353"/>
    </row>
    <row r="504" spans="6:10" s="410" customFormat="1" x14ac:dyDescent="0.2">
      <c r="F504" s="353"/>
      <c r="G504" s="353"/>
      <c r="H504" s="353"/>
      <c r="I504" s="353"/>
      <c r="J504" s="353"/>
    </row>
    <row r="505" spans="6:10" s="410" customFormat="1" x14ac:dyDescent="0.2">
      <c r="F505" s="353"/>
      <c r="G505" s="353"/>
      <c r="H505" s="353"/>
      <c r="I505" s="353"/>
      <c r="J505" s="353"/>
    </row>
    <row r="506" spans="6:10" s="410" customFormat="1" x14ac:dyDescent="0.2">
      <c r="F506" s="353"/>
      <c r="G506" s="353"/>
      <c r="H506" s="353"/>
      <c r="I506" s="353"/>
      <c r="J506" s="353"/>
    </row>
    <row r="507" spans="6:10" s="410" customFormat="1" x14ac:dyDescent="0.2">
      <c r="F507" s="353"/>
      <c r="G507" s="353"/>
      <c r="H507" s="353"/>
      <c r="I507" s="353"/>
      <c r="J507" s="353"/>
    </row>
    <row r="508" spans="6:10" s="410" customFormat="1" x14ac:dyDescent="0.2">
      <c r="F508" s="353"/>
      <c r="G508" s="353"/>
      <c r="H508" s="353"/>
      <c r="I508" s="353"/>
      <c r="J508" s="353"/>
    </row>
    <row r="509" spans="6:10" s="410" customFormat="1" x14ac:dyDescent="0.2">
      <c r="F509" s="353"/>
      <c r="G509" s="353"/>
      <c r="H509" s="353"/>
      <c r="I509" s="353"/>
      <c r="J509" s="353"/>
    </row>
    <row r="510" spans="6:10" s="410" customFormat="1" x14ac:dyDescent="0.2">
      <c r="F510" s="353"/>
      <c r="G510" s="353"/>
      <c r="H510" s="353"/>
      <c r="I510" s="353"/>
      <c r="J510" s="353"/>
    </row>
    <row r="511" spans="6:10" s="410" customFormat="1" x14ac:dyDescent="0.2">
      <c r="F511" s="353"/>
      <c r="G511" s="353"/>
      <c r="H511" s="353"/>
      <c r="I511" s="353"/>
      <c r="J511" s="353"/>
    </row>
    <row r="512" spans="6:10" s="410" customFormat="1" x14ac:dyDescent="0.2">
      <c r="F512" s="353"/>
      <c r="G512" s="353"/>
      <c r="H512" s="353"/>
      <c r="I512" s="353"/>
      <c r="J512" s="353"/>
    </row>
    <row r="513" spans="6:10" s="410" customFormat="1" x14ac:dyDescent="0.2">
      <c r="F513" s="353"/>
      <c r="G513" s="353"/>
      <c r="H513" s="353"/>
      <c r="I513" s="353"/>
      <c r="J513" s="353"/>
    </row>
    <row r="514" spans="6:10" s="410" customFormat="1" x14ac:dyDescent="0.2">
      <c r="F514" s="353"/>
      <c r="G514" s="353"/>
      <c r="H514" s="353"/>
      <c r="I514" s="353"/>
      <c r="J514" s="353"/>
    </row>
    <row r="515" spans="6:10" s="410" customFormat="1" x14ac:dyDescent="0.2">
      <c r="F515" s="353"/>
      <c r="G515" s="353"/>
      <c r="H515" s="353"/>
      <c r="I515" s="353"/>
      <c r="J515" s="353"/>
    </row>
    <row r="516" spans="6:10" s="410" customFormat="1" x14ac:dyDescent="0.2">
      <c r="F516" s="353"/>
      <c r="G516" s="353"/>
      <c r="H516" s="353"/>
      <c r="I516" s="353"/>
      <c r="J516" s="353"/>
    </row>
    <row r="517" spans="6:10" s="410" customFormat="1" x14ac:dyDescent="0.2">
      <c r="F517" s="353"/>
      <c r="G517" s="353"/>
      <c r="H517" s="353"/>
      <c r="I517" s="353"/>
      <c r="J517" s="353"/>
    </row>
    <row r="518" spans="6:10" s="410" customFormat="1" x14ac:dyDescent="0.2">
      <c r="F518" s="353"/>
      <c r="G518" s="353"/>
      <c r="H518" s="353"/>
      <c r="I518" s="353"/>
      <c r="J518" s="353"/>
    </row>
    <row r="519" spans="6:10" s="410" customFormat="1" x14ac:dyDescent="0.2">
      <c r="F519" s="353"/>
      <c r="G519" s="353"/>
      <c r="H519" s="353"/>
      <c r="I519" s="353"/>
      <c r="J519" s="353"/>
    </row>
    <row r="520" spans="6:10" s="410" customFormat="1" x14ac:dyDescent="0.2">
      <c r="F520" s="353"/>
      <c r="G520" s="353"/>
      <c r="H520" s="353"/>
      <c r="I520" s="353"/>
      <c r="J520" s="353"/>
    </row>
    <row r="521" spans="6:10" s="410" customFormat="1" x14ac:dyDescent="0.2">
      <c r="F521" s="353"/>
      <c r="G521" s="353"/>
      <c r="H521" s="353"/>
      <c r="I521" s="353"/>
      <c r="J521" s="353"/>
    </row>
    <row r="522" spans="6:10" s="410" customFormat="1" x14ac:dyDescent="0.2">
      <c r="F522" s="353"/>
      <c r="G522" s="353"/>
      <c r="H522" s="353"/>
      <c r="I522" s="353"/>
      <c r="J522" s="353"/>
    </row>
    <row r="523" spans="6:10" s="410" customFormat="1" x14ac:dyDescent="0.2">
      <c r="F523" s="353"/>
      <c r="G523" s="353"/>
      <c r="H523" s="353"/>
      <c r="I523" s="353"/>
      <c r="J523" s="353"/>
    </row>
    <row r="524" spans="6:10" s="410" customFormat="1" x14ac:dyDescent="0.2">
      <c r="F524" s="353"/>
      <c r="G524" s="353"/>
      <c r="H524" s="353"/>
      <c r="I524" s="353"/>
      <c r="J524" s="353"/>
    </row>
    <row r="525" spans="6:10" s="410" customFormat="1" x14ac:dyDescent="0.2">
      <c r="F525" s="353"/>
      <c r="G525" s="353"/>
      <c r="H525" s="353"/>
      <c r="I525" s="353"/>
      <c r="J525" s="353"/>
    </row>
    <row r="526" spans="6:10" s="410" customFormat="1" x14ac:dyDescent="0.2">
      <c r="F526" s="353"/>
      <c r="G526" s="353"/>
      <c r="H526" s="353"/>
      <c r="I526" s="353"/>
      <c r="J526" s="353"/>
    </row>
    <row r="527" spans="6:10" s="410" customFormat="1" x14ac:dyDescent="0.2">
      <c r="F527" s="353"/>
      <c r="G527" s="353"/>
      <c r="H527" s="353"/>
      <c r="I527" s="353"/>
      <c r="J527" s="353"/>
    </row>
    <row r="528" spans="6:10" s="410" customFormat="1" x14ac:dyDescent="0.2">
      <c r="F528" s="353"/>
      <c r="G528" s="353"/>
      <c r="H528" s="353"/>
      <c r="I528" s="353"/>
      <c r="J528" s="353"/>
    </row>
    <row r="529" spans="6:10" s="410" customFormat="1" x14ac:dyDescent="0.2">
      <c r="F529" s="353"/>
      <c r="G529" s="353"/>
      <c r="H529" s="353"/>
      <c r="I529" s="353"/>
      <c r="J529" s="353"/>
    </row>
    <row r="530" spans="6:10" s="410" customFormat="1" x14ac:dyDescent="0.2">
      <c r="F530" s="353"/>
      <c r="G530" s="353"/>
      <c r="H530" s="353"/>
      <c r="I530" s="353"/>
      <c r="J530" s="353"/>
    </row>
    <row r="531" spans="6:10" s="410" customFormat="1" x14ac:dyDescent="0.2">
      <c r="F531" s="353"/>
      <c r="G531" s="353"/>
      <c r="H531" s="353"/>
      <c r="I531" s="353"/>
      <c r="J531" s="353"/>
    </row>
    <row r="532" spans="6:10" s="410" customFormat="1" x14ac:dyDescent="0.2">
      <c r="F532" s="353"/>
      <c r="G532" s="353"/>
      <c r="H532" s="353"/>
      <c r="I532" s="353"/>
      <c r="J532" s="353"/>
    </row>
    <row r="533" spans="6:10" s="410" customFormat="1" x14ac:dyDescent="0.2">
      <c r="F533" s="353"/>
      <c r="G533" s="353"/>
      <c r="H533" s="353"/>
      <c r="I533" s="353"/>
      <c r="J533" s="353"/>
    </row>
    <row r="534" spans="6:10" s="410" customFormat="1" x14ac:dyDescent="0.2">
      <c r="F534" s="353"/>
      <c r="G534" s="353"/>
      <c r="H534" s="353"/>
      <c r="I534" s="353"/>
      <c r="J534" s="353"/>
    </row>
    <row r="535" spans="6:10" s="410" customFormat="1" x14ac:dyDescent="0.2">
      <c r="F535" s="353"/>
      <c r="G535" s="353"/>
      <c r="H535" s="353"/>
      <c r="I535" s="353"/>
      <c r="J535" s="353"/>
    </row>
    <row r="536" spans="6:10" s="410" customFormat="1" x14ac:dyDescent="0.2">
      <c r="F536" s="353"/>
      <c r="G536" s="353"/>
      <c r="H536" s="353"/>
      <c r="I536" s="353"/>
      <c r="J536" s="353"/>
    </row>
    <row r="537" spans="6:10" s="410" customFormat="1" x14ac:dyDescent="0.2">
      <c r="F537" s="353"/>
      <c r="G537" s="353"/>
      <c r="H537" s="353"/>
      <c r="I537" s="353"/>
      <c r="J537" s="353"/>
    </row>
    <row r="538" spans="6:10" s="410" customFormat="1" x14ac:dyDescent="0.2">
      <c r="F538" s="353"/>
      <c r="G538" s="353"/>
      <c r="H538" s="353"/>
      <c r="I538" s="353"/>
      <c r="J538" s="353"/>
    </row>
    <row r="539" spans="6:10" s="410" customFormat="1" x14ac:dyDescent="0.2">
      <c r="F539" s="353"/>
      <c r="G539" s="353"/>
      <c r="H539" s="353"/>
      <c r="I539" s="353"/>
      <c r="J539" s="353"/>
    </row>
    <row r="540" spans="6:10" s="410" customFormat="1" x14ac:dyDescent="0.2">
      <c r="F540" s="353"/>
      <c r="G540" s="353"/>
      <c r="H540" s="353"/>
      <c r="I540" s="353"/>
      <c r="J540" s="353"/>
    </row>
    <row r="541" spans="6:10" s="410" customFormat="1" x14ac:dyDescent="0.2">
      <c r="F541" s="353"/>
      <c r="G541" s="353"/>
      <c r="H541" s="353"/>
      <c r="I541" s="353"/>
      <c r="J541" s="353"/>
    </row>
    <row r="542" spans="6:10" s="410" customFormat="1" x14ac:dyDescent="0.2">
      <c r="F542" s="353"/>
      <c r="G542" s="353"/>
      <c r="H542" s="353"/>
      <c r="I542" s="353"/>
      <c r="J542" s="353"/>
    </row>
    <row r="543" spans="6:10" s="410" customFormat="1" x14ac:dyDescent="0.2">
      <c r="F543" s="353"/>
      <c r="G543" s="353"/>
      <c r="H543" s="353"/>
      <c r="I543" s="353"/>
      <c r="J543" s="353"/>
    </row>
    <row r="544" spans="6:10" s="410" customFormat="1" x14ac:dyDescent="0.2">
      <c r="F544" s="353"/>
      <c r="G544" s="353"/>
      <c r="H544" s="353"/>
      <c r="I544" s="353"/>
      <c r="J544" s="353"/>
    </row>
    <row r="545" spans="6:10" s="410" customFormat="1" x14ac:dyDescent="0.2">
      <c r="F545" s="353"/>
      <c r="G545" s="353"/>
      <c r="H545" s="353"/>
      <c r="I545" s="353"/>
      <c r="J545" s="353"/>
    </row>
    <row r="546" spans="6:10" s="410" customFormat="1" x14ac:dyDescent="0.2">
      <c r="F546" s="353"/>
      <c r="G546" s="353"/>
      <c r="H546" s="353"/>
      <c r="I546" s="353"/>
      <c r="J546" s="353"/>
    </row>
    <row r="547" spans="6:10" s="410" customFormat="1" x14ac:dyDescent="0.2">
      <c r="F547" s="353"/>
      <c r="G547" s="353"/>
      <c r="H547" s="353"/>
      <c r="I547" s="353"/>
      <c r="J547" s="353"/>
    </row>
    <row r="548" spans="6:10" s="410" customFormat="1" x14ac:dyDescent="0.2">
      <c r="F548" s="353"/>
      <c r="G548" s="353"/>
      <c r="H548" s="353"/>
      <c r="I548" s="353"/>
      <c r="J548" s="353"/>
    </row>
    <row r="549" spans="6:10" s="410" customFormat="1" x14ac:dyDescent="0.2">
      <c r="F549" s="353"/>
      <c r="G549" s="353"/>
      <c r="H549" s="353"/>
      <c r="I549" s="353"/>
      <c r="J549" s="353"/>
    </row>
    <row r="550" spans="6:10" s="410" customFormat="1" x14ac:dyDescent="0.2">
      <c r="F550" s="353"/>
      <c r="G550" s="353"/>
      <c r="H550" s="353"/>
      <c r="I550" s="353"/>
      <c r="J550" s="353"/>
    </row>
    <row r="551" spans="6:10" s="410" customFormat="1" x14ac:dyDescent="0.2">
      <c r="F551" s="353"/>
      <c r="G551" s="353"/>
      <c r="H551" s="353"/>
      <c r="I551" s="353"/>
      <c r="J551" s="353"/>
    </row>
    <row r="552" spans="6:10" s="410" customFormat="1" x14ac:dyDescent="0.2">
      <c r="F552" s="353"/>
      <c r="G552" s="353"/>
      <c r="H552" s="353"/>
      <c r="I552" s="353"/>
      <c r="J552" s="353"/>
    </row>
    <row r="553" spans="6:10" s="410" customFormat="1" x14ac:dyDescent="0.2">
      <c r="F553" s="353"/>
      <c r="G553" s="353"/>
      <c r="H553" s="353"/>
      <c r="I553" s="353"/>
      <c r="J553" s="353"/>
    </row>
    <row r="554" spans="6:10" s="410" customFormat="1" x14ac:dyDescent="0.2">
      <c r="F554" s="353"/>
      <c r="G554" s="353"/>
      <c r="H554" s="353"/>
      <c r="I554" s="353"/>
      <c r="J554" s="353"/>
    </row>
    <row r="555" spans="6:10" s="410" customFormat="1" x14ac:dyDescent="0.2">
      <c r="F555" s="353"/>
      <c r="G555" s="353"/>
      <c r="H555" s="353"/>
      <c r="I555" s="353"/>
      <c r="J555" s="353"/>
    </row>
    <row r="556" spans="6:10" s="410" customFormat="1" x14ac:dyDescent="0.2">
      <c r="F556" s="353"/>
      <c r="G556" s="353"/>
      <c r="H556" s="353"/>
      <c r="I556" s="353"/>
      <c r="J556" s="353"/>
    </row>
    <row r="557" spans="6:10" s="410" customFormat="1" x14ac:dyDescent="0.2">
      <c r="F557" s="353"/>
      <c r="G557" s="353"/>
      <c r="H557" s="353"/>
      <c r="I557" s="353"/>
      <c r="J557" s="353"/>
    </row>
    <row r="558" spans="6:10" s="410" customFormat="1" x14ac:dyDescent="0.2">
      <c r="F558" s="353"/>
      <c r="G558" s="353"/>
      <c r="H558" s="353"/>
      <c r="I558" s="353"/>
      <c r="J558" s="353"/>
    </row>
    <row r="559" spans="6:10" s="410" customFormat="1" x14ac:dyDescent="0.2">
      <c r="F559" s="353"/>
      <c r="G559" s="353"/>
      <c r="H559" s="353"/>
      <c r="I559" s="353"/>
      <c r="J559" s="353"/>
    </row>
    <row r="560" spans="6:10" s="410" customFormat="1" x14ac:dyDescent="0.2">
      <c r="F560" s="353"/>
      <c r="G560" s="353"/>
      <c r="H560" s="353"/>
      <c r="I560" s="353"/>
      <c r="J560" s="353"/>
    </row>
    <row r="561" spans="6:10" s="410" customFormat="1" x14ac:dyDescent="0.2">
      <c r="F561" s="353"/>
      <c r="G561" s="353"/>
      <c r="H561" s="353"/>
      <c r="I561" s="353"/>
      <c r="J561" s="353"/>
    </row>
    <row r="562" spans="6:10" s="410" customFormat="1" x14ac:dyDescent="0.2">
      <c r="F562" s="353"/>
      <c r="G562" s="353"/>
      <c r="H562" s="353"/>
      <c r="I562" s="353"/>
      <c r="J562" s="353"/>
    </row>
    <row r="563" spans="6:10" s="410" customFormat="1" x14ac:dyDescent="0.2">
      <c r="F563" s="353"/>
      <c r="G563" s="353"/>
      <c r="H563" s="353"/>
      <c r="I563" s="353"/>
      <c r="J563" s="353"/>
    </row>
    <row r="564" spans="6:10" s="410" customFormat="1" x14ac:dyDescent="0.2">
      <c r="F564" s="353"/>
      <c r="G564" s="353"/>
      <c r="H564" s="353"/>
      <c r="I564" s="353"/>
      <c r="J564" s="353"/>
    </row>
    <row r="565" spans="6:10" s="410" customFormat="1" x14ac:dyDescent="0.2">
      <c r="F565" s="353"/>
      <c r="G565" s="353"/>
      <c r="H565" s="353"/>
      <c r="I565" s="353"/>
      <c r="J565" s="353"/>
    </row>
    <row r="566" spans="6:10" s="410" customFormat="1" x14ac:dyDescent="0.2">
      <c r="F566" s="353"/>
      <c r="G566" s="353"/>
      <c r="H566" s="353"/>
      <c r="I566" s="353"/>
      <c r="J566" s="353"/>
    </row>
    <row r="567" spans="6:10" s="410" customFormat="1" x14ac:dyDescent="0.2">
      <c r="F567" s="353"/>
      <c r="G567" s="353"/>
      <c r="H567" s="353"/>
      <c r="I567" s="353"/>
      <c r="J567" s="353"/>
    </row>
    <row r="568" spans="6:10" s="410" customFormat="1" x14ac:dyDescent="0.2">
      <c r="F568" s="353"/>
      <c r="G568" s="353"/>
      <c r="H568" s="353"/>
      <c r="I568" s="353"/>
      <c r="J568" s="353"/>
    </row>
    <row r="569" spans="6:10" s="410" customFormat="1" x14ac:dyDescent="0.2">
      <c r="F569" s="353"/>
      <c r="G569" s="353"/>
      <c r="H569" s="353"/>
      <c r="I569" s="353"/>
      <c r="J569" s="353"/>
    </row>
    <row r="570" spans="6:10" s="410" customFormat="1" x14ac:dyDescent="0.2">
      <c r="F570" s="353"/>
      <c r="G570" s="353"/>
      <c r="H570" s="353"/>
      <c r="I570" s="353"/>
      <c r="J570" s="353"/>
    </row>
    <row r="571" spans="6:10" s="410" customFormat="1" x14ac:dyDescent="0.2">
      <c r="F571" s="353"/>
      <c r="G571" s="353"/>
      <c r="H571" s="353"/>
      <c r="I571" s="353"/>
      <c r="J571" s="353"/>
    </row>
    <row r="572" spans="6:10" s="410" customFormat="1" x14ac:dyDescent="0.2">
      <c r="F572" s="353"/>
      <c r="G572" s="353"/>
      <c r="H572" s="353"/>
      <c r="I572" s="353"/>
      <c r="J572" s="353"/>
    </row>
    <row r="573" spans="6:10" s="410" customFormat="1" x14ac:dyDescent="0.2">
      <c r="F573" s="353"/>
      <c r="G573" s="353"/>
      <c r="H573" s="353"/>
      <c r="I573" s="353"/>
      <c r="J573" s="353"/>
    </row>
    <row r="574" spans="6:10" s="410" customFormat="1" x14ac:dyDescent="0.2">
      <c r="F574" s="353"/>
      <c r="G574" s="353"/>
      <c r="H574" s="353"/>
      <c r="I574" s="353"/>
      <c r="J574" s="353"/>
    </row>
    <row r="575" spans="6:10" s="410" customFormat="1" x14ac:dyDescent="0.2">
      <c r="F575" s="353"/>
      <c r="G575" s="353"/>
      <c r="H575" s="353"/>
      <c r="I575" s="353"/>
      <c r="J575" s="353"/>
    </row>
    <row r="576" spans="6:10" s="410" customFormat="1" x14ac:dyDescent="0.2">
      <c r="F576" s="353"/>
      <c r="G576" s="353"/>
      <c r="H576" s="353"/>
      <c r="I576" s="353"/>
      <c r="J576" s="353"/>
    </row>
    <row r="577" spans="6:10" s="410" customFormat="1" x14ac:dyDescent="0.2">
      <c r="F577" s="353"/>
      <c r="G577" s="353"/>
      <c r="H577" s="353"/>
      <c r="I577" s="353"/>
      <c r="J577" s="353"/>
    </row>
    <row r="578" spans="6:10" s="410" customFormat="1" x14ac:dyDescent="0.2">
      <c r="F578" s="353"/>
      <c r="G578" s="353"/>
      <c r="H578" s="353"/>
      <c r="I578" s="353"/>
      <c r="J578" s="353"/>
    </row>
    <row r="579" spans="6:10" s="410" customFormat="1" x14ac:dyDescent="0.2">
      <c r="F579" s="353"/>
      <c r="G579" s="353"/>
      <c r="H579" s="353"/>
      <c r="I579" s="353"/>
      <c r="J579" s="353"/>
    </row>
    <row r="580" spans="6:10" s="410" customFormat="1" x14ac:dyDescent="0.2">
      <c r="F580" s="353"/>
      <c r="G580" s="353"/>
      <c r="H580" s="353"/>
      <c r="I580" s="353"/>
      <c r="J580" s="353"/>
    </row>
    <row r="581" spans="6:10" s="410" customFormat="1" x14ac:dyDescent="0.2">
      <c r="F581" s="353"/>
      <c r="G581" s="353"/>
      <c r="H581" s="353"/>
      <c r="I581" s="353"/>
      <c r="J581" s="353"/>
    </row>
    <row r="582" spans="6:10" s="410" customFormat="1" x14ac:dyDescent="0.2">
      <c r="F582" s="353"/>
      <c r="G582" s="353"/>
      <c r="H582" s="353"/>
      <c r="I582" s="353"/>
      <c r="J582" s="353"/>
    </row>
    <row r="583" spans="6:10" s="410" customFormat="1" x14ac:dyDescent="0.2">
      <c r="F583" s="353"/>
      <c r="G583" s="353"/>
      <c r="H583" s="353"/>
      <c r="I583" s="353"/>
      <c r="J583" s="353"/>
    </row>
    <row r="584" spans="6:10" s="410" customFormat="1" x14ac:dyDescent="0.2">
      <c r="F584" s="353"/>
      <c r="G584" s="353"/>
      <c r="H584" s="353"/>
      <c r="I584" s="353"/>
      <c r="J584" s="353"/>
    </row>
    <row r="585" spans="6:10" s="410" customFormat="1" x14ac:dyDescent="0.2">
      <c r="F585" s="353"/>
      <c r="G585" s="353"/>
      <c r="H585" s="353"/>
      <c r="I585" s="353"/>
      <c r="J585" s="353"/>
    </row>
    <row r="586" spans="6:10" s="410" customFormat="1" x14ac:dyDescent="0.2">
      <c r="F586" s="353"/>
      <c r="G586" s="353"/>
      <c r="H586" s="353"/>
      <c r="I586" s="353"/>
      <c r="J586" s="353"/>
    </row>
    <row r="587" spans="6:10" s="410" customFormat="1" x14ac:dyDescent="0.2">
      <c r="F587" s="353"/>
      <c r="G587" s="353"/>
      <c r="H587" s="353"/>
      <c r="I587" s="353"/>
      <c r="J587" s="353"/>
    </row>
    <row r="588" spans="6:10" s="410" customFormat="1" x14ac:dyDescent="0.2">
      <c r="F588" s="353"/>
      <c r="G588" s="353"/>
      <c r="H588" s="353"/>
      <c r="I588" s="353"/>
      <c r="J588" s="353"/>
    </row>
    <row r="589" spans="6:10" s="410" customFormat="1" x14ac:dyDescent="0.2">
      <c r="F589" s="353"/>
      <c r="G589" s="353"/>
      <c r="H589" s="353"/>
      <c r="I589" s="353"/>
      <c r="J589" s="353"/>
    </row>
    <row r="590" spans="6:10" s="410" customFormat="1" x14ac:dyDescent="0.2">
      <c r="F590" s="353"/>
      <c r="G590" s="353"/>
      <c r="H590" s="353"/>
      <c r="I590" s="353"/>
      <c r="J590" s="353"/>
    </row>
    <row r="591" spans="6:10" s="410" customFormat="1" x14ac:dyDescent="0.2">
      <c r="F591" s="353"/>
      <c r="G591" s="353"/>
      <c r="H591" s="353"/>
      <c r="I591" s="353"/>
      <c r="J591" s="353"/>
    </row>
    <row r="592" spans="6:10" s="410" customFormat="1" x14ac:dyDescent="0.2">
      <c r="F592" s="353"/>
      <c r="G592" s="353"/>
      <c r="H592" s="353"/>
      <c r="I592" s="353"/>
      <c r="J592" s="353"/>
    </row>
    <row r="593" spans="6:10" s="410" customFormat="1" x14ac:dyDescent="0.2">
      <c r="F593" s="353"/>
      <c r="G593" s="353"/>
      <c r="H593" s="353"/>
      <c r="I593" s="353"/>
      <c r="J593" s="353"/>
    </row>
    <row r="594" spans="6:10" s="410" customFormat="1" x14ac:dyDescent="0.2">
      <c r="F594" s="353"/>
      <c r="G594" s="353"/>
      <c r="H594" s="353"/>
      <c r="I594" s="353"/>
      <c r="J594" s="353"/>
    </row>
    <row r="595" spans="6:10" s="410" customFormat="1" x14ac:dyDescent="0.2">
      <c r="F595" s="353"/>
      <c r="G595" s="353"/>
      <c r="H595" s="353"/>
      <c r="I595" s="353"/>
      <c r="J595" s="353"/>
    </row>
    <row r="596" spans="6:10" s="410" customFormat="1" x14ac:dyDescent="0.2">
      <c r="F596" s="353"/>
      <c r="G596" s="353"/>
      <c r="H596" s="353"/>
      <c r="I596" s="353"/>
      <c r="J596" s="353"/>
    </row>
    <row r="597" spans="6:10" s="410" customFormat="1" x14ac:dyDescent="0.2">
      <c r="F597" s="353"/>
      <c r="G597" s="353"/>
      <c r="H597" s="353"/>
      <c r="I597" s="353"/>
      <c r="J597" s="353"/>
    </row>
    <row r="598" spans="6:10" s="410" customFormat="1" x14ac:dyDescent="0.2">
      <c r="F598" s="353"/>
      <c r="G598" s="353"/>
      <c r="H598" s="353"/>
      <c r="I598" s="353"/>
      <c r="J598" s="353"/>
    </row>
    <row r="599" spans="6:10" s="410" customFormat="1" x14ac:dyDescent="0.2">
      <c r="F599" s="353"/>
      <c r="G599" s="353"/>
      <c r="H599" s="353"/>
      <c r="I599" s="353"/>
      <c r="J599" s="353"/>
    </row>
    <row r="600" spans="6:10" s="410" customFormat="1" x14ac:dyDescent="0.2">
      <c r="F600" s="353"/>
      <c r="G600" s="353"/>
      <c r="H600" s="353"/>
      <c r="I600" s="353"/>
      <c r="J600" s="353"/>
    </row>
    <row r="601" spans="6:10" s="410" customFormat="1" x14ac:dyDescent="0.2">
      <c r="F601" s="353"/>
      <c r="G601" s="353"/>
      <c r="H601" s="353"/>
      <c r="I601" s="353"/>
      <c r="J601" s="353"/>
    </row>
    <row r="602" spans="6:10" s="410" customFormat="1" x14ac:dyDescent="0.2">
      <c r="F602" s="353"/>
      <c r="G602" s="353"/>
      <c r="H602" s="353"/>
      <c r="I602" s="353"/>
      <c r="J602" s="353"/>
    </row>
    <row r="603" spans="6:10" s="410" customFormat="1" x14ac:dyDescent="0.2">
      <c r="F603" s="353"/>
      <c r="G603" s="353"/>
      <c r="H603" s="353"/>
      <c r="I603" s="353"/>
      <c r="J603" s="353"/>
    </row>
    <row r="604" spans="6:10" s="410" customFormat="1" x14ac:dyDescent="0.2">
      <c r="F604" s="353"/>
      <c r="G604" s="353"/>
      <c r="H604" s="353"/>
      <c r="I604" s="353"/>
      <c r="J604" s="353"/>
    </row>
    <row r="605" spans="6:10" s="410" customFormat="1" x14ac:dyDescent="0.2">
      <c r="F605" s="353"/>
      <c r="G605" s="353"/>
      <c r="H605" s="353"/>
      <c r="I605" s="353"/>
      <c r="J605" s="353"/>
    </row>
    <row r="606" spans="6:10" s="410" customFormat="1" x14ac:dyDescent="0.2">
      <c r="F606" s="353"/>
      <c r="G606" s="353"/>
      <c r="H606" s="353"/>
      <c r="I606" s="353"/>
      <c r="J606" s="353"/>
    </row>
    <row r="607" spans="6:10" s="410" customFormat="1" x14ac:dyDescent="0.2">
      <c r="F607" s="353"/>
      <c r="G607" s="353"/>
      <c r="H607" s="353"/>
      <c r="I607" s="353"/>
      <c r="J607" s="353"/>
    </row>
    <row r="608" spans="6:10" s="410" customFormat="1" x14ac:dyDescent="0.2">
      <c r="F608" s="353"/>
      <c r="G608" s="353"/>
      <c r="H608" s="353"/>
      <c r="I608" s="353"/>
      <c r="J608" s="353"/>
    </row>
    <row r="609" spans="6:10" s="410" customFormat="1" x14ac:dyDescent="0.2">
      <c r="F609" s="353"/>
      <c r="G609" s="353"/>
      <c r="H609" s="353"/>
      <c r="I609" s="353"/>
      <c r="J609" s="353"/>
    </row>
    <row r="610" spans="6:10" s="410" customFormat="1" x14ac:dyDescent="0.2">
      <c r="F610" s="353"/>
      <c r="G610" s="353"/>
      <c r="H610" s="353"/>
      <c r="I610" s="353"/>
      <c r="J610" s="353"/>
    </row>
    <row r="611" spans="6:10" s="410" customFormat="1" x14ac:dyDescent="0.2">
      <c r="F611" s="353"/>
      <c r="G611" s="353"/>
      <c r="H611" s="353"/>
      <c r="I611" s="353"/>
      <c r="J611" s="353"/>
    </row>
    <row r="612" spans="6:10" s="410" customFormat="1" x14ac:dyDescent="0.2">
      <c r="F612" s="353"/>
      <c r="G612" s="353"/>
      <c r="H612" s="353"/>
      <c r="I612" s="353"/>
      <c r="J612" s="353"/>
    </row>
    <row r="613" spans="6:10" s="410" customFormat="1" x14ac:dyDescent="0.2">
      <c r="F613" s="353"/>
      <c r="G613" s="353"/>
      <c r="H613" s="353"/>
      <c r="I613" s="353"/>
      <c r="J613" s="353"/>
    </row>
    <row r="614" spans="6:10" s="410" customFormat="1" x14ac:dyDescent="0.2">
      <c r="F614" s="353"/>
      <c r="G614" s="353"/>
      <c r="H614" s="353"/>
      <c r="I614" s="353"/>
      <c r="J614" s="353"/>
    </row>
    <row r="615" spans="6:10" s="410" customFormat="1" x14ac:dyDescent="0.2">
      <c r="F615" s="353"/>
      <c r="G615" s="353"/>
      <c r="H615" s="353"/>
      <c r="I615" s="353"/>
      <c r="J615" s="353"/>
    </row>
    <row r="616" spans="6:10" s="410" customFormat="1" x14ac:dyDescent="0.2">
      <c r="F616" s="353"/>
      <c r="G616" s="353"/>
      <c r="H616" s="353"/>
      <c r="I616" s="353"/>
      <c r="J616" s="353"/>
    </row>
    <row r="617" spans="6:10" s="410" customFormat="1" x14ac:dyDescent="0.2">
      <c r="F617" s="353"/>
      <c r="G617" s="353"/>
      <c r="H617" s="353"/>
      <c r="I617" s="353"/>
      <c r="J617" s="353"/>
    </row>
    <row r="618" spans="6:10" s="410" customFormat="1" x14ac:dyDescent="0.2">
      <c r="F618" s="353"/>
      <c r="G618" s="353"/>
      <c r="H618" s="353"/>
      <c r="I618" s="353"/>
      <c r="J618" s="353"/>
    </row>
    <row r="619" spans="6:10" s="410" customFormat="1" x14ac:dyDescent="0.2">
      <c r="F619" s="353"/>
      <c r="G619" s="353"/>
      <c r="H619" s="353"/>
      <c r="I619" s="353"/>
      <c r="J619" s="353"/>
    </row>
    <row r="620" spans="6:10" s="410" customFormat="1" x14ac:dyDescent="0.2">
      <c r="F620" s="353"/>
      <c r="G620" s="353"/>
      <c r="H620" s="353"/>
      <c r="I620" s="353"/>
      <c r="J620" s="353"/>
    </row>
    <row r="621" spans="6:10" s="410" customFormat="1" x14ac:dyDescent="0.2">
      <c r="F621" s="353"/>
      <c r="G621" s="353"/>
      <c r="H621" s="353"/>
      <c r="I621" s="353"/>
      <c r="J621" s="353"/>
    </row>
    <row r="622" spans="6:10" s="410" customFormat="1" x14ac:dyDescent="0.2">
      <c r="F622" s="353"/>
      <c r="G622" s="353"/>
      <c r="H622" s="353"/>
      <c r="I622" s="353"/>
      <c r="J622" s="353"/>
    </row>
    <row r="623" spans="6:10" s="410" customFormat="1" x14ac:dyDescent="0.2">
      <c r="F623" s="353"/>
      <c r="G623" s="353"/>
      <c r="H623" s="353"/>
      <c r="I623" s="353"/>
      <c r="J623" s="353"/>
    </row>
    <row r="624" spans="6:10" s="410" customFormat="1" x14ac:dyDescent="0.2">
      <c r="F624" s="353"/>
      <c r="G624" s="353"/>
      <c r="H624" s="353"/>
      <c r="I624" s="353"/>
      <c r="J624" s="353"/>
    </row>
    <row r="625" spans="6:10" s="410" customFormat="1" x14ac:dyDescent="0.2">
      <c r="F625" s="353"/>
      <c r="G625" s="353"/>
      <c r="H625" s="353"/>
      <c r="I625" s="353"/>
      <c r="J625" s="353"/>
    </row>
    <row r="626" spans="6:10" s="410" customFormat="1" x14ac:dyDescent="0.2">
      <c r="F626" s="353"/>
      <c r="G626" s="353"/>
      <c r="H626" s="353"/>
      <c r="I626" s="353"/>
      <c r="J626" s="353"/>
    </row>
    <row r="627" spans="6:10" s="410" customFormat="1" x14ac:dyDescent="0.2">
      <c r="F627" s="353"/>
      <c r="G627" s="353"/>
      <c r="H627" s="353"/>
      <c r="I627" s="353"/>
      <c r="J627" s="353"/>
    </row>
    <row r="628" spans="6:10" s="410" customFormat="1" x14ac:dyDescent="0.2">
      <c r="F628" s="353"/>
      <c r="G628" s="353"/>
      <c r="H628" s="353"/>
      <c r="I628" s="353"/>
      <c r="J628" s="353"/>
    </row>
    <row r="629" spans="6:10" s="410" customFormat="1" x14ac:dyDescent="0.2">
      <c r="F629" s="353"/>
      <c r="G629" s="353"/>
      <c r="H629" s="353"/>
      <c r="I629" s="353"/>
      <c r="J629" s="353"/>
    </row>
    <row r="630" spans="6:10" s="410" customFormat="1" x14ac:dyDescent="0.2">
      <c r="F630" s="353"/>
      <c r="G630" s="353"/>
      <c r="H630" s="353"/>
      <c r="I630" s="353"/>
      <c r="J630" s="353"/>
    </row>
    <row r="631" spans="6:10" s="410" customFormat="1" x14ac:dyDescent="0.2">
      <c r="F631" s="353"/>
      <c r="G631" s="353"/>
      <c r="H631" s="353"/>
      <c r="I631" s="353"/>
      <c r="J631" s="353"/>
    </row>
    <row r="632" spans="6:10" s="410" customFormat="1" x14ac:dyDescent="0.2">
      <c r="F632" s="353"/>
      <c r="G632" s="353"/>
      <c r="H632" s="353"/>
      <c r="I632" s="353"/>
      <c r="J632" s="353"/>
    </row>
    <row r="633" spans="6:10" s="410" customFormat="1" x14ac:dyDescent="0.2">
      <c r="F633" s="353"/>
      <c r="G633" s="353"/>
      <c r="H633" s="353"/>
      <c r="I633" s="353"/>
      <c r="J633" s="353"/>
    </row>
    <row r="634" spans="6:10" s="410" customFormat="1" x14ac:dyDescent="0.2">
      <c r="F634" s="353"/>
      <c r="G634" s="353"/>
      <c r="H634" s="353"/>
      <c r="I634" s="353"/>
      <c r="J634" s="353"/>
    </row>
    <row r="635" spans="6:10" s="410" customFormat="1" x14ac:dyDescent="0.2">
      <c r="F635" s="353"/>
      <c r="G635" s="353"/>
      <c r="H635" s="353"/>
      <c r="I635" s="353"/>
      <c r="J635" s="353"/>
    </row>
    <row r="636" spans="6:10" s="410" customFormat="1" x14ac:dyDescent="0.2">
      <c r="F636" s="353"/>
      <c r="G636" s="353"/>
      <c r="H636" s="353"/>
      <c r="I636" s="353"/>
      <c r="J636" s="353"/>
    </row>
    <row r="637" spans="6:10" s="410" customFormat="1" x14ac:dyDescent="0.2">
      <c r="F637" s="353"/>
      <c r="G637" s="353"/>
      <c r="H637" s="353"/>
      <c r="I637" s="353"/>
      <c r="J637" s="353"/>
    </row>
    <row r="638" spans="6:10" s="410" customFormat="1" x14ac:dyDescent="0.2">
      <c r="F638" s="353"/>
      <c r="G638" s="353"/>
      <c r="H638" s="353"/>
      <c r="I638" s="353"/>
      <c r="J638" s="353"/>
    </row>
    <row r="639" spans="6:10" s="410" customFormat="1" x14ac:dyDescent="0.2">
      <c r="F639" s="353"/>
      <c r="G639" s="353"/>
      <c r="H639" s="353"/>
      <c r="I639" s="353"/>
      <c r="J639" s="353"/>
    </row>
    <row r="640" spans="6:10" s="410" customFormat="1" x14ac:dyDescent="0.2">
      <c r="F640" s="353"/>
      <c r="G640" s="353"/>
      <c r="H640" s="353"/>
      <c r="I640" s="353"/>
      <c r="J640" s="353"/>
    </row>
    <row r="641" spans="6:10" s="410" customFormat="1" x14ac:dyDescent="0.2">
      <c r="F641" s="353"/>
      <c r="G641" s="353"/>
      <c r="H641" s="353"/>
      <c r="I641" s="353"/>
      <c r="J641" s="353"/>
    </row>
    <row r="642" spans="6:10" s="410" customFormat="1" x14ac:dyDescent="0.2">
      <c r="F642" s="353"/>
      <c r="G642" s="353"/>
      <c r="H642" s="353"/>
      <c r="I642" s="353"/>
      <c r="J642" s="353"/>
    </row>
    <row r="643" spans="6:10" s="410" customFormat="1" x14ac:dyDescent="0.2">
      <c r="F643" s="353"/>
      <c r="G643" s="353"/>
      <c r="H643" s="353"/>
      <c r="I643" s="353"/>
      <c r="J643" s="353"/>
    </row>
    <row r="644" spans="6:10" s="410" customFormat="1" x14ac:dyDescent="0.2">
      <c r="F644" s="353"/>
      <c r="G644" s="353"/>
      <c r="H644" s="353"/>
      <c r="I644" s="353"/>
      <c r="J644" s="353"/>
    </row>
    <row r="645" spans="6:10" s="410" customFormat="1" x14ac:dyDescent="0.2">
      <c r="F645" s="353"/>
      <c r="G645" s="353"/>
      <c r="H645" s="353"/>
      <c r="I645" s="353"/>
      <c r="J645" s="353"/>
    </row>
    <row r="646" spans="6:10" s="410" customFormat="1" x14ac:dyDescent="0.2">
      <c r="F646" s="353"/>
      <c r="G646" s="353"/>
      <c r="H646" s="353"/>
      <c r="I646" s="353"/>
      <c r="J646" s="353"/>
    </row>
    <row r="647" spans="6:10" s="410" customFormat="1" x14ac:dyDescent="0.2">
      <c r="F647" s="353"/>
      <c r="G647" s="353"/>
      <c r="H647" s="353"/>
      <c r="I647" s="353"/>
      <c r="J647" s="353"/>
    </row>
    <row r="648" spans="6:10" s="410" customFormat="1" x14ac:dyDescent="0.2">
      <c r="F648" s="353"/>
      <c r="G648" s="353"/>
      <c r="H648" s="353"/>
      <c r="I648" s="353"/>
      <c r="J648" s="353"/>
    </row>
    <row r="649" spans="6:10" s="410" customFormat="1" x14ac:dyDescent="0.2">
      <c r="F649" s="353"/>
      <c r="G649" s="353"/>
      <c r="H649" s="353"/>
      <c r="I649" s="353"/>
      <c r="J649" s="353"/>
    </row>
    <row r="650" spans="6:10" s="410" customFormat="1" x14ac:dyDescent="0.2">
      <c r="F650" s="353"/>
      <c r="G650" s="353"/>
      <c r="H650" s="353"/>
      <c r="I650" s="353"/>
      <c r="J650" s="353"/>
    </row>
    <row r="651" spans="6:10" s="410" customFormat="1" x14ac:dyDescent="0.2">
      <c r="F651" s="353"/>
      <c r="G651" s="353"/>
      <c r="H651" s="353"/>
      <c r="I651" s="353"/>
      <c r="J651" s="353"/>
    </row>
    <row r="652" spans="6:10" s="410" customFormat="1" x14ac:dyDescent="0.2">
      <c r="F652" s="353"/>
      <c r="G652" s="353"/>
      <c r="H652" s="353"/>
      <c r="I652" s="353"/>
      <c r="J652" s="353"/>
    </row>
    <row r="653" spans="6:10" s="410" customFormat="1" x14ac:dyDescent="0.2">
      <c r="F653" s="353"/>
      <c r="G653" s="353"/>
      <c r="H653" s="353"/>
      <c r="I653" s="353"/>
      <c r="J653" s="353"/>
    </row>
    <row r="654" spans="6:10" s="410" customFormat="1" x14ac:dyDescent="0.2">
      <c r="F654" s="353"/>
      <c r="G654" s="353"/>
      <c r="H654" s="353"/>
      <c r="I654" s="353"/>
      <c r="J654" s="353"/>
    </row>
    <row r="655" spans="6:10" s="410" customFormat="1" x14ac:dyDescent="0.2">
      <c r="F655" s="353"/>
      <c r="G655" s="353"/>
      <c r="H655" s="353"/>
      <c r="I655" s="353"/>
      <c r="J655" s="353"/>
    </row>
    <row r="656" spans="6:10" s="410" customFormat="1" x14ac:dyDescent="0.2">
      <c r="F656" s="353"/>
      <c r="G656" s="353"/>
      <c r="H656" s="353"/>
      <c r="I656" s="353"/>
      <c r="J656" s="353"/>
    </row>
    <row r="657" spans="6:10" s="410" customFormat="1" x14ac:dyDescent="0.2">
      <c r="F657" s="353"/>
      <c r="G657" s="353"/>
      <c r="H657" s="353"/>
      <c r="I657" s="353"/>
      <c r="J657" s="353"/>
    </row>
    <row r="658" spans="6:10" s="410" customFormat="1" x14ac:dyDescent="0.2">
      <c r="F658" s="353"/>
      <c r="G658" s="353"/>
      <c r="H658" s="353"/>
      <c r="I658" s="353"/>
      <c r="J658" s="353"/>
    </row>
    <row r="659" spans="6:10" s="410" customFormat="1" x14ac:dyDescent="0.2">
      <c r="F659" s="353"/>
      <c r="G659" s="353"/>
      <c r="H659" s="353"/>
      <c r="I659" s="353"/>
      <c r="J659" s="353"/>
    </row>
    <row r="660" spans="6:10" s="410" customFormat="1" x14ac:dyDescent="0.2">
      <c r="F660" s="353"/>
      <c r="G660" s="353"/>
      <c r="H660" s="353"/>
      <c r="I660" s="353"/>
      <c r="J660" s="353"/>
    </row>
    <row r="661" spans="6:10" s="410" customFormat="1" x14ac:dyDescent="0.2">
      <c r="F661" s="353"/>
      <c r="G661" s="353"/>
      <c r="H661" s="353"/>
      <c r="I661" s="353"/>
      <c r="J661" s="353"/>
    </row>
    <row r="662" spans="6:10" s="410" customFormat="1" x14ac:dyDescent="0.2">
      <c r="F662" s="353"/>
      <c r="G662" s="353"/>
      <c r="H662" s="353"/>
      <c r="I662" s="353"/>
      <c r="J662" s="353"/>
    </row>
    <row r="663" spans="6:10" s="410" customFormat="1" x14ac:dyDescent="0.2">
      <c r="F663" s="353"/>
      <c r="G663" s="353"/>
      <c r="H663" s="353"/>
      <c r="I663" s="353"/>
      <c r="J663" s="353"/>
    </row>
    <row r="664" spans="6:10" s="410" customFormat="1" x14ac:dyDescent="0.2">
      <c r="F664" s="353"/>
      <c r="G664" s="353"/>
      <c r="H664" s="353"/>
      <c r="I664" s="353"/>
      <c r="J664" s="353"/>
    </row>
    <row r="665" spans="6:10" s="410" customFormat="1" x14ac:dyDescent="0.2">
      <c r="F665" s="353"/>
      <c r="G665" s="353"/>
      <c r="H665" s="353"/>
      <c r="I665" s="353"/>
      <c r="J665" s="353"/>
    </row>
    <row r="666" spans="6:10" s="410" customFormat="1" x14ac:dyDescent="0.2">
      <c r="F666" s="353"/>
      <c r="G666" s="353"/>
      <c r="H666" s="353"/>
      <c r="I666" s="353"/>
      <c r="J666" s="353"/>
    </row>
    <row r="667" spans="6:10" s="410" customFormat="1" x14ac:dyDescent="0.2">
      <c r="F667" s="353"/>
      <c r="G667" s="353"/>
      <c r="H667" s="353"/>
      <c r="I667" s="353"/>
      <c r="J667" s="353"/>
    </row>
    <row r="668" spans="6:10" s="410" customFormat="1" x14ac:dyDescent="0.2">
      <c r="F668" s="353"/>
      <c r="G668" s="353"/>
      <c r="H668" s="353"/>
      <c r="I668" s="353"/>
      <c r="J668" s="353"/>
    </row>
    <row r="669" spans="6:10" s="410" customFormat="1" x14ac:dyDescent="0.2">
      <c r="F669" s="353"/>
      <c r="G669" s="353"/>
      <c r="H669" s="353"/>
      <c r="I669" s="353"/>
      <c r="J669" s="353"/>
    </row>
    <row r="670" spans="6:10" s="410" customFormat="1" x14ac:dyDescent="0.2">
      <c r="F670" s="353"/>
      <c r="G670" s="353"/>
      <c r="H670" s="353"/>
      <c r="I670" s="353"/>
      <c r="J670" s="353"/>
    </row>
    <row r="671" spans="6:10" s="410" customFormat="1" x14ac:dyDescent="0.2">
      <c r="F671" s="353"/>
      <c r="G671" s="353"/>
      <c r="H671" s="353"/>
      <c r="I671" s="353"/>
      <c r="J671" s="353"/>
    </row>
    <row r="672" spans="6:10" s="410" customFormat="1" x14ac:dyDescent="0.2">
      <c r="F672" s="353"/>
      <c r="G672" s="353"/>
      <c r="H672" s="353"/>
      <c r="I672" s="353"/>
      <c r="J672" s="353"/>
    </row>
    <row r="673" spans="6:10" s="410" customFormat="1" x14ac:dyDescent="0.2">
      <c r="F673" s="353"/>
      <c r="G673" s="353"/>
      <c r="H673" s="353"/>
      <c r="I673" s="353"/>
      <c r="J673" s="353"/>
    </row>
    <row r="674" spans="6:10" s="410" customFormat="1" x14ac:dyDescent="0.2">
      <c r="F674" s="353"/>
      <c r="G674" s="353"/>
      <c r="H674" s="353"/>
      <c r="I674" s="353"/>
      <c r="J674" s="353"/>
    </row>
    <row r="675" spans="6:10" s="410" customFormat="1" x14ac:dyDescent="0.2">
      <c r="F675" s="353"/>
      <c r="G675" s="353"/>
      <c r="H675" s="353"/>
      <c r="I675" s="353"/>
      <c r="J675" s="353"/>
    </row>
    <row r="676" spans="6:10" s="410" customFormat="1" x14ac:dyDescent="0.2">
      <c r="F676" s="353"/>
      <c r="G676" s="353"/>
      <c r="H676" s="353"/>
      <c r="I676" s="353"/>
      <c r="J676" s="353"/>
    </row>
    <row r="677" spans="6:10" s="410" customFormat="1" x14ac:dyDescent="0.2">
      <c r="F677" s="353"/>
      <c r="G677" s="353"/>
      <c r="H677" s="353"/>
      <c r="I677" s="353"/>
      <c r="J677" s="353"/>
    </row>
    <row r="678" spans="6:10" s="410" customFormat="1" x14ac:dyDescent="0.2">
      <c r="F678" s="353"/>
      <c r="G678" s="353"/>
      <c r="H678" s="353"/>
      <c r="I678" s="353"/>
      <c r="J678" s="353"/>
    </row>
    <row r="679" spans="6:10" s="410" customFormat="1" x14ac:dyDescent="0.2">
      <c r="F679" s="353"/>
      <c r="G679" s="353"/>
      <c r="H679" s="353"/>
      <c r="I679" s="353"/>
      <c r="J679" s="353"/>
    </row>
    <row r="680" spans="6:10" s="410" customFormat="1" x14ac:dyDescent="0.2">
      <c r="F680" s="353"/>
      <c r="G680" s="353"/>
      <c r="H680" s="353"/>
      <c r="I680" s="353"/>
      <c r="J680" s="353"/>
    </row>
    <row r="681" spans="6:10" s="410" customFormat="1" x14ac:dyDescent="0.2">
      <c r="F681" s="353"/>
      <c r="G681" s="353"/>
      <c r="H681" s="353"/>
      <c r="I681" s="353"/>
      <c r="J681" s="353"/>
    </row>
    <row r="682" spans="6:10" s="410" customFormat="1" x14ac:dyDescent="0.2">
      <c r="F682" s="353"/>
      <c r="G682" s="353"/>
      <c r="H682" s="353"/>
      <c r="I682" s="353"/>
      <c r="J682" s="353"/>
    </row>
    <row r="683" spans="6:10" s="410" customFormat="1" x14ac:dyDescent="0.2">
      <c r="F683" s="353"/>
      <c r="G683" s="353"/>
      <c r="H683" s="353"/>
      <c r="I683" s="353"/>
      <c r="J683" s="353"/>
    </row>
    <row r="684" spans="6:10" s="410" customFormat="1" x14ac:dyDescent="0.2">
      <c r="F684" s="353"/>
      <c r="G684" s="353"/>
      <c r="H684" s="353"/>
      <c r="I684" s="353"/>
      <c r="J684" s="353"/>
    </row>
    <row r="685" spans="6:10" s="410" customFormat="1" x14ac:dyDescent="0.2">
      <c r="F685" s="353"/>
      <c r="G685" s="353"/>
      <c r="H685" s="353"/>
      <c r="I685" s="353"/>
      <c r="J685" s="353"/>
    </row>
    <row r="686" spans="6:10" s="410" customFormat="1" x14ac:dyDescent="0.2">
      <c r="F686" s="353"/>
      <c r="G686" s="353"/>
      <c r="H686" s="353"/>
      <c r="I686" s="353"/>
      <c r="J686" s="353"/>
    </row>
    <row r="687" spans="6:10" s="410" customFormat="1" x14ac:dyDescent="0.2">
      <c r="F687" s="353"/>
      <c r="G687" s="353"/>
      <c r="H687" s="353"/>
      <c r="I687" s="353"/>
      <c r="J687" s="353"/>
    </row>
    <row r="688" spans="6:10" s="410" customFormat="1" x14ac:dyDescent="0.2">
      <c r="F688" s="353"/>
      <c r="G688" s="353"/>
      <c r="H688" s="353"/>
      <c r="I688" s="353"/>
      <c r="J688" s="353"/>
    </row>
    <row r="689" spans="6:10" s="410" customFormat="1" x14ac:dyDescent="0.2">
      <c r="F689" s="353"/>
      <c r="G689" s="353"/>
      <c r="H689" s="353"/>
      <c r="I689" s="353"/>
      <c r="J689" s="353"/>
    </row>
    <row r="690" spans="6:10" s="410" customFormat="1" x14ac:dyDescent="0.2">
      <c r="F690" s="353"/>
      <c r="G690" s="353"/>
      <c r="H690" s="353"/>
      <c r="I690" s="353"/>
      <c r="J690" s="353"/>
    </row>
    <row r="691" spans="6:10" s="410" customFormat="1" x14ac:dyDescent="0.2">
      <c r="F691" s="353"/>
      <c r="G691" s="353"/>
      <c r="H691" s="353"/>
      <c r="I691" s="353"/>
      <c r="J691" s="353"/>
    </row>
    <row r="692" spans="6:10" s="410" customFormat="1" x14ac:dyDescent="0.2">
      <c r="F692" s="353"/>
      <c r="G692" s="353"/>
      <c r="H692" s="353"/>
      <c r="I692" s="353"/>
      <c r="J692" s="353"/>
    </row>
    <row r="693" spans="6:10" s="410" customFormat="1" x14ac:dyDescent="0.2">
      <c r="F693" s="353"/>
      <c r="G693" s="353"/>
      <c r="H693" s="353"/>
      <c r="I693" s="353"/>
      <c r="J693" s="353"/>
    </row>
    <row r="694" spans="6:10" s="410" customFormat="1" x14ac:dyDescent="0.2">
      <c r="F694" s="353"/>
      <c r="G694" s="353"/>
      <c r="H694" s="353"/>
      <c r="I694" s="353"/>
      <c r="J694" s="353"/>
    </row>
    <row r="695" spans="6:10" s="410" customFormat="1" x14ac:dyDescent="0.2">
      <c r="F695" s="353"/>
      <c r="G695" s="353"/>
      <c r="H695" s="353"/>
      <c r="I695" s="353"/>
      <c r="J695" s="353"/>
    </row>
    <row r="696" spans="6:10" s="410" customFormat="1" x14ac:dyDescent="0.2">
      <c r="F696" s="353"/>
      <c r="G696" s="353"/>
      <c r="H696" s="353"/>
      <c r="I696" s="353"/>
      <c r="J696" s="353"/>
    </row>
    <row r="697" spans="6:10" s="410" customFormat="1" x14ac:dyDescent="0.2">
      <c r="F697" s="353"/>
      <c r="G697" s="353"/>
      <c r="H697" s="353"/>
      <c r="I697" s="353"/>
      <c r="J697" s="353"/>
    </row>
    <row r="698" spans="6:10" s="410" customFormat="1" x14ac:dyDescent="0.2">
      <c r="F698" s="353"/>
      <c r="G698" s="353"/>
      <c r="H698" s="353"/>
      <c r="I698" s="353"/>
      <c r="J698" s="353"/>
    </row>
    <row r="699" spans="6:10" s="410" customFormat="1" x14ac:dyDescent="0.2">
      <c r="F699" s="353"/>
      <c r="G699" s="353"/>
      <c r="H699" s="353"/>
      <c r="I699" s="353"/>
      <c r="J699" s="353"/>
    </row>
    <row r="700" spans="6:10" s="410" customFormat="1" x14ac:dyDescent="0.2">
      <c r="F700" s="353"/>
      <c r="G700" s="353"/>
      <c r="H700" s="353"/>
      <c r="I700" s="353"/>
      <c r="J700" s="353"/>
    </row>
    <row r="701" spans="6:10" s="410" customFormat="1" x14ac:dyDescent="0.2">
      <c r="F701" s="353"/>
      <c r="G701" s="353"/>
      <c r="H701" s="353"/>
      <c r="I701" s="353"/>
      <c r="J701" s="353"/>
    </row>
    <row r="702" spans="6:10" s="410" customFormat="1" x14ac:dyDescent="0.2">
      <c r="F702" s="353"/>
      <c r="G702" s="353"/>
      <c r="H702" s="353"/>
      <c r="I702" s="353"/>
      <c r="J702" s="353"/>
    </row>
    <row r="703" spans="6:10" s="410" customFormat="1" x14ac:dyDescent="0.2">
      <c r="F703" s="353"/>
      <c r="G703" s="353"/>
      <c r="H703" s="353"/>
      <c r="I703" s="353"/>
      <c r="J703" s="353"/>
    </row>
    <row r="704" spans="6:10" s="410" customFormat="1" x14ac:dyDescent="0.2">
      <c r="F704" s="353"/>
      <c r="G704" s="353"/>
      <c r="H704" s="353"/>
      <c r="I704" s="353"/>
      <c r="J704" s="353"/>
    </row>
    <row r="705" spans="6:10" s="410" customFormat="1" x14ac:dyDescent="0.2">
      <c r="F705" s="353"/>
      <c r="G705" s="353"/>
      <c r="H705" s="353"/>
      <c r="I705" s="353"/>
      <c r="J705" s="353"/>
    </row>
    <row r="706" spans="6:10" s="410" customFormat="1" x14ac:dyDescent="0.2">
      <c r="F706" s="353"/>
      <c r="G706" s="353"/>
      <c r="H706" s="353"/>
      <c r="I706" s="353"/>
      <c r="J706" s="353"/>
    </row>
    <row r="707" spans="6:10" s="410" customFormat="1" x14ac:dyDescent="0.2">
      <c r="F707" s="353"/>
      <c r="G707" s="353"/>
      <c r="H707" s="353"/>
      <c r="I707" s="353"/>
      <c r="J707" s="353"/>
    </row>
    <row r="708" spans="6:10" s="410" customFormat="1" x14ac:dyDescent="0.2">
      <c r="F708" s="353"/>
      <c r="G708" s="353"/>
      <c r="H708" s="353"/>
      <c r="I708" s="353"/>
      <c r="J708" s="353"/>
    </row>
    <row r="709" spans="6:10" s="410" customFormat="1" x14ac:dyDescent="0.2">
      <c r="F709" s="353"/>
      <c r="G709" s="353"/>
      <c r="H709" s="353"/>
      <c r="I709" s="353"/>
      <c r="J709" s="353"/>
    </row>
    <row r="710" spans="6:10" s="410" customFormat="1" x14ac:dyDescent="0.2">
      <c r="F710" s="353"/>
      <c r="G710" s="353"/>
      <c r="H710" s="353"/>
      <c r="I710" s="353"/>
      <c r="J710" s="353"/>
    </row>
    <row r="711" spans="6:10" s="410" customFormat="1" x14ac:dyDescent="0.2">
      <c r="F711" s="353"/>
      <c r="G711" s="353"/>
      <c r="H711" s="353"/>
      <c r="I711" s="353"/>
      <c r="J711" s="353"/>
    </row>
    <row r="712" spans="6:10" s="410" customFormat="1" x14ac:dyDescent="0.2">
      <c r="F712" s="353"/>
      <c r="G712" s="353"/>
      <c r="H712" s="353"/>
      <c r="I712" s="353"/>
      <c r="J712" s="353"/>
    </row>
    <row r="713" spans="6:10" s="410" customFormat="1" x14ac:dyDescent="0.2">
      <c r="F713" s="353"/>
      <c r="G713" s="353"/>
      <c r="H713" s="353"/>
      <c r="I713" s="353"/>
      <c r="J713" s="353"/>
    </row>
    <row r="714" spans="6:10" s="410" customFormat="1" x14ac:dyDescent="0.2">
      <c r="F714" s="353"/>
      <c r="G714" s="353"/>
      <c r="H714" s="353"/>
      <c r="I714" s="353"/>
      <c r="J714" s="353"/>
    </row>
    <row r="715" spans="6:10" s="410" customFormat="1" x14ac:dyDescent="0.2">
      <c r="F715" s="353"/>
      <c r="G715" s="353"/>
      <c r="H715" s="353"/>
      <c r="I715" s="353"/>
      <c r="J715" s="353"/>
    </row>
    <row r="716" spans="6:10" s="410" customFormat="1" x14ac:dyDescent="0.2">
      <c r="F716" s="353"/>
      <c r="G716" s="353"/>
      <c r="H716" s="353"/>
      <c r="I716" s="353"/>
      <c r="J716" s="353"/>
    </row>
    <row r="717" spans="6:10" s="410" customFormat="1" x14ac:dyDescent="0.2">
      <c r="F717" s="353"/>
      <c r="G717" s="353"/>
      <c r="H717" s="353"/>
      <c r="I717" s="353"/>
      <c r="J717" s="353"/>
    </row>
    <row r="718" spans="6:10" s="410" customFormat="1" x14ac:dyDescent="0.2">
      <c r="F718" s="353"/>
      <c r="G718" s="353"/>
      <c r="H718" s="353"/>
      <c r="I718" s="353"/>
      <c r="J718" s="353"/>
    </row>
    <row r="719" spans="6:10" s="410" customFormat="1" x14ac:dyDescent="0.2">
      <c r="F719" s="353"/>
      <c r="G719" s="353"/>
      <c r="H719" s="353"/>
      <c r="I719" s="353"/>
      <c r="J719" s="353"/>
    </row>
    <row r="720" spans="6:10" s="410" customFormat="1" x14ac:dyDescent="0.2">
      <c r="F720" s="353"/>
      <c r="G720" s="353"/>
      <c r="H720" s="353"/>
      <c r="I720" s="353"/>
      <c r="J720" s="353"/>
    </row>
    <row r="721" spans="6:10" s="410" customFormat="1" x14ac:dyDescent="0.2">
      <c r="F721" s="353"/>
      <c r="G721" s="353"/>
      <c r="H721" s="353"/>
      <c r="I721" s="353"/>
      <c r="J721" s="353"/>
    </row>
    <row r="722" spans="6:10" s="410" customFormat="1" x14ac:dyDescent="0.2">
      <c r="F722" s="353"/>
      <c r="G722" s="353"/>
      <c r="H722" s="353"/>
      <c r="I722" s="353"/>
      <c r="J722" s="353"/>
    </row>
    <row r="723" spans="6:10" s="410" customFormat="1" x14ac:dyDescent="0.2">
      <c r="F723" s="353"/>
      <c r="G723" s="353"/>
      <c r="H723" s="353"/>
      <c r="I723" s="353"/>
      <c r="J723" s="353"/>
    </row>
    <row r="724" spans="6:10" s="410" customFormat="1" x14ac:dyDescent="0.2">
      <c r="F724" s="353"/>
      <c r="G724" s="353"/>
      <c r="H724" s="353"/>
      <c r="I724" s="353"/>
      <c r="J724" s="353"/>
    </row>
    <row r="725" spans="6:10" s="410" customFormat="1" x14ac:dyDescent="0.2">
      <c r="F725" s="353"/>
      <c r="G725" s="353"/>
      <c r="H725" s="353"/>
      <c r="I725" s="353"/>
      <c r="J725" s="353"/>
    </row>
    <row r="726" spans="6:10" s="410" customFormat="1" x14ac:dyDescent="0.2">
      <c r="F726" s="353"/>
      <c r="G726" s="353"/>
      <c r="H726" s="353"/>
      <c r="I726" s="353"/>
      <c r="J726" s="353"/>
    </row>
    <row r="727" spans="6:10" s="410" customFormat="1" x14ac:dyDescent="0.2">
      <c r="F727" s="353"/>
      <c r="G727" s="353"/>
      <c r="H727" s="353"/>
      <c r="I727" s="353"/>
      <c r="J727" s="353"/>
    </row>
    <row r="728" spans="6:10" s="410" customFormat="1" x14ac:dyDescent="0.2">
      <c r="F728" s="353"/>
      <c r="G728" s="353"/>
      <c r="H728" s="353"/>
      <c r="I728" s="353"/>
      <c r="J728" s="353"/>
    </row>
    <row r="729" spans="6:10" s="410" customFormat="1" x14ac:dyDescent="0.2">
      <c r="F729" s="353"/>
      <c r="G729" s="353"/>
      <c r="H729" s="353"/>
      <c r="I729" s="353"/>
      <c r="J729" s="353"/>
    </row>
    <row r="730" spans="6:10" s="410" customFormat="1" x14ac:dyDescent="0.2">
      <c r="F730" s="353"/>
      <c r="G730" s="353"/>
      <c r="H730" s="353"/>
      <c r="I730" s="353"/>
      <c r="J730" s="353"/>
    </row>
    <row r="731" spans="6:10" s="410" customFormat="1" x14ac:dyDescent="0.2">
      <c r="F731" s="353"/>
      <c r="G731" s="353"/>
      <c r="H731" s="353"/>
      <c r="I731" s="353"/>
      <c r="J731" s="353"/>
    </row>
    <row r="732" spans="6:10" s="410" customFormat="1" x14ac:dyDescent="0.2">
      <c r="F732" s="353"/>
      <c r="G732" s="353"/>
      <c r="H732" s="353"/>
      <c r="I732" s="353"/>
      <c r="J732" s="353"/>
    </row>
    <row r="733" spans="6:10" s="410" customFormat="1" x14ac:dyDescent="0.2">
      <c r="F733" s="353"/>
      <c r="G733" s="353"/>
      <c r="H733" s="353"/>
      <c r="I733" s="353"/>
      <c r="J733" s="353"/>
    </row>
    <row r="734" spans="6:10" s="410" customFormat="1" x14ac:dyDescent="0.2">
      <c r="F734" s="353"/>
      <c r="G734" s="353"/>
      <c r="H734" s="353"/>
      <c r="I734" s="353"/>
      <c r="J734" s="353"/>
    </row>
    <row r="735" spans="6:10" s="410" customFormat="1" x14ac:dyDescent="0.2">
      <c r="F735" s="353"/>
      <c r="G735" s="353"/>
      <c r="H735" s="353"/>
      <c r="I735" s="353"/>
      <c r="J735" s="353"/>
    </row>
    <row r="736" spans="6:10" s="410" customFormat="1" x14ac:dyDescent="0.2">
      <c r="F736" s="353"/>
      <c r="G736" s="353"/>
      <c r="H736" s="353"/>
      <c r="I736" s="353"/>
      <c r="J736" s="353"/>
    </row>
    <row r="737" spans="6:10" s="410" customFormat="1" x14ac:dyDescent="0.2">
      <c r="F737" s="353"/>
      <c r="G737" s="353"/>
      <c r="H737" s="353"/>
      <c r="I737" s="353"/>
      <c r="J737" s="353"/>
    </row>
    <row r="738" spans="6:10" s="410" customFormat="1" x14ac:dyDescent="0.2">
      <c r="F738" s="353"/>
      <c r="G738" s="353"/>
      <c r="H738" s="353"/>
      <c r="I738" s="353"/>
      <c r="J738" s="353"/>
    </row>
    <row r="739" spans="6:10" s="410" customFormat="1" x14ac:dyDescent="0.2">
      <c r="F739" s="353"/>
      <c r="G739" s="353"/>
      <c r="H739" s="353"/>
      <c r="I739" s="353"/>
      <c r="J739" s="353"/>
    </row>
    <row r="740" spans="6:10" s="410" customFormat="1" x14ac:dyDescent="0.2">
      <c r="F740" s="353"/>
      <c r="G740" s="353"/>
      <c r="H740" s="353"/>
      <c r="I740" s="353"/>
      <c r="J740" s="353"/>
    </row>
    <row r="741" spans="6:10" s="410" customFormat="1" x14ac:dyDescent="0.2">
      <c r="F741" s="353"/>
      <c r="G741" s="353"/>
      <c r="H741" s="353"/>
      <c r="I741" s="353"/>
      <c r="J741" s="353"/>
    </row>
    <row r="742" spans="6:10" s="410" customFormat="1" x14ac:dyDescent="0.2">
      <c r="F742" s="353"/>
      <c r="G742" s="353"/>
      <c r="H742" s="353"/>
      <c r="I742" s="353"/>
      <c r="J742" s="353"/>
    </row>
    <row r="743" spans="6:10" s="410" customFormat="1" x14ac:dyDescent="0.2">
      <c r="F743" s="353"/>
      <c r="G743" s="353"/>
      <c r="H743" s="353"/>
      <c r="I743" s="353"/>
      <c r="J743" s="353"/>
    </row>
    <row r="744" spans="6:10" s="410" customFormat="1" x14ac:dyDescent="0.2">
      <c r="F744" s="353"/>
      <c r="G744" s="353"/>
      <c r="H744" s="353"/>
      <c r="I744" s="353"/>
      <c r="J744" s="353"/>
    </row>
    <row r="745" spans="6:10" s="410" customFormat="1" x14ac:dyDescent="0.2">
      <c r="F745" s="353"/>
      <c r="G745" s="353"/>
      <c r="H745" s="353"/>
      <c r="I745" s="353"/>
      <c r="J745" s="353"/>
    </row>
    <row r="746" spans="6:10" s="410" customFormat="1" x14ac:dyDescent="0.2">
      <c r="F746" s="353"/>
      <c r="G746" s="353"/>
      <c r="H746" s="353"/>
      <c r="I746" s="353"/>
      <c r="J746" s="353"/>
    </row>
    <row r="747" spans="6:10" s="410" customFormat="1" x14ac:dyDescent="0.2">
      <c r="F747" s="353"/>
      <c r="G747" s="353"/>
      <c r="H747" s="353"/>
      <c r="I747" s="353"/>
      <c r="J747" s="353"/>
    </row>
    <row r="748" spans="6:10" s="410" customFormat="1" x14ac:dyDescent="0.2">
      <c r="F748" s="353"/>
      <c r="G748" s="353"/>
      <c r="H748" s="353"/>
      <c r="I748" s="353"/>
      <c r="J748" s="353"/>
    </row>
    <row r="749" spans="6:10" s="410" customFormat="1" x14ac:dyDescent="0.2">
      <c r="F749" s="353"/>
      <c r="G749" s="353"/>
      <c r="H749" s="353"/>
      <c r="I749" s="353"/>
      <c r="J749" s="353"/>
    </row>
    <row r="750" spans="6:10" s="410" customFormat="1" x14ac:dyDescent="0.2">
      <c r="F750" s="353"/>
      <c r="G750" s="353"/>
      <c r="H750" s="353"/>
      <c r="I750" s="353"/>
      <c r="J750" s="353"/>
    </row>
    <row r="751" spans="6:10" s="410" customFormat="1" x14ac:dyDescent="0.2">
      <c r="F751" s="353"/>
      <c r="G751" s="353"/>
      <c r="H751" s="353"/>
      <c r="I751" s="353"/>
      <c r="J751" s="353"/>
    </row>
    <row r="752" spans="6:10" s="410" customFormat="1" x14ac:dyDescent="0.2">
      <c r="F752" s="353"/>
      <c r="G752" s="353"/>
      <c r="H752" s="353"/>
      <c r="I752" s="353"/>
      <c r="J752" s="353"/>
    </row>
    <row r="753" spans="6:10" s="410" customFormat="1" x14ac:dyDescent="0.2">
      <c r="F753" s="353"/>
      <c r="G753" s="353"/>
      <c r="H753" s="353"/>
      <c r="I753" s="353"/>
      <c r="J753" s="353"/>
    </row>
    <row r="754" spans="6:10" s="410" customFormat="1" x14ac:dyDescent="0.2">
      <c r="F754" s="353"/>
      <c r="G754" s="353"/>
      <c r="H754" s="353"/>
      <c r="I754" s="353"/>
      <c r="J754" s="353"/>
    </row>
    <row r="755" spans="6:10" s="410" customFormat="1" x14ac:dyDescent="0.2">
      <c r="F755" s="353"/>
      <c r="G755" s="353"/>
      <c r="H755" s="353"/>
      <c r="I755" s="353"/>
      <c r="J755" s="353"/>
    </row>
    <row r="756" spans="6:10" s="410" customFormat="1" x14ac:dyDescent="0.2">
      <c r="F756" s="353"/>
      <c r="G756" s="353"/>
      <c r="H756" s="353"/>
      <c r="I756" s="353"/>
      <c r="J756" s="353"/>
    </row>
    <row r="757" spans="6:10" s="410" customFormat="1" x14ac:dyDescent="0.2">
      <c r="F757" s="353"/>
      <c r="G757" s="353"/>
      <c r="H757" s="353"/>
      <c r="I757" s="353"/>
      <c r="J757" s="353"/>
    </row>
    <row r="758" spans="6:10" s="410" customFormat="1" x14ac:dyDescent="0.2">
      <c r="F758" s="353"/>
      <c r="G758" s="353"/>
      <c r="H758" s="353"/>
      <c r="I758" s="353"/>
      <c r="J758" s="353"/>
    </row>
    <row r="759" spans="6:10" s="410" customFormat="1" x14ac:dyDescent="0.2">
      <c r="F759" s="353"/>
      <c r="G759" s="353"/>
      <c r="H759" s="353"/>
      <c r="I759" s="353"/>
      <c r="J759" s="353"/>
    </row>
    <row r="760" spans="6:10" s="410" customFormat="1" x14ac:dyDescent="0.2">
      <c r="F760" s="353"/>
      <c r="G760" s="353"/>
      <c r="H760" s="353"/>
      <c r="I760" s="353"/>
      <c r="J760" s="353"/>
    </row>
    <row r="761" spans="6:10" s="410" customFormat="1" x14ac:dyDescent="0.2">
      <c r="F761" s="353"/>
      <c r="G761" s="353"/>
      <c r="H761" s="353"/>
      <c r="I761" s="353"/>
      <c r="J761" s="353"/>
    </row>
    <row r="762" spans="6:10" s="410" customFormat="1" x14ac:dyDescent="0.2">
      <c r="F762" s="353"/>
      <c r="G762" s="353"/>
      <c r="H762" s="353"/>
      <c r="I762" s="353"/>
      <c r="J762" s="353"/>
    </row>
    <row r="763" spans="6:10" s="410" customFormat="1" x14ac:dyDescent="0.2">
      <c r="F763" s="353"/>
      <c r="G763" s="353"/>
      <c r="H763" s="353"/>
      <c r="I763" s="353"/>
      <c r="J763" s="353"/>
    </row>
    <row r="764" spans="6:10" s="410" customFormat="1" x14ac:dyDescent="0.2">
      <c r="F764" s="353"/>
      <c r="G764" s="353"/>
      <c r="H764" s="353"/>
      <c r="I764" s="353"/>
      <c r="J764" s="353"/>
    </row>
    <row r="765" spans="6:10" s="410" customFormat="1" x14ac:dyDescent="0.2">
      <c r="F765" s="353"/>
      <c r="G765" s="353"/>
      <c r="H765" s="353"/>
      <c r="I765" s="353"/>
      <c r="J765" s="353"/>
    </row>
    <row r="766" spans="6:10" s="410" customFormat="1" x14ac:dyDescent="0.2">
      <c r="F766" s="353"/>
      <c r="G766" s="353"/>
      <c r="H766" s="353"/>
      <c r="I766" s="353"/>
      <c r="J766" s="353"/>
    </row>
    <row r="767" spans="6:10" s="410" customFormat="1" x14ac:dyDescent="0.2">
      <c r="F767" s="353"/>
      <c r="G767" s="353"/>
      <c r="H767" s="353"/>
      <c r="I767" s="353"/>
      <c r="J767" s="353"/>
    </row>
    <row r="768" spans="6:10" s="410" customFormat="1" x14ac:dyDescent="0.2">
      <c r="F768" s="353"/>
      <c r="G768" s="353"/>
      <c r="H768" s="353"/>
      <c r="I768" s="353"/>
      <c r="J768" s="353"/>
    </row>
    <row r="769" spans="6:10" s="410" customFormat="1" x14ac:dyDescent="0.2">
      <c r="F769" s="353"/>
      <c r="G769" s="353"/>
      <c r="H769" s="353"/>
      <c r="I769" s="353"/>
      <c r="J769" s="353"/>
    </row>
    <row r="770" spans="6:10" s="410" customFormat="1" x14ac:dyDescent="0.2">
      <c r="F770" s="353"/>
      <c r="G770" s="353"/>
      <c r="H770" s="353"/>
      <c r="I770" s="353"/>
      <c r="J770" s="353"/>
    </row>
    <row r="771" spans="6:10" s="410" customFormat="1" x14ac:dyDescent="0.2">
      <c r="F771" s="353"/>
      <c r="G771" s="353"/>
      <c r="H771" s="353"/>
      <c r="I771" s="353"/>
      <c r="J771" s="353"/>
    </row>
    <row r="772" spans="6:10" s="410" customFormat="1" x14ac:dyDescent="0.2">
      <c r="F772" s="353"/>
      <c r="G772" s="353"/>
      <c r="H772" s="353"/>
      <c r="I772" s="353"/>
      <c r="J772" s="353"/>
    </row>
    <row r="773" spans="6:10" s="410" customFormat="1" x14ac:dyDescent="0.2">
      <c r="F773" s="353"/>
      <c r="G773" s="353"/>
      <c r="H773" s="353"/>
      <c r="I773" s="353"/>
      <c r="J773" s="353"/>
    </row>
    <row r="774" spans="6:10" s="410" customFormat="1" x14ac:dyDescent="0.2">
      <c r="F774" s="353"/>
      <c r="G774" s="353"/>
      <c r="H774" s="353"/>
      <c r="I774" s="353"/>
      <c r="J774" s="353"/>
    </row>
    <row r="775" spans="6:10" s="410" customFormat="1" x14ac:dyDescent="0.2">
      <c r="F775" s="353"/>
      <c r="G775" s="353"/>
      <c r="H775" s="353"/>
      <c r="I775" s="353"/>
      <c r="J775" s="353"/>
    </row>
    <row r="776" spans="6:10" s="410" customFormat="1" x14ac:dyDescent="0.2">
      <c r="F776" s="353"/>
      <c r="G776" s="353"/>
      <c r="H776" s="353"/>
      <c r="I776" s="353"/>
      <c r="J776" s="353"/>
    </row>
    <row r="777" spans="6:10" s="410" customFormat="1" x14ac:dyDescent="0.2">
      <c r="F777" s="353"/>
      <c r="G777" s="353"/>
      <c r="H777" s="353"/>
      <c r="I777" s="353"/>
      <c r="J777" s="353"/>
    </row>
    <row r="778" spans="6:10" s="410" customFormat="1" x14ac:dyDescent="0.2">
      <c r="F778" s="353"/>
      <c r="G778" s="353"/>
      <c r="H778" s="353"/>
      <c r="I778" s="353"/>
      <c r="J778" s="353"/>
    </row>
    <row r="779" spans="6:10" s="410" customFormat="1" x14ac:dyDescent="0.2">
      <c r="F779" s="353"/>
      <c r="G779" s="353"/>
      <c r="H779" s="353"/>
      <c r="I779" s="353"/>
      <c r="J779" s="353"/>
    </row>
    <row r="780" spans="6:10" s="410" customFormat="1" x14ac:dyDescent="0.2">
      <c r="F780" s="353"/>
      <c r="G780" s="353"/>
      <c r="H780" s="353"/>
      <c r="I780" s="353"/>
      <c r="J780" s="353"/>
    </row>
    <row r="781" spans="6:10" s="410" customFormat="1" x14ac:dyDescent="0.2">
      <c r="F781" s="353"/>
      <c r="G781" s="353"/>
      <c r="H781" s="353"/>
      <c r="I781" s="353"/>
      <c r="J781" s="353"/>
    </row>
    <row r="782" spans="6:10" s="410" customFormat="1" x14ac:dyDescent="0.2">
      <c r="F782" s="353"/>
      <c r="G782" s="353"/>
      <c r="H782" s="353"/>
      <c r="I782" s="353"/>
      <c r="J782" s="353"/>
    </row>
    <row r="783" spans="6:10" s="410" customFormat="1" x14ac:dyDescent="0.2">
      <c r="F783" s="353"/>
      <c r="G783" s="353"/>
      <c r="H783" s="353"/>
      <c r="I783" s="353"/>
      <c r="J783" s="353"/>
    </row>
    <row r="784" spans="6:10" s="410" customFormat="1" x14ac:dyDescent="0.2">
      <c r="F784" s="353"/>
      <c r="G784" s="353"/>
      <c r="H784" s="353"/>
      <c r="I784" s="353"/>
      <c r="J784" s="353"/>
    </row>
    <row r="785" spans="6:10" s="410" customFormat="1" x14ac:dyDescent="0.2">
      <c r="F785" s="353"/>
      <c r="G785" s="353"/>
      <c r="H785" s="353"/>
      <c r="I785" s="353"/>
      <c r="J785" s="353"/>
    </row>
    <row r="786" spans="6:10" s="410" customFormat="1" x14ac:dyDescent="0.2">
      <c r="F786" s="353"/>
      <c r="G786" s="353"/>
      <c r="H786" s="353"/>
      <c r="I786" s="353"/>
      <c r="J786" s="353"/>
    </row>
    <row r="787" spans="6:10" s="410" customFormat="1" x14ac:dyDescent="0.2">
      <c r="F787" s="353"/>
      <c r="G787" s="353"/>
      <c r="H787" s="353"/>
      <c r="I787" s="353"/>
      <c r="J787" s="353"/>
    </row>
    <row r="788" spans="6:10" s="410" customFormat="1" x14ac:dyDescent="0.2">
      <c r="F788" s="353"/>
      <c r="G788" s="353"/>
      <c r="H788" s="353"/>
      <c r="I788" s="353"/>
      <c r="J788" s="353"/>
    </row>
    <row r="789" spans="6:10" s="410" customFormat="1" x14ac:dyDescent="0.2">
      <c r="F789" s="353"/>
      <c r="G789" s="353"/>
      <c r="H789" s="353"/>
      <c r="I789" s="353"/>
      <c r="J789" s="353"/>
    </row>
    <row r="790" spans="6:10" s="410" customFormat="1" x14ac:dyDescent="0.2">
      <c r="F790" s="353"/>
      <c r="G790" s="353"/>
      <c r="H790" s="353"/>
      <c r="I790" s="353"/>
      <c r="J790" s="353"/>
    </row>
    <row r="791" spans="6:10" s="410" customFormat="1" x14ac:dyDescent="0.2">
      <c r="F791" s="353"/>
      <c r="G791" s="353"/>
      <c r="H791" s="353"/>
      <c r="I791" s="353"/>
      <c r="J791" s="353"/>
    </row>
    <row r="792" spans="6:10" s="410" customFormat="1" x14ac:dyDescent="0.2">
      <c r="F792" s="353"/>
      <c r="G792" s="353"/>
      <c r="H792" s="353"/>
      <c r="I792" s="353"/>
      <c r="J792" s="353"/>
    </row>
    <row r="793" spans="6:10" s="410" customFormat="1" x14ac:dyDescent="0.2">
      <c r="F793" s="353"/>
      <c r="G793" s="353"/>
      <c r="H793" s="353"/>
      <c r="I793" s="353"/>
      <c r="J793" s="353"/>
    </row>
    <row r="794" spans="6:10" s="410" customFormat="1" x14ac:dyDescent="0.2">
      <c r="F794" s="353"/>
      <c r="G794" s="353"/>
      <c r="H794" s="353"/>
      <c r="I794" s="353"/>
      <c r="J794" s="353"/>
    </row>
    <row r="795" spans="6:10" s="410" customFormat="1" x14ac:dyDescent="0.2">
      <c r="F795" s="353"/>
      <c r="G795" s="353"/>
      <c r="H795" s="353"/>
      <c r="I795" s="353"/>
      <c r="J795" s="353"/>
    </row>
    <row r="796" spans="6:10" s="410" customFormat="1" x14ac:dyDescent="0.2">
      <c r="F796" s="353"/>
      <c r="G796" s="353"/>
      <c r="H796" s="353"/>
      <c r="I796" s="353"/>
      <c r="J796" s="353"/>
    </row>
    <row r="797" spans="6:10" s="410" customFormat="1" x14ac:dyDescent="0.2">
      <c r="F797" s="353"/>
      <c r="G797" s="353"/>
      <c r="H797" s="353"/>
      <c r="I797" s="353"/>
      <c r="J797" s="353"/>
    </row>
    <row r="798" spans="6:10" s="410" customFormat="1" x14ac:dyDescent="0.2">
      <c r="F798" s="353"/>
      <c r="G798" s="353"/>
      <c r="H798" s="353"/>
      <c r="I798" s="353"/>
      <c r="J798" s="353"/>
    </row>
    <row r="799" spans="6:10" s="410" customFormat="1" x14ac:dyDescent="0.2">
      <c r="F799" s="353"/>
      <c r="G799" s="353"/>
      <c r="H799" s="353"/>
      <c r="I799" s="353"/>
      <c r="J799" s="353"/>
    </row>
    <row r="800" spans="6:10" s="410" customFormat="1" x14ac:dyDescent="0.2">
      <c r="F800" s="353"/>
      <c r="G800" s="353"/>
      <c r="H800" s="353"/>
      <c r="I800" s="353"/>
      <c r="J800" s="353"/>
    </row>
    <row r="801" spans="6:10" s="410" customFormat="1" x14ac:dyDescent="0.2">
      <c r="F801" s="353"/>
      <c r="G801" s="353"/>
      <c r="H801" s="353"/>
      <c r="I801" s="353"/>
      <c r="J801" s="353"/>
    </row>
    <row r="802" spans="6:10" s="410" customFormat="1" x14ac:dyDescent="0.2">
      <c r="F802" s="353"/>
      <c r="G802" s="353"/>
      <c r="H802" s="353"/>
      <c r="I802" s="353"/>
      <c r="J802" s="353"/>
    </row>
    <row r="803" spans="6:10" s="410" customFormat="1" x14ac:dyDescent="0.2">
      <c r="F803" s="353"/>
      <c r="G803" s="353"/>
      <c r="H803" s="353"/>
      <c r="I803" s="353"/>
      <c r="J803" s="353"/>
    </row>
    <row r="804" spans="6:10" s="410" customFormat="1" x14ac:dyDescent="0.2">
      <c r="F804" s="353"/>
      <c r="G804" s="353"/>
      <c r="H804" s="353"/>
      <c r="I804" s="353"/>
      <c r="J804" s="353"/>
    </row>
    <row r="805" spans="6:10" s="410" customFormat="1" x14ac:dyDescent="0.2">
      <c r="F805" s="353"/>
      <c r="G805" s="353"/>
      <c r="H805" s="353"/>
      <c r="I805" s="353"/>
      <c r="J805" s="353"/>
    </row>
    <row r="806" spans="6:10" s="410" customFormat="1" x14ac:dyDescent="0.2">
      <c r="F806" s="353"/>
      <c r="G806" s="353"/>
      <c r="H806" s="353"/>
      <c r="I806" s="353"/>
      <c r="J806" s="353"/>
    </row>
    <row r="807" spans="6:10" s="410" customFormat="1" x14ac:dyDescent="0.2">
      <c r="F807" s="353"/>
      <c r="G807" s="353"/>
      <c r="H807" s="353"/>
      <c r="I807" s="353"/>
      <c r="J807" s="353"/>
    </row>
    <row r="808" spans="6:10" s="410" customFormat="1" x14ac:dyDescent="0.2">
      <c r="F808" s="353"/>
      <c r="G808" s="353"/>
      <c r="H808" s="353"/>
      <c r="I808" s="353"/>
      <c r="J808" s="353"/>
    </row>
    <row r="809" spans="6:10" s="410" customFormat="1" x14ac:dyDescent="0.2">
      <c r="F809" s="353"/>
      <c r="G809" s="353"/>
      <c r="H809" s="353"/>
      <c r="I809" s="353"/>
      <c r="J809" s="353"/>
    </row>
    <row r="810" spans="6:10" s="410" customFormat="1" x14ac:dyDescent="0.2">
      <c r="F810" s="353"/>
      <c r="G810" s="353"/>
      <c r="H810" s="353"/>
      <c r="I810" s="353"/>
      <c r="J810" s="353"/>
    </row>
    <row r="811" spans="6:10" s="410" customFormat="1" x14ac:dyDescent="0.2">
      <c r="F811" s="353"/>
      <c r="G811" s="353"/>
      <c r="H811" s="353"/>
      <c r="I811" s="353"/>
      <c r="J811" s="353"/>
    </row>
    <row r="812" spans="6:10" s="410" customFormat="1" x14ac:dyDescent="0.2">
      <c r="F812" s="353"/>
      <c r="G812" s="353"/>
      <c r="H812" s="353"/>
      <c r="I812" s="353"/>
      <c r="J812" s="353"/>
    </row>
    <row r="813" spans="6:10" s="410" customFormat="1" x14ac:dyDescent="0.2">
      <c r="F813" s="353"/>
      <c r="G813" s="353"/>
      <c r="H813" s="353"/>
      <c r="I813" s="353"/>
      <c r="J813" s="353"/>
    </row>
    <row r="814" spans="6:10" s="410" customFormat="1" x14ac:dyDescent="0.2">
      <c r="F814" s="353"/>
      <c r="G814" s="353"/>
      <c r="H814" s="353"/>
      <c r="I814" s="353"/>
      <c r="J814" s="353"/>
    </row>
    <row r="815" spans="6:10" s="410" customFormat="1" x14ac:dyDescent="0.2">
      <c r="F815" s="353"/>
      <c r="G815" s="353"/>
      <c r="H815" s="353"/>
      <c r="I815" s="353"/>
      <c r="J815" s="353"/>
    </row>
    <row r="816" spans="6:10" s="410" customFormat="1" x14ac:dyDescent="0.2">
      <c r="F816" s="353"/>
      <c r="G816" s="353"/>
      <c r="H816" s="353"/>
      <c r="I816" s="353"/>
      <c r="J816" s="353"/>
    </row>
    <row r="817" spans="6:10" s="410" customFormat="1" x14ac:dyDescent="0.2">
      <c r="F817" s="353"/>
      <c r="G817" s="353"/>
      <c r="H817" s="353"/>
      <c r="I817" s="353"/>
      <c r="J817" s="353"/>
    </row>
    <row r="818" spans="6:10" s="410" customFormat="1" x14ac:dyDescent="0.2">
      <c r="F818" s="353"/>
      <c r="G818" s="353"/>
      <c r="H818" s="353"/>
      <c r="I818" s="353"/>
      <c r="J818" s="353"/>
    </row>
    <row r="819" spans="6:10" s="410" customFormat="1" x14ac:dyDescent="0.2">
      <c r="F819" s="353"/>
      <c r="G819" s="353"/>
      <c r="H819" s="353"/>
      <c r="I819" s="353"/>
      <c r="J819" s="353"/>
    </row>
    <row r="820" spans="6:10" s="410" customFormat="1" x14ac:dyDescent="0.2">
      <c r="F820" s="353"/>
      <c r="G820" s="353"/>
      <c r="H820" s="353"/>
      <c r="I820" s="353"/>
      <c r="J820" s="353"/>
    </row>
    <row r="821" spans="6:10" s="410" customFormat="1" x14ac:dyDescent="0.2">
      <c r="F821" s="353"/>
      <c r="G821" s="353"/>
      <c r="H821" s="353"/>
      <c r="I821" s="353"/>
      <c r="J821" s="353"/>
    </row>
    <row r="822" spans="6:10" s="410" customFormat="1" x14ac:dyDescent="0.2">
      <c r="F822" s="353"/>
      <c r="G822" s="353"/>
      <c r="H822" s="353"/>
      <c r="I822" s="353"/>
      <c r="J822" s="353"/>
    </row>
    <row r="823" spans="6:10" s="410" customFormat="1" x14ac:dyDescent="0.2">
      <c r="F823" s="353"/>
      <c r="G823" s="353"/>
      <c r="H823" s="353"/>
      <c r="I823" s="353"/>
      <c r="J823" s="353"/>
    </row>
    <row r="824" spans="6:10" s="410" customFormat="1" x14ac:dyDescent="0.2">
      <c r="F824" s="353"/>
      <c r="G824" s="353"/>
      <c r="H824" s="353"/>
      <c r="I824" s="353"/>
      <c r="J824" s="353"/>
    </row>
    <row r="825" spans="6:10" s="410" customFormat="1" x14ac:dyDescent="0.2">
      <c r="F825" s="353"/>
      <c r="G825" s="353"/>
      <c r="H825" s="353"/>
      <c r="I825" s="353"/>
      <c r="J825" s="353"/>
    </row>
    <row r="826" spans="6:10" s="410" customFormat="1" x14ac:dyDescent="0.2">
      <c r="F826" s="353"/>
      <c r="G826" s="353"/>
      <c r="H826" s="353"/>
      <c r="I826" s="353"/>
      <c r="J826" s="353"/>
    </row>
    <row r="827" spans="6:10" s="410" customFormat="1" x14ac:dyDescent="0.2">
      <c r="F827" s="353"/>
      <c r="G827" s="353"/>
      <c r="H827" s="353"/>
      <c r="I827" s="353"/>
      <c r="J827" s="353"/>
    </row>
    <row r="828" spans="6:10" s="410" customFormat="1" x14ac:dyDescent="0.2">
      <c r="F828" s="353"/>
      <c r="G828" s="353"/>
      <c r="H828" s="353"/>
      <c r="I828" s="353"/>
      <c r="J828" s="353"/>
    </row>
    <row r="829" spans="6:10" s="410" customFormat="1" x14ac:dyDescent="0.2">
      <c r="F829" s="353"/>
      <c r="G829" s="353"/>
      <c r="H829" s="353"/>
      <c r="I829" s="353"/>
      <c r="J829" s="353"/>
    </row>
    <row r="830" spans="6:10" s="410" customFormat="1" x14ac:dyDescent="0.2">
      <c r="F830" s="353"/>
      <c r="G830" s="353"/>
      <c r="H830" s="353"/>
      <c r="I830" s="353"/>
      <c r="J830" s="353"/>
    </row>
    <row r="831" spans="6:10" s="410" customFormat="1" x14ac:dyDescent="0.2">
      <c r="F831" s="353"/>
      <c r="G831" s="353"/>
      <c r="H831" s="353"/>
      <c r="I831" s="353"/>
      <c r="J831" s="353"/>
    </row>
    <row r="832" spans="6:10" s="410" customFormat="1" x14ac:dyDescent="0.2">
      <c r="F832" s="353"/>
      <c r="G832" s="353"/>
      <c r="H832" s="353"/>
      <c r="I832" s="353"/>
      <c r="J832" s="353"/>
    </row>
    <row r="833" spans="6:10" s="410" customFormat="1" x14ac:dyDescent="0.2">
      <c r="F833" s="353"/>
      <c r="G833" s="353"/>
      <c r="H833" s="353"/>
      <c r="I833" s="353"/>
      <c r="J833" s="353"/>
    </row>
    <row r="834" spans="6:10" s="410" customFormat="1" x14ac:dyDescent="0.2">
      <c r="F834" s="353"/>
      <c r="G834" s="353"/>
      <c r="H834" s="353"/>
      <c r="I834" s="353"/>
      <c r="J834" s="353"/>
    </row>
    <row r="835" spans="6:10" s="410" customFormat="1" x14ac:dyDescent="0.2">
      <c r="F835" s="353"/>
      <c r="G835" s="353"/>
      <c r="H835" s="353"/>
      <c r="I835" s="353"/>
      <c r="J835" s="353"/>
    </row>
    <row r="836" spans="6:10" s="410" customFormat="1" x14ac:dyDescent="0.2">
      <c r="F836" s="353"/>
      <c r="G836" s="353"/>
      <c r="H836" s="353"/>
      <c r="I836" s="353"/>
      <c r="J836" s="353"/>
    </row>
    <row r="837" spans="6:10" s="410" customFormat="1" x14ac:dyDescent="0.2">
      <c r="F837" s="353"/>
      <c r="G837" s="353"/>
      <c r="H837" s="353"/>
      <c r="I837" s="353"/>
      <c r="J837" s="353"/>
    </row>
    <row r="838" spans="6:10" s="410" customFormat="1" x14ac:dyDescent="0.2">
      <c r="F838" s="353"/>
      <c r="G838" s="353"/>
      <c r="H838" s="353"/>
      <c r="I838" s="353"/>
      <c r="J838" s="353"/>
    </row>
    <row r="839" spans="6:10" s="410" customFormat="1" x14ac:dyDescent="0.2">
      <c r="F839" s="353"/>
      <c r="G839" s="353"/>
      <c r="H839" s="353"/>
      <c r="I839" s="353"/>
      <c r="J839" s="353"/>
    </row>
    <row r="840" spans="6:10" s="410" customFormat="1" x14ac:dyDescent="0.2">
      <c r="F840" s="353"/>
      <c r="G840" s="353"/>
      <c r="H840" s="353"/>
      <c r="I840" s="353"/>
      <c r="J840" s="353"/>
    </row>
    <row r="841" spans="6:10" s="410" customFormat="1" x14ac:dyDescent="0.2">
      <c r="F841" s="353"/>
      <c r="G841" s="353"/>
      <c r="H841" s="353"/>
      <c r="I841" s="353"/>
      <c r="J841" s="353"/>
    </row>
    <row r="842" spans="6:10" s="410" customFormat="1" x14ac:dyDescent="0.2">
      <c r="F842" s="353"/>
      <c r="G842" s="353"/>
      <c r="H842" s="353"/>
      <c r="I842" s="353"/>
      <c r="J842" s="353"/>
    </row>
    <row r="843" spans="6:10" s="410" customFormat="1" x14ac:dyDescent="0.2">
      <c r="F843" s="353"/>
      <c r="G843" s="353"/>
      <c r="H843" s="353"/>
      <c r="I843" s="353"/>
      <c r="J843" s="353"/>
    </row>
    <row r="844" spans="6:10" s="410" customFormat="1" x14ac:dyDescent="0.2">
      <c r="F844" s="353"/>
      <c r="G844" s="353"/>
      <c r="H844" s="353"/>
      <c r="I844" s="353"/>
      <c r="J844" s="353"/>
    </row>
    <row r="845" spans="6:10" s="410" customFormat="1" x14ac:dyDescent="0.2">
      <c r="F845" s="353"/>
      <c r="G845" s="353"/>
      <c r="H845" s="353"/>
      <c r="I845" s="353"/>
      <c r="J845" s="353"/>
    </row>
    <row r="846" spans="6:10" s="410" customFormat="1" x14ac:dyDescent="0.2">
      <c r="F846" s="353"/>
      <c r="G846" s="353"/>
      <c r="H846" s="353"/>
      <c r="I846" s="353"/>
      <c r="J846" s="353"/>
    </row>
    <row r="847" spans="6:10" s="410" customFormat="1" x14ac:dyDescent="0.2">
      <c r="F847" s="353"/>
      <c r="G847" s="353"/>
      <c r="H847" s="353"/>
      <c r="I847" s="353"/>
      <c r="J847" s="353"/>
    </row>
    <row r="848" spans="6:10" s="410" customFormat="1" x14ac:dyDescent="0.2">
      <c r="F848" s="353"/>
      <c r="G848" s="353"/>
      <c r="H848" s="353"/>
      <c r="I848" s="353"/>
      <c r="J848" s="353"/>
    </row>
    <row r="849" spans="6:10" s="410" customFormat="1" x14ac:dyDescent="0.2">
      <c r="F849" s="353"/>
      <c r="G849" s="353"/>
      <c r="H849" s="353"/>
      <c r="I849" s="353"/>
      <c r="J849" s="353"/>
    </row>
    <row r="850" spans="6:10" s="410" customFormat="1" x14ac:dyDescent="0.2">
      <c r="F850" s="353"/>
      <c r="G850" s="353"/>
      <c r="H850" s="353"/>
      <c r="I850" s="353"/>
      <c r="J850" s="353"/>
    </row>
    <row r="851" spans="6:10" s="410" customFormat="1" x14ac:dyDescent="0.2">
      <c r="F851" s="353"/>
      <c r="G851" s="353"/>
      <c r="H851" s="353"/>
      <c r="I851" s="353"/>
      <c r="J851" s="353"/>
    </row>
    <row r="852" spans="6:10" s="410" customFormat="1" x14ac:dyDescent="0.2">
      <c r="F852" s="353"/>
      <c r="G852" s="353"/>
      <c r="H852" s="353"/>
      <c r="I852" s="353"/>
      <c r="J852" s="353"/>
    </row>
    <row r="853" spans="6:10" s="410" customFormat="1" x14ac:dyDescent="0.2">
      <c r="F853" s="353"/>
      <c r="G853" s="353"/>
      <c r="H853" s="353"/>
      <c r="I853" s="353"/>
      <c r="J853" s="353"/>
    </row>
    <row r="854" spans="6:10" s="410" customFormat="1" x14ac:dyDescent="0.2">
      <c r="F854" s="353"/>
      <c r="G854" s="353"/>
      <c r="H854" s="353"/>
      <c r="I854" s="353"/>
      <c r="J854" s="353"/>
    </row>
    <row r="855" spans="6:10" s="410" customFormat="1" x14ac:dyDescent="0.2">
      <c r="F855" s="353"/>
      <c r="G855" s="353"/>
      <c r="H855" s="353"/>
      <c r="I855" s="353"/>
      <c r="J855" s="353"/>
    </row>
    <row r="856" spans="6:10" s="410" customFormat="1" x14ac:dyDescent="0.2">
      <c r="F856" s="353"/>
      <c r="G856" s="353"/>
      <c r="H856" s="353"/>
      <c r="I856" s="353"/>
      <c r="J856" s="353"/>
    </row>
    <row r="857" spans="6:10" s="410" customFormat="1" x14ac:dyDescent="0.2">
      <c r="F857" s="353"/>
      <c r="G857" s="353"/>
      <c r="H857" s="353"/>
      <c r="I857" s="353"/>
      <c r="J857" s="353"/>
    </row>
    <row r="858" spans="6:10" s="410" customFormat="1" x14ac:dyDescent="0.2">
      <c r="F858" s="353"/>
      <c r="G858" s="353"/>
      <c r="H858" s="353"/>
      <c r="I858" s="353"/>
      <c r="J858" s="353"/>
    </row>
    <row r="859" spans="6:10" s="410" customFormat="1" x14ac:dyDescent="0.2">
      <c r="F859" s="353"/>
      <c r="G859" s="353"/>
      <c r="H859" s="353"/>
      <c r="I859" s="353"/>
      <c r="J859" s="353"/>
    </row>
    <row r="860" spans="6:10" s="410" customFormat="1" x14ac:dyDescent="0.2">
      <c r="F860" s="353"/>
      <c r="G860" s="353"/>
      <c r="H860" s="353"/>
      <c r="I860" s="353"/>
      <c r="J860" s="353"/>
    </row>
    <row r="861" spans="6:10" s="410" customFormat="1" x14ac:dyDescent="0.2">
      <c r="F861" s="353"/>
      <c r="G861" s="353"/>
      <c r="H861" s="353"/>
      <c r="I861" s="353"/>
      <c r="J861" s="353"/>
    </row>
    <row r="862" spans="6:10" s="410" customFormat="1" x14ac:dyDescent="0.2">
      <c r="F862" s="353"/>
      <c r="G862" s="353"/>
      <c r="H862" s="353"/>
      <c r="I862" s="353"/>
      <c r="J862" s="353"/>
    </row>
    <row r="863" spans="6:10" s="410" customFormat="1" x14ac:dyDescent="0.2">
      <c r="F863" s="353"/>
      <c r="G863" s="353"/>
      <c r="H863" s="353"/>
      <c r="I863" s="353"/>
      <c r="J863" s="353"/>
    </row>
    <row r="864" spans="6:10" s="410" customFormat="1" x14ac:dyDescent="0.2">
      <c r="F864" s="353"/>
      <c r="G864" s="353"/>
      <c r="H864" s="353"/>
      <c r="I864" s="353"/>
      <c r="J864" s="353"/>
    </row>
    <row r="865" spans="6:10" s="410" customFormat="1" x14ac:dyDescent="0.2">
      <c r="F865" s="353"/>
      <c r="G865" s="353"/>
      <c r="H865" s="353"/>
      <c r="I865" s="353"/>
      <c r="J865" s="353"/>
    </row>
    <row r="866" spans="6:10" s="410" customFormat="1" x14ac:dyDescent="0.2">
      <c r="F866" s="353"/>
      <c r="G866" s="353"/>
      <c r="H866" s="353"/>
      <c r="I866" s="353"/>
      <c r="J866" s="353"/>
    </row>
    <row r="867" spans="6:10" s="410" customFormat="1" x14ac:dyDescent="0.2">
      <c r="F867" s="353"/>
      <c r="G867" s="353"/>
      <c r="H867" s="353"/>
      <c r="I867" s="353"/>
      <c r="J867" s="353"/>
    </row>
    <row r="868" spans="6:10" s="410" customFormat="1" x14ac:dyDescent="0.2">
      <c r="F868" s="353"/>
      <c r="G868" s="353"/>
      <c r="H868" s="353"/>
      <c r="I868" s="353"/>
      <c r="J868" s="353"/>
    </row>
    <row r="869" spans="6:10" s="410" customFormat="1" x14ac:dyDescent="0.2">
      <c r="F869" s="353"/>
      <c r="G869" s="353"/>
      <c r="H869" s="353"/>
      <c r="I869" s="353"/>
      <c r="J869" s="353"/>
    </row>
    <row r="870" spans="6:10" s="410" customFormat="1" x14ac:dyDescent="0.2">
      <c r="F870" s="353"/>
      <c r="G870" s="353"/>
      <c r="H870" s="353"/>
      <c r="I870" s="353"/>
      <c r="J870" s="353"/>
    </row>
    <row r="871" spans="6:10" s="410" customFormat="1" x14ac:dyDescent="0.2">
      <c r="F871" s="353"/>
      <c r="G871" s="353"/>
      <c r="H871" s="353"/>
      <c r="I871" s="353"/>
      <c r="J871" s="353"/>
    </row>
    <row r="872" spans="6:10" s="410" customFormat="1" x14ac:dyDescent="0.2">
      <c r="F872" s="353"/>
      <c r="G872" s="353"/>
      <c r="H872" s="353"/>
      <c r="I872" s="353"/>
      <c r="J872" s="353"/>
    </row>
    <row r="873" spans="6:10" s="410" customFormat="1" x14ac:dyDescent="0.2">
      <c r="F873" s="353"/>
      <c r="G873" s="353"/>
      <c r="H873" s="353"/>
      <c r="I873" s="353"/>
      <c r="J873" s="353"/>
    </row>
    <row r="874" spans="6:10" s="410" customFormat="1" x14ac:dyDescent="0.2">
      <c r="F874" s="353"/>
      <c r="G874" s="353"/>
      <c r="H874" s="353"/>
      <c r="I874" s="353"/>
      <c r="J874" s="353"/>
    </row>
    <row r="875" spans="6:10" s="410" customFormat="1" x14ac:dyDescent="0.2">
      <c r="F875" s="353"/>
      <c r="G875" s="353"/>
      <c r="H875" s="353"/>
      <c r="I875" s="353"/>
      <c r="J875" s="353"/>
    </row>
    <row r="876" spans="6:10" s="410" customFormat="1" x14ac:dyDescent="0.2">
      <c r="F876" s="353"/>
      <c r="G876" s="353"/>
      <c r="H876" s="353"/>
      <c r="I876" s="353"/>
      <c r="J876" s="353"/>
    </row>
    <row r="877" spans="6:10" s="410" customFormat="1" x14ac:dyDescent="0.2">
      <c r="F877" s="353"/>
      <c r="G877" s="353"/>
      <c r="H877" s="353"/>
      <c r="I877" s="353"/>
      <c r="J877" s="353"/>
    </row>
    <row r="878" spans="6:10" s="410" customFormat="1" x14ac:dyDescent="0.2">
      <c r="F878" s="353"/>
      <c r="G878" s="353"/>
      <c r="H878" s="353"/>
      <c r="I878" s="353"/>
      <c r="J878" s="353"/>
    </row>
    <row r="879" spans="6:10" s="410" customFormat="1" x14ac:dyDescent="0.2">
      <c r="F879" s="353"/>
      <c r="G879" s="353"/>
      <c r="H879" s="353"/>
      <c r="I879" s="353"/>
      <c r="J879" s="353"/>
    </row>
    <row r="880" spans="6:10" s="410" customFormat="1" x14ac:dyDescent="0.2">
      <c r="F880" s="353"/>
      <c r="G880" s="353"/>
      <c r="H880" s="353"/>
      <c r="I880" s="353"/>
      <c r="J880" s="353"/>
    </row>
    <row r="881" spans="6:10" s="410" customFormat="1" x14ac:dyDescent="0.2">
      <c r="F881" s="353"/>
      <c r="G881" s="353"/>
      <c r="H881" s="353"/>
      <c r="I881" s="353"/>
      <c r="J881" s="353"/>
    </row>
    <row r="882" spans="6:10" s="410" customFormat="1" x14ac:dyDescent="0.2">
      <c r="F882" s="353"/>
      <c r="G882" s="353"/>
      <c r="H882" s="353"/>
      <c r="I882" s="353"/>
      <c r="J882" s="353"/>
    </row>
    <row r="883" spans="6:10" s="410" customFormat="1" x14ac:dyDescent="0.2">
      <c r="F883" s="353"/>
      <c r="G883" s="353"/>
      <c r="H883" s="353"/>
      <c r="I883" s="353"/>
      <c r="J883" s="353"/>
    </row>
    <row r="884" spans="6:10" s="410" customFormat="1" x14ac:dyDescent="0.2">
      <c r="F884" s="353"/>
      <c r="G884" s="353"/>
      <c r="H884" s="353"/>
      <c r="I884" s="353"/>
      <c r="J884" s="353"/>
    </row>
    <row r="885" spans="6:10" s="410" customFormat="1" x14ac:dyDescent="0.2">
      <c r="F885" s="353"/>
      <c r="G885" s="353"/>
      <c r="H885" s="353"/>
      <c r="I885" s="353"/>
      <c r="J885" s="353"/>
    </row>
    <row r="886" spans="6:10" s="410" customFormat="1" x14ac:dyDescent="0.2">
      <c r="F886" s="353"/>
      <c r="G886" s="353"/>
      <c r="H886" s="353"/>
      <c r="I886" s="353"/>
      <c r="J886" s="353"/>
    </row>
    <row r="887" spans="6:10" s="410" customFormat="1" x14ac:dyDescent="0.2">
      <c r="F887" s="353"/>
      <c r="G887" s="353"/>
      <c r="H887" s="353"/>
      <c r="I887" s="353"/>
      <c r="J887" s="353"/>
    </row>
    <row r="888" spans="6:10" s="410" customFormat="1" x14ac:dyDescent="0.2">
      <c r="F888" s="353"/>
      <c r="G888" s="353"/>
      <c r="H888" s="353"/>
      <c r="I888" s="353"/>
      <c r="J888" s="353"/>
    </row>
    <row r="889" spans="6:10" s="410" customFormat="1" x14ac:dyDescent="0.2">
      <c r="F889" s="353"/>
      <c r="G889" s="353"/>
      <c r="H889" s="353"/>
      <c r="I889" s="353"/>
      <c r="J889" s="353"/>
    </row>
    <row r="890" spans="6:10" s="410" customFormat="1" x14ac:dyDescent="0.2">
      <c r="F890" s="353"/>
      <c r="G890" s="353"/>
      <c r="H890" s="353"/>
      <c r="I890" s="353"/>
      <c r="J890" s="353"/>
    </row>
    <row r="891" spans="6:10" s="410" customFormat="1" x14ac:dyDescent="0.2">
      <c r="F891" s="353"/>
      <c r="G891" s="353"/>
      <c r="H891" s="353"/>
      <c r="I891" s="353"/>
      <c r="J891" s="353"/>
    </row>
    <row r="892" spans="6:10" s="410" customFormat="1" x14ac:dyDescent="0.2">
      <c r="F892" s="353"/>
      <c r="G892" s="353"/>
      <c r="H892" s="353"/>
      <c r="I892" s="353"/>
      <c r="J892" s="353"/>
    </row>
    <row r="893" spans="6:10" s="410" customFormat="1" x14ac:dyDescent="0.2">
      <c r="F893" s="353"/>
      <c r="G893" s="353"/>
      <c r="H893" s="353"/>
      <c r="I893" s="353"/>
      <c r="J893" s="353"/>
    </row>
    <row r="894" spans="6:10" s="410" customFormat="1" x14ac:dyDescent="0.2">
      <c r="F894" s="353"/>
      <c r="G894" s="353"/>
      <c r="H894" s="353"/>
      <c r="I894" s="353"/>
      <c r="J894" s="353"/>
    </row>
    <row r="895" spans="6:10" s="410" customFormat="1" x14ac:dyDescent="0.2">
      <c r="F895" s="353"/>
      <c r="G895" s="353"/>
      <c r="H895" s="353"/>
      <c r="I895" s="353"/>
      <c r="J895" s="353"/>
    </row>
    <row r="896" spans="6:10" s="410" customFormat="1" x14ac:dyDescent="0.2">
      <c r="F896" s="353"/>
      <c r="G896" s="353"/>
      <c r="H896" s="353"/>
      <c r="I896" s="353"/>
      <c r="J896" s="353"/>
    </row>
    <row r="897" spans="6:10" s="410" customFormat="1" x14ac:dyDescent="0.2">
      <c r="F897" s="353"/>
      <c r="G897" s="353"/>
      <c r="H897" s="353"/>
      <c r="I897" s="353"/>
      <c r="J897" s="353"/>
    </row>
    <row r="898" spans="6:10" s="410" customFormat="1" x14ac:dyDescent="0.2">
      <c r="F898" s="353"/>
      <c r="G898" s="353"/>
      <c r="H898" s="353"/>
      <c r="I898" s="353"/>
      <c r="J898" s="353"/>
    </row>
    <row r="899" spans="6:10" s="410" customFormat="1" x14ac:dyDescent="0.2">
      <c r="F899" s="353"/>
      <c r="G899" s="353"/>
      <c r="H899" s="353"/>
      <c r="I899" s="353"/>
      <c r="J899" s="353"/>
    </row>
    <row r="900" spans="6:10" s="410" customFormat="1" x14ac:dyDescent="0.2">
      <c r="F900" s="353"/>
      <c r="G900" s="353"/>
      <c r="H900" s="353"/>
      <c r="I900" s="353"/>
      <c r="J900" s="353"/>
    </row>
    <row r="901" spans="6:10" s="410" customFormat="1" x14ac:dyDescent="0.2">
      <c r="F901" s="353"/>
      <c r="G901" s="353"/>
      <c r="H901" s="353"/>
      <c r="I901" s="353"/>
      <c r="J901" s="353"/>
    </row>
    <row r="902" spans="6:10" s="410" customFormat="1" x14ac:dyDescent="0.2">
      <c r="F902" s="353"/>
      <c r="G902" s="353"/>
      <c r="H902" s="353"/>
      <c r="I902" s="353"/>
      <c r="J902" s="353"/>
    </row>
    <row r="903" spans="6:10" s="410" customFormat="1" x14ac:dyDescent="0.2">
      <c r="F903" s="353"/>
      <c r="G903" s="353"/>
      <c r="H903" s="353"/>
      <c r="I903" s="353"/>
      <c r="J903" s="353"/>
    </row>
    <row r="904" spans="6:10" s="410" customFormat="1" x14ac:dyDescent="0.2">
      <c r="F904" s="353"/>
      <c r="G904" s="353"/>
      <c r="H904" s="353"/>
      <c r="I904" s="353"/>
      <c r="J904" s="353"/>
    </row>
    <row r="905" spans="6:10" s="410" customFormat="1" x14ac:dyDescent="0.2">
      <c r="F905" s="353"/>
      <c r="G905" s="353"/>
      <c r="H905" s="353"/>
      <c r="I905" s="353"/>
      <c r="J905" s="353"/>
    </row>
    <row r="906" spans="6:10" s="410" customFormat="1" x14ac:dyDescent="0.2">
      <c r="F906" s="353"/>
      <c r="G906" s="353"/>
      <c r="H906" s="353"/>
      <c r="I906" s="353"/>
      <c r="J906" s="353"/>
    </row>
    <row r="907" spans="6:10" s="410" customFormat="1" x14ac:dyDescent="0.2">
      <c r="F907" s="353"/>
      <c r="G907" s="353"/>
      <c r="H907" s="353"/>
      <c r="I907" s="353"/>
      <c r="J907" s="353"/>
    </row>
    <row r="908" spans="6:10" s="410" customFormat="1" x14ac:dyDescent="0.2">
      <c r="F908" s="353"/>
      <c r="G908" s="353"/>
      <c r="H908" s="353"/>
      <c r="I908" s="353"/>
      <c r="J908" s="353"/>
    </row>
    <row r="909" spans="6:10" s="410" customFormat="1" x14ac:dyDescent="0.2">
      <c r="F909" s="353"/>
      <c r="G909" s="353"/>
      <c r="H909" s="353"/>
      <c r="I909" s="353"/>
      <c r="J909" s="353"/>
    </row>
    <row r="910" spans="6:10" s="410" customFormat="1" x14ac:dyDescent="0.2">
      <c r="F910" s="353"/>
      <c r="G910" s="353"/>
      <c r="H910" s="353"/>
      <c r="I910" s="353"/>
      <c r="J910" s="353"/>
    </row>
    <row r="911" spans="6:10" s="410" customFormat="1" x14ac:dyDescent="0.2">
      <c r="F911" s="353"/>
      <c r="G911" s="353"/>
      <c r="H911" s="353"/>
      <c r="I911" s="353"/>
      <c r="J911" s="353"/>
    </row>
    <row r="912" spans="6:10" s="410" customFormat="1" x14ac:dyDescent="0.2">
      <c r="F912" s="353"/>
      <c r="G912" s="353"/>
      <c r="H912" s="353"/>
      <c r="I912" s="353"/>
      <c r="J912" s="353"/>
    </row>
    <row r="913" spans="6:10" s="410" customFormat="1" x14ac:dyDescent="0.2">
      <c r="F913" s="353"/>
      <c r="G913" s="353"/>
      <c r="H913" s="353"/>
      <c r="I913" s="353"/>
      <c r="J913" s="353"/>
    </row>
    <row r="914" spans="6:10" s="410" customFormat="1" x14ac:dyDescent="0.2">
      <c r="F914" s="353"/>
      <c r="G914" s="353"/>
      <c r="H914" s="353"/>
      <c r="I914" s="353"/>
      <c r="J914" s="353"/>
    </row>
    <row r="915" spans="6:10" s="410" customFormat="1" x14ac:dyDescent="0.2">
      <c r="F915" s="353"/>
      <c r="G915" s="353"/>
      <c r="H915" s="353"/>
      <c r="I915" s="353"/>
      <c r="J915" s="353"/>
    </row>
    <row r="916" spans="6:10" s="410" customFormat="1" x14ac:dyDescent="0.2">
      <c r="F916" s="353"/>
      <c r="G916" s="353"/>
      <c r="H916" s="353"/>
      <c r="I916" s="353"/>
      <c r="J916" s="353"/>
    </row>
    <row r="917" spans="6:10" s="410" customFormat="1" x14ac:dyDescent="0.2">
      <c r="F917" s="353"/>
      <c r="G917" s="353"/>
      <c r="H917" s="353"/>
      <c r="I917" s="353"/>
      <c r="J917" s="353"/>
    </row>
    <row r="918" spans="6:10" s="410" customFormat="1" x14ac:dyDescent="0.2">
      <c r="F918" s="353"/>
      <c r="G918" s="353"/>
      <c r="H918" s="353"/>
      <c r="I918" s="353"/>
      <c r="J918" s="353"/>
    </row>
    <row r="919" spans="6:10" s="410" customFormat="1" x14ac:dyDescent="0.2">
      <c r="F919" s="353"/>
      <c r="G919" s="353"/>
      <c r="H919" s="353"/>
      <c r="I919" s="353"/>
      <c r="J919" s="353"/>
    </row>
    <row r="920" spans="6:10" s="410" customFormat="1" x14ac:dyDescent="0.2">
      <c r="F920" s="353"/>
      <c r="G920" s="353"/>
      <c r="H920" s="353"/>
      <c r="I920" s="353"/>
      <c r="J920" s="353"/>
    </row>
    <row r="921" spans="6:10" s="410" customFormat="1" x14ac:dyDescent="0.2">
      <c r="F921" s="353"/>
      <c r="G921" s="353"/>
      <c r="H921" s="353"/>
      <c r="I921" s="353"/>
      <c r="J921" s="353"/>
    </row>
    <row r="922" spans="6:10" s="410" customFormat="1" x14ac:dyDescent="0.2">
      <c r="F922" s="353"/>
      <c r="G922" s="353"/>
      <c r="H922" s="353"/>
      <c r="I922" s="353"/>
      <c r="J922" s="353"/>
    </row>
    <row r="923" spans="6:10" s="410" customFormat="1" x14ac:dyDescent="0.2">
      <c r="F923" s="353"/>
      <c r="G923" s="353"/>
      <c r="H923" s="353"/>
      <c r="I923" s="353"/>
      <c r="J923" s="353"/>
    </row>
    <row r="924" spans="6:10" s="410" customFormat="1" x14ac:dyDescent="0.2">
      <c r="F924" s="353"/>
      <c r="G924" s="353"/>
      <c r="H924" s="353"/>
      <c r="I924" s="353"/>
      <c r="J924" s="353"/>
    </row>
    <row r="925" spans="6:10" s="410" customFormat="1" x14ac:dyDescent="0.2">
      <c r="F925" s="353"/>
      <c r="G925" s="353"/>
      <c r="H925" s="353"/>
      <c r="I925" s="353"/>
      <c r="J925" s="353"/>
    </row>
    <row r="926" spans="6:10" s="410" customFormat="1" x14ac:dyDescent="0.2">
      <c r="F926" s="353"/>
      <c r="G926" s="353"/>
      <c r="H926" s="353"/>
      <c r="I926" s="353"/>
      <c r="J926" s="353"/>
    </row>
    <row r="927" spans="6:10" s="410" customFormat="1" x14ac:dyDescent="0.2">
      <c r="F927" s="353"/>
      <c r="G927" s="353"/>
      <c r="H927" s="353"/>
      <c r="I927" s="353"/>
      <c r="J927" s="353"/>
    </row>
    <row r="928" spans="6:10" s="410" customFormat="1" x14ac:dyDescent="0.2">
      <c r="F928" s="353"/>
      <c r="G928" s="353"/>
      <c r="H928" s="353"/>
      <c r="I928" s="353"/>
      <c r="J928" s="353"/>
    </row>
    <row r="929" spans="6:10" s="410" customFormat="1" x14ac:dyDescent="0.2">
      <c r="F929" s="353"/>
      <c r="G929" s="353"/>
      <c r="H929" s="353"/>
      <c r="I929" s="353"/>
      <c r="J929" s="353"/>
    </row>
    <row r="930" spans="6:10" s="410" customFormat="1" x14ac:dyDescent="0.2">
      <c r="F930" s="353"/>
      <c r="G930" s="353"/>
      <c r="H930" s="353"/>
      <c r="I930" s="353"/>
      <c r="J930" s="353"/>
    </row>
    <row r="931" spans="6:10" s="410" customFormat="1" x14ac:dyDescent="0.2">
      <c r="F931" s="353"/>
      <c r="G931" s="353"/>
      <c r="H931" s="353"/>
      <c r="I931" s="353"/>
      <c r="J931" s="353"/>
    </row>
    <row r="932" spans="6:10" s="410" customFormat="1" x14ac:dyDescent="0.2">
      <c r="F932" s="353"/>
      <c r="G932" s="353"/>
      <c r="H932" s="353"/>
      <c r="I932" s="353"/>
      <c r="J932" s="353"/>
    </row>
    <row r="933" spans="6:10" s="410" customFormat="1" x14ac:dyDescent="0.2">
      <c r="F933" s="353"/>
      <c r="G933" s="353"/>
      <c r="H933" s="353"/>
      <c r="I933" s="353"/>
      <c r="J933" s="353"/>
    </row>
    <row r="934" spans="6:10" s="410" customFormat="1" x14ac:dyDescent="0.2">
      <c r="F934" s="353"/>
      <c r="G934" s="353"/>
      <c r="H934" s="353"/>
      <c r="I934" s="353"/>
      <c r="J934" s="353"/>
    </row>
    <row r="935" spans="6:10" s="410" customFormat="1" x14ac:dyDescent="0.2">
      <c r="F935" s="353"/>
      <c r="G935" s="353"/>
      <c r="H935" s="353"/>
      <c r="I935" s="353"/>
      <c r="J935" s="353"/>
    </row>
    <row r="936" spans="6:10" s="410" customFormat="1" x14ac:dyDescent="0.2">
      <c r="F936" s="353"/>
      <c r="G936" s="353"/>
      <c r="H936" s="353"/>
      <c r="I936" s="353"/>
      <c r="J936" s="353"/>
    </row>
    <row r="937" spans="6:10" s="410" customFormat="1" x14ac:dyDescent="0.2">
      <c r="F937" s="353"/>
      <c r="G937" s="353"/>
      <c r="H937" s="353"/>
      <c r="I937" s="353"/>
      <c r="J937" s="353"/>
    </row>
    <row r="938" spans="6:10" s="410" customFormat="1" x14ac:dyDescent="0.2">
      <c r="F938" s="353"/>
      <c r="G938" s="353"/>
      <c r="H938" s="353"/>
      <c r="I938" s="353"/>
      <c r="J938" s="353"/>
    </row>
    <row r="939" spans="6:10" s="410" customFormat="1" x14ac:dyDescent="0.2">
      <c r="F939" s="353"/>
      <c r="G939" s="353"/>
      <c r="H939" s="353"/>
      <c r="I939" s="353"/>
      <c r="J939" s="353"/>
    </row>
    <row r="940" spans="6:10" s="410" customFormat="1" x14ac:dyDescent="0.2">
      <c r="F940" s="353"/>
      <c r="G940" s="353"/>
      <c r="H940" s="353"/>
      <c r="I940" s="353"/>
      <c r="J940" s="353"/>
    </row>
    <row r="941" spans="6:10" s="410" customFormat="1" x14ac:dyDescent="0.2">
      <c r="F941" s="353"/>
      <c r="G941" s="353"/>
      <c r="H941" s="353"/>
      <c r="I941" s="353"/>
      <c r="J941" s="353"/>
    </row>
    <row r="942" spans="6:10" s="410" customFormat="1" x14ac:dyDescent="0.2">
      <c r="F942" s="353"/>
      <c r="G942" s="353"/>
      <c r="H942" s="353"/>
      <c r="I942" s="353"/>
      <c r="J942" s="353"/>
    </row>
    <row r="943" spans="6:10" s="410" customFormat="1" x14ac:dyDescent="0.2">
      <c r="F943" s="353"/>
      <c r="G943" s="353"/>
      <c r="H943" s="353"/>
      <c r="I943" s="353"/>
      <c r="J943" s="353"/>
    </row>
    <row r="944" spans="6:10" s="410" customFormat="1" x14ac:dyDescent="0.2">
      <c r="F944" s="353"/>
      <c r="G944" s="353"/>
      <c r="H944" s="353"/>
      <c r="I944" s="353"/>
      <c r="J944" s="353"/>
    </row>
    <row r="945" spans="6:10" s="410" customFormat="1" x14ac:dyDescent="0.2">
      <c r="F945" s="353"/>
      <c r="G945" s="353"/>
      <c r="H945" s="353"/>
      <c r="I945" s="353"/>
      <c r="J945" s="353"/>
    </row>
    <row r="946" spans="6:10" s="410" customFormat="1" x14ac:dyDescent="0.2">
      <c r="F946" s="353"/>
      <c r="G946" s="353"/>
      <c r="H946" s="353"/>
      <c r="I946" s="353"/>
      <c r="J946" s="353"/>
    </row>
    <row r="947" spans="6:10" s="410" customFormat="1" x14ac:dyDescent="0.2">
      <c r="F947" s="353"/>
      <c r="G947" s="353"/>
      <c r="H947" s="353"/>
      <c r="I947" s="353"/>
      <c r="J947" s="353"/>
    </row>
    <row r="948" spans="6:10" s="410" customFormat="1" x14ac:dyDescent="0.2">
      <c r="F948" s="353"/>
      <c r="G948" s="353"/>
      <c r="H948" s="353"/>
      <c r="I948" s="353"/>
      <c r="J948" s="353"/>
    </row>
    <row r="949" spans="6:10" s="410" customFormat="1" x14ac:dyDescent="0.2">
      <c r="F949" s="353"/>
      <c r="G949" s="353"/>
      <c r="H949" s="353"/>
      <c r="I949" s="353"/>
      <c r="J949" s="353"/>
    </row>
    <row r="950" spans="6:10" s="410" customFormat="1" x14ac:dyDescent="0.2">
      <c r="F950" s="353"/>
      <c r="G950" s="353"/>
      <c r="H950" s="353"/>
      <c r="I950" s="353"/>
      <c r="J950" s="353"/>
    </row>
    <row r="951" spans="6:10" s="410" customFormat="1" x14ac:dyDescent="0.2">
      <c r="F951" s="353"/>
      <c r="G951" s="353"/>
      <c r="H951" s="353"/>
      <c r="I951" s="353"/>
      <c r="J951" s="353"/>
    </row>
    <row r="952" spans="6:10" s="410" customFormat="1" x14ac:dyDescent="0.2">
      <c r="F952" s="353"/>
      <c r="G952" s="353"/>
      <c r="H952" s="353"/>
      <c r="I952" s="353"/>
      <c r="J952" s="353"/>
    </row>
    <row r="953" spans="6:10" s="410" customFormat="1" x14ac:dyDescent="0.2">
      <c r="F953" s="353"/>
      <c r="G953" s="353"/>
      <c r="H953" s="353"/>
      <c r="I953" s="353"/>
      <c r="J953" s="353"/>
    </row>
    <row r="954" spans="6:10" s="410" customFormat="1" x14ac:dyDescent="0.2">
      <c r="F954" s="353"/>
      <c r="G954" s="353"/>
      <c r="H954" s="353"/>
      <c r="I954" s="353"/>
      <c r="J954" s="353"/>
    </row>
    <row r="955" spans="6:10" s="410" customFormat="1" x14ac:dyDescent="0.2">
      <c r="F955" s="353"/>
      <c r="G955" s="353"/>
      <c r="H955" s="353"/>
      <c r="I955" s="353"/>
      <c r="J955" s="353"/>
    </row>
    <row r="956" spans="6:10" s="410" customFormat="1" x14ac:dyDescent="0.2">
      <c r="F956" s="353"/>
      <c r="G956" s="353"/>
      <c r="H956" s="353"/>
      <c r="I956" s="353"/>
      <c r="J956" s="353"/>
    </row>
    <row r="957" spans="6:10" s="410" customFormat="1" x14ac:dyDescent="0.2">
      <c r="F957" s="353"/>
      <c r="G957" s="353"/>
      <c r="H957" s="353"/>
      <c r="I957" s="353"/>
      <c r="J957" s="353"/>
    </row>
    <row r="958" spans="6:10" s="410" customFormat="1" x14ac:dyDescent="0.2">
      <c r="F958" s="353"/>
      <c r="G958" s="353"/>
      <c r="H958" s="353"/>
      <c r="I958" s="353"/>
      <c r="J958" s="353"/>
    </row>
    <row r="959" spans="6:10" s="410" customFormat="1" x14ac:dyDescent="0.2">
      <c r="F959" s="353"/>
      <c r="G959" s="353"/>
      <c r="H959" s="353"/>
      <c r="I959" s="353"/>
      <c r="J959" s="353"/>
    </row>
    <row r="960" spans="6:10" s="410" customFormat="1" x14ac:dyDescent="0.2">
      <c r="F960" s="353"/>
      <c r="G960" s="353"/>
      <c r="H960" s="353"/>
      <c r="I960" s="353"/>
      <c r="J960" s="353"/>
    </row>
    <row r="961" spans="6:10" s="410" customFormat="1" x14ac:dyDescent="0.2">
      <c r="F961" s="353"/>
      <c r="G961" s="353"/>
      <c r="H961" s="353"/>
      <c r="I961" s="353"/>
      <c r="J961" s="353"/>
    </row>
    <row r="962" spans="6:10" s="410" customFormat="1" x14ac:dyDescent="0.2">
      <c r="F962" s="353"/>
      <c r="G962" s="353"/>
      <c r="H962" s="353"/>
      <c r="I962" s="353"/>
      <c r="J962" s="353"/>
    </row>
    <row r="963" spans="6:10" s="410" customFormat="1" x14ac:dyDescent="0.2">
      <c r="F963" s="353"/>
      <c r="G963" s="353"/>
      <c r="H963" s="353"/>
      <c r="I963" s="353"/>
      <c r="J963" s="353"/>
    </row>
    <row r="964" spans="6:10" s="410" customFormat="1" x14ac:dyDescent="0.2">
      <c r="F964" s="353"/>
      <c r="G964" s="353"/>
      <c r="H964" s="353"/>
      <c r="I964" s="353"/>
      <c r="J964" s="353"/>
    </row>
    <row r="965" spans="6:10" s="410" customFormat="1" x14ac:dyDescent="0.2">
      <c r="F965" s="353"/>
      <c r="G965" s="353"/>
      <c r="H965" s="353"/>
      <c r="I965" s="353"/>
      <c r="J965" s="353"/>
    </row>
    <row r="966" spans="6:10" s="410" customFormat="1" x14ac:dyDescent="0.2">
      <c r="F966" s="353"/>
      <c r="G966" s="353"/>
      <c r="H966" s="353"/>
      <c r="I966" s="353"/>
      <c r="J966" s="353"/>
    </row>
    <row r="967" spans="6:10" s="410" customFormat="1" x14ac:dyDescent="0.2">
      <c r="F967" s="353"/>
      <c r="G967" s="353"/>
      <c r="H967" s="353"/>
      <c r="I967" s="353"/>
      <c r="J967" s="353"/>
    </row>
    <row r="968" spans="6:10" s="410" customFormat="1" x14ac:dyDescent="0.2">
      <c r="F968" s="353"/>
      <c r="G968" s="353"/>
      <c r="H968" s="353"/>
      <c r="I968" s="353"/>
      <c r="J968" s="353"/>
    </row>
    <row r="969" spans="6:10" s="410" customFormat="1" x14ac:dyDescent="0.2">
      <c r="F969" s="353"/>
      <c r="G969" s="353"/>
      <c r="H969" s="353"/>
      <c r="I969" s="353"/>
      <c r="J969" s="353"/>
    </row>
    <row r="970" spans="6:10" s="410" customFormat="1" x14ac:dyDescent="0.2">
      <c r="F970" s="353"/>
      <c r="G970" s="353"/>
      <c r="H970" s="353"/>
      <c r="I970" s="353"/>
      <c r="J970" s="353"/>
    </row>
    <row r="971" spans="6:10" s="410" customFormat="1" x14ac:dyDescent="0.2">
      <c r="F971" s="353"/>
      <c r="G971" s="353"/>
      <c r="H971" s="353"/>
      <c r="I971" s="353"/>
      <c r="J971" s="353"/>
    </row>
    <row r="972" spans="6:10" s="410" customFormat="1" x14ac:dyDescent="0.2">
      <c r="F972" s="353"/>
      <c r="G972" s="353"/>
      <c r="H972" s="353"/>
      <c r="I972" s="353"/>
      <c r="J972" s="353"/>
    </row>
    <row r="973" spans="6:10" s="410" customFormat="1" x14ac:dyDescent="0.2">
      <c r="F973" s="353"/>
      <c r="G973" s="353"/>
      <c r="H973" s="353"/>
      <c r="I973" s="353"/>
      <c r="J973" s="353"/>
    </row>
    <row r="974" spans="6:10" s="410" customFormat="1" x14ac:dyDescent="0.2">
      <c r="F974" s="353"/>
      <c r="G974" s="353"/>
      <c r="H974" s="353"/>
      <c r="I974" s="353"/>
      <c r="J974" s="353"/>
    </row>
    <row r="975" spans="6:10" s="410" customFormat="1" x14ac:dyDescent="0.2">
      <c r="F975" s="353"/>
      <c r="G975" s="353"/>
      <c r="H975" s="353"/>
      <c r="I975" s="353"/>
      <c r="J975" s="353"/>
    </row>
    <row r="976" spans="6:10" s="410" customFormat="1" x14ac:dyDescent="0.2">
      <c r="F976" s="353"/>
      <c r="G976" s="353"/>
      <c r="H976" s="353"/>
      <c r="I976" s="353"/>
      <c r="J976" s="353"/>
    </row>
    <row r="977" spans="6:10" s="410" customFormat="1" x14ac:dyDescent="0.2">
      <c r="F977" s="353"/>
      <c r="G977" s="353"/>
      <c r="H977" s="353"/>
      <c r="I977" s="353"/>
      <c r="J977" s="353"/>
    </row>
    <row r="978" spans="6:10" s="410" customFormat="1" x14ac:dyDescent="0.2">
      <c r="F978" s="353"/>
      <c r="G978" s="353"/>
      <c r="H978" s="353"/>
      <c r="I978" s="353"/>
      <c r="J978" s="353"/>
    </row>
    <row r="979" spans="6:10" s="410" customFormat="1" x14ac:dyDescent="0.2">
      <c r="F979" s="353"/>
      <c r="G979" s="353"/>
      <c r="H979" s="353"/>
      <c r="I979" s="353"/>
      <c r="J979" s="353"/>
    </row>
    <row r="980" spans="6:10" s="410" customFormat="1" x14ac:dyDescent="0.2">
      <c r="F980" s="353"/>
      <c r="G980" s="353"/>
      <c r="H980" s="353"/>
      <c r="I980" s="353"/>
      <c r="J980" s="353"/>
    </row>
    <row r="981" spans="6:10" s="410" customFormat="1" x14ac:dyDescent="0.2">
      <c r="F981" s="353"/>
      <c r="G981" s="353"/>
      <c r="H981" s="353"/>
      <c r="I981" s="353"/>
      <c r="J981" s="353"/>
    </row>
    <row r="982" spans="6:10" s="410" customFormat="1" x14ac:dyDescent="0.2">
      <c r="F982" s="353"/>
      <c r="G982" s="353"/>
      <c r="H982" s="353"/>
      <c r="I982" s="353"/>
      <c r="J982" s="353"/>
    </row>
    <row r="983" spans="6:10" s="410" customFormat="1" x14ac:dyDescent="0.2">
      <c r="F983" s="353"/>
      <c r="G983" s="353"/>
      <c r="H983" s="353"/>
      <c r="I983" s="353"/>
      <c r="J983" s="353"/>
    </row>
    <row r="984" spans="6:10" s="410" customFormat="1" x14ac:dyDescent="0.2">
      <c r="F984" s="353"/>
      <c r="G984" s="353"/>
      <c r="H984" s="353"/>
      <c r="I984" s="353"/>
      <c r="J984" s="353"/>
    </row>
    <row r="985" spans="6:10" s="410" customFormat="1" x14ac:dyDescent="0.2">
      <c r="F985" s="353"/>
      <c r="G985" s="353"/>
      <c r="H985" s="353"/>
      <c r="I985" s="353"/>
      <c r="J985" s="353"/>
    </row>
    <row r="986" spans="6:10" s="410" customFormat="1" x14ac:dyDescent="0.2">
      <c r="F986" s="353"/>
      <c r="G986" s="353"/>
      <c r="H986" s="353"/>
      <c r="I986" s="353"/>
      <c r="J986" s="353"/>
    </row>
    <row r="987" spans="6:10" s="410" customFormat="1" x14ac:dyDescent="0.2">
      <c r="F987" s="353"/>
      <c r="G987" s="353"/>
      <c r="H987" s="353"/>
      <c r="I987" s="353"/>
      <c r="J987" s="353"/>
    </row>
    <row r="988" spans="6:10" s="410" customFormat="1" x14ac:dyDescent="0.2">
      <c r="F988" s="353"/>
      <c r="G988" s="353"/>
      <c r="H988" s="353"/>
      <c r="I988" s="353"/>
      <c r="J988" s="353"/>
    </row>
    <row r="989" spans="6:10" s="410" customFormat="1" x14ac:dyDescent="0.2">
      <c r="F989" s="353"/>
      <c r="G989" s="353"/>
      <c r="H989" s="353"/>
      <c r="I989" s="353"/>
      <c r="J989" s="353"/>
    </row>
    <row r="990" spans="6:10" s="410" customFormat="1" x14ac:dyDescent="0.2">
      <c r="F990" s="353"/>
      <c r="G990" s="353"/>
      <c r="H990" s="353"/>
      <c r="I990" s="353"/>
      <c r="J990" s="353"/>
    </row>
    <row r="991" spans="6:10" s="410" customFormat="1" x14ac:dyDescent="0.2">
      <c r="F991" s="353"/>
      <c r="G991" s="353"/>
      <c r="H991" s="353"/>
      <c r="I991" s="353"/>
      <c r="J991" s="353"/>
    </row>
    <row r="992" spans="6:10" s="410" customFormat="1" x14ac:dyDescent="0.2">
      <c r="F992" s="353"/>
      <c r="G992" s="353"/>
      <c r="H992" s="353"/>
      <c r="I992" s="353"/>
      <c r="J992" s="353"/>
    </row>
    <row r="993" spans="6:10" s="410" customFormat="1" x14ac:dyDescent="0.2">
      <c r="F993" s="353"/>
      <c r="G993" s="353"/>
      <c r="H993" s="353"/>
      <c r="I993" s="353"/>
      <c r="J993" s="353"/>
    </row>
    <row r="994" spans="6:10" s="410" customFormat="1" x14ac:dyDescent="0.2">
      <c r="F994" s="353"/>
      <c r="G994" s="353"/>
      <c r="H994" s="353"/>
      <c r="I994" s="353"/>
      <c r="J994" s="353"/>
    </row>
    <row r="995" spans="6:10" s="410" customFormat="1" x14ac:dyDescent="0.2">
      <c r="F995" s="353"/>
      <c r="G995" s="353"/>
      <c r="H995" s="353"/>
      <c r="I995" s="353"/>
      <c r="J995" s="353"/>
    </row>
    <row r="996" spans="6:10" s="410" customFormat="1" x14ac:dyDescent="0.2">
      <c r="F996" s="353"/>
      <c r="G996" s="353"/>
      <c r="H996" s="353"/>
      <c r="I996" s="353"/>
      <c r="J996" s="353"/>
    </row>
    <row r="997" spans="6:10" s="410" customFormat="1" x14ac:dyDescent="0.2">
      <c r="F997" s="353"/>
      <c r="G997" s="353"/>
      <c r="H997" s="353"/>
      <c r="I997" s="353"/>
      <c r="J997" s="353"/>
    </row>
    <row r="998" spans="6:10" s="410" customFormat="1" x14ac:dyDescent="0.2">
      <c r="F998" s="353"/>
      <c r="G998" s="353"/>
      <c r="H998" s="353"/>
      <c r="I998" s="353"/>
      <c r="J998" s="353"/>
    </row>
    <row r="999" spans="6:10" s="410" customFormat="1" x14ac:dyDescent="0.2">
      <c r="F999" s="353"/>
      <c r="G999" s="353"/>
      <c r="H999" s="353"/>
      <c r="I999" s="353"/>
      <c r="J999" s="353"/>
    </row>
    <row r="1000" spans="6:10" s="410" customFormat="1" x14ac:dyDescent="0.2">
      <c r="F1000" s="353"/>
      <c r="G1000" s="353"/>
      <c r="H1000" s="353"/>
      <c r="I1000" s="353"/>
      <c r="J1000" s="353"/>
    </row>
    <row r="1001" spans="6:10" s="410" customFormat="1" x14ac:dyDescent="0.2">
      <c r="F1001" s="353"/>
      <c r="G1001" s="353"/>
      <c r="H1001" s="353"/>
      <c r="I1001" s="353"/>
      <c r="J1001" s="353"/>
    </row>
    <row r="1002" spans="6:10" s="410" customFormat="1" x14ac:dyDescent="0.2">
      <c r="F1002" s="353"/>
      <c r="G1002" s="353"/>
      <c r="H1002" s="353"/>
      <c r="I1002" s="353"/>
      <c r="J1002" s="353"/>
    </row>
    <row r="1003" spans="6:10" s="410" customFormat="1" x14ac:dyDescent="0.2">
      <c r="F1003" s="353"/>
      <c r="G1003" s="353"/>
      <c r="H1003" s="353"/>
      <c r="I1003" s="353"/>
      <c r="J1003" s="353"/>
    </row>
    <row r="1004" spans="6:10" s="410" customFormat="1" x14ac:dyDescent="0.2">
      <c r="F1004" s="353"/>
      <c r="G1004" s="353"/>
      <c r="H1004" s="353"/>
      <c r="I1004" s="353"/>
      <c r="J1004" s="353"/>
    </row>
    <row r="1005" spans="6:10" s="410" customFormat="1" x14ac:dyDescent="0.2">
      <c r="F1005" s="353"/>
      <c r="G1005" s="353"/>
      <c r="H1005" s="353"/>
      <c r="I1005" s="353"/>
      <c r="J1005" s="353"/>
    </row>
    <row r="1006" spans="6:10" s="410" customFormat="1" x14ac:dyDescent="0.2">
      <c r="F1006" s="353"/>
      <c r="G1006" s="353"/>
      <c r="H1006" s="353"/>
      <c r="I1006" s="353"/>
      <c r="J1006" s="353"/>
    </row>
    <row r="1007" spans="6:10" s="410" customFormat="1" x14ac:dyDescent="0.2">
      <c r="F1007" s="353"/>
      <c r="G1007" s="353"/>
      <c r="H1007" s="353"/>
      <c r="I1007" s="353"/>
      <c r="J1007" s="353"/>
    </row>
    <row r="1008" spans="6:10" s="410" customFormat="1" x14ac:dyDescent="0.2">
      <c r="F1008" s="353"/>
      <c r="G1008" s="353"/>
      <c r="H1008" s="353"/>
      <c r="I1008" s="353"/>
      <c r="J1008" s="353"/>
    </row>
    <row r="1009" spans="6:10" s="410" customFormat="1" x14ac:dyDescent="0.2">
      <c r="F1009" s="353"/>
      <c r="G1009" s="353"/>
      <c r="H1009" s="353"/>
      <c r="I1009" s="353"/>
      <c r="J1009" s="353"/>
    </row>
    <row r="1010" spans="6:10" s="410" customFormat="1" x14ac:dyDescent="0.2">
      <c r="F1010" s="353"/>
      <c r="G1010" s="353"/>
      <c r="H1010" s="353"/>
      <c r="I1010" s="353"/>
      <c r="J1010" s="353"/>
    </row>
    <row r="1011" spans="6:10" s="410" customFormat="1" x14ac:dyDescent="0.2">
      <c r="F1011" s="353"/>
      <c r="G1011" s="353"/>
      <c r="H1011" s="353"/>
      <c r="I1011" s="353"/>
      <c r="J1011" s="353"/>
    </row>
    <row r="1012" spans="6:10" s="410" customFormat="1" x14ac:dyDescent="0.2">
      <c r="F1012" s="353"/>
      <c r="G1012" s="353"/>
      <c r="H1012" s="353"/>
      <c r="I1012" s="353"/>
      <c r="J1012" s="353"/>
    </row>
    <row r="1013" spans="6:10" s="410" customFormat="1" x14ac:dyDescent="0.2">
      <c r="F1013" s="353"/>
      <c r="G1013" s="353"/>
      <c r="H1013" s="353"/>
      <c r="I1013" s="353"/>
      <c r="J1013" s="353"/>
    </row>
    <row r="1014" spans="6:10" s="410" customFormat="1" x14ac:dyDescent="0.2">
      <c r="F1014" s="353"/>
      <c r="G1014" s="353"/>
      <c r="H1014" s="353"/>
      <c r="I1014" s="353"/>
      <c r="J1014" s="353"/>
    </row>
    <row r="1015" spans="6:10" s="410" customFormat="1" x14ac:dyDescent="0.2">
      <c r="F1015" s="353"/>
      <c r="G1015" s="353"/>
      <c r="H1015" s="353"/>
      <c r="I1015" s="353"/>
      <c r="J1015" s="353"/>
    </row>
    <row r="1016" spans="6:10" s="410" customFormat="1" x14ac:dyDescent="0.2">
      <c r="F1016" s="353"/>
      <c r="G1016" s="353"/>
      <c r="H1016" s="353"/>
      <c r="I1016" s="353"/>
      <c r="J1016" s="353"/>
    </row>
    <row r="1017" spans="6:10" s="410" customFormat="1" x14ac:dyDescent="0.2">
      <c r="F1017" s="353"/>
      <c r="G1017" s="353"/>
      <c r="H1017" s="353"/>
      <c r="I1017" s="353"/>
      <c r="J1017" s="353"/>
    </row>
    <row r="1018" spans="6:10" s="410" customFormat="1" x14ac:dyDescent="0.2">
      <c r="F1018" s="353"/>
      <c r="G1018" s="353"/>
      <c r="H1018" s="353"/>
      <c r="I1018" s="353"/>
      <c r="J1018" s="353"/>
    </row>
    <row r="1019" spans="6:10" s="410" customFormat="1" x14ac:dyDescent="0.2">
      <c r="F1019" s="353"/>
      <c r="G1019" s="353"/>
      <c r="H1019" s="353"/>
      <c r="I1019" s="353"/>
      <c r="J1019" s="353"/>
    </row>
    <row r="1020" spans="6:10" s="410" customFormat="1" x14ac:dyDescent="0.2">
      <c r="F1020" s="353"/>
      <c r="G1020" s="353"/>
      <c r="H1020" s="353"/>
      <c r="I1020" s="353"/>
      <c r="J1020" s="353"/>
    </row>
    <row r="1021" spans="6:10" s="410" customFormat="1" x14ac:dyDescent="0.2">
      <c r="F1021" s="353"/>
      <c r="G1021" s="353"/>
      <c r="H1021" s="353"/>
      <c r="I1021" s="353"/>
      <c r="J1021" s="353"/>
    </row>
    <row r="1022" spans="6:10" s="410" customFormat="1" x14ac:dyDescent="0.2">
      <c r="F1022" s="353"/>
      <c r="G1022" s="353"/>
      <c r="H1022" s="353"/>
      <c r="I1022" s="353"/>
      <c r="J1022" s="353"/>
    </row>
    <row r="1023" spans="6:10" s="410" customFormat="1" x14ac:dyDescent="0.2">
      <c r="F1023" s="353"/>
      <c r="G1023" s="353"/>
      <c r="H1023" s="353"/>
      <c r="I1023" s="353"/>
      <c r="J1023" s="353"/>
    </row>
    <row r="1024" spans="6:10" s="410" customFormat="1" x14ac:dyDescent="0.2">
      <c r="F1024" s="353"/>
      <c r="G1024" s="353"/>
      <c r="H1024" s="353"/>
      <c r="I1024" s="353"/>
      <c r="J1024" s="353"/>
    </row>
    <row r="1025" spans="6:10" s="410" customFormat="1" x14ac:dyDescent="0.2">
      <c r="F1025" s="353"/>
      <c r="G1025" s="353"/>
      <c r="H1025" s="353"/>
      <c r="I1025" s="353"/>
      <c r="J1025" s="353"/>
    </row>
    <row r="1026" spans="6:10" s="410" customFormat="1" x14ac:dyDescent="0.2">
      <c r="F1026" s="353"/>
      <c r="G1026" s="353"/>
      <c r="H1026" s="353"/>
      <c r="I1026" s="353"/>
      <c r="J1026" s="353"/>
    </row>
    <row r="1027" spans="6:10" s="410" customFormat="1" x14ac:dyDescent="0.2">
      <c r="F1027" s="353"/>
      <c r="G1027" s="353"/>
      <c r="H1027" s="353"/>
      <c r="I1027" s="353"/>
      <c r="J1027" s="353"/>
    </row>
    <row r="1028" spans="6:10" s="410" customFormat="1" x14ac:dyDescent="0.2">
      <c r="F1028" s="353"/>
      <c r="G1028" s="353"/>
      <c r="H1028" s="353"/>
      <c r="I1028" s="353"/>
      <c r="J1028" s="353"/>
    </row>
    <row r="1029" spans="6:10" s="410" customFormat="1" x14ac:dyDescent="0.2">
      <c r="F1029" s="353"/>
      <c r="G1029" s="353"/>
      <c r="H1029" s="353"/>
      <c r="I1029" s="353"/>
      <c r="J1029" s="353"/>
    </row>
    <row r="1030" spans="6:10" s="410" customFormat="1" x14ac:dyDescent="0.2">
      <c r="F1030" s="353"/>
      <c r="G1030" s="353"/>
      <c r="H1030" s="353"/>
      <c r="I1030" s="353"/>
      <c r="J1030" s="353"/>
    </row>
    <row r="1031" spans="6:10" s="410" customFormat="1" x14ac:dyDescent="0.2">
      <c r="F1031" s="353"/>
      <c r="G1031" s="353"/>
      <c r="H1031" s="353"/>
      <c r="I1031" s="353"/>
      <c r="J1031" s="353"/>
    </row>
    <row r="1032" spans="6:10" s="410" customFormat="1" x14ac:dyDescent="0.2">
      <c r="F1032" s="353"/>
      <c r="G1032" s="353"/>
      <c r="H1032" s="353"/>
      <c r="I1032" s="353"/>
      <c r="J1032" s="353"/>
    </row>
    <row r="1033" spans="6:10" s="410" customFormat="1" x14ac:dyDescent="0.2">
      <c r="F1033" s="353"/>
      <c r="G1033" s="353"/>
      <c r="H1033" s="353"/>
      <c r="I1033" s="353"/>
      <c r="J1033" s="353"/>
    </row>
    <row r="1034" spans="6:10" s="410" customFormat="1" x14ac:dyDescent="0.2">
      <c r="F1034" s="353"/>
      <c r="G1034" s="353"/>
      <c r="H1034" s="353"/>
      <c r="I1034" s="353"/>
      <c r="J1034" s="353"/>
    </row>
    <row r="1035" spans="6:10" s="410" customFormat="1" x14ac:dyDescent="0.2">
      <c r="F1035" s="353"/>
      <c r="G1035" s="353"/>
      <c r="H1035" s="353"/>
      <c r="I1035" s="353"/>
      <c r="J1035" s="353"/>
    </row>
    <row r="1036" spans="6:10" s="410" customFormat="1" x14ac:dyDescent="0.2">
      <c r="F1036" s="353"/>
      <c r="G1036" s="353"/>
      <c r="H1036" s="353"/>
      <c r="I1036" s="353"/>
      <c r="J1036" s="353"/>
    </row>
    <row r="1037" spans="6:10" s="410" customFormat="1" x14ac:dyDescent="0.2">
      <c r="F1037" s="353"/>
      <c r="G1037" s="353"/>
      <c r="H1037" s="353"/>
      <c r="I1037" s="353"/>
      <c r="J1037" s="353"/>
    </row>
    <row r="1038" spans="6:10" s="410" customFormat="1" x14ac:dyDescent="0.2">
      <c r="F1038" s="353"/>
      <c r="G1038" s="353"/>
      <c r="H1038" s="353"/>
      <c r="I1038" s="353"/>
      <c r="J1038" s="353"/>
    </row>
    <row r="1039" spans="6:10" s="410" customFormat="1" x14ac:dyDescent="0.2">
      <c r="F1039" s="353"/>
      <c r="G1039" s="353"/>
      <c r="H1039" s="353"/>
      <c r="I1039" s="353"/>
      <c r="J1039" s="353"/>
    </row>
    <row r="1040" spans="6:10" s="410" customFormat="1" x14ac:dyDescent="0.2">
      <c r="F1040" s="353"/>
      <c r="G1040" s="353"/>
      <c r="H1040" s="353"/>
      <c r="I1040" s="353"/>
      <c r="J1040" s="353"/>
    </row>
    <row r="1041" spans="6:10" s="410" customFormat="1" x14ac:dyDescent="0.2">
      <c r="F1041" s="353"/>
      <c r="G1041" s="353"/>
      <c r="H1041" s="353"/>
      <c r="I1041" s="353"/>
      <c r="J1041" s="353"/>
    </row>
    <row r="1042" spans="6:10" s="410" customFormat="1" x14ac:dyDescent="0.2">
      <c r="F1042" s="353"/>
      <c r="G1042" s="353"/>
      <c r="H1042" s="353"/>
      <c r="I1042" s="353"/>
      <c r="J1042" s="353"/>
    </row>
    <row r="1043" spans="6:10" s="410" customFormat="1" x14ac:dyDescent="0.2">
      <c r="F1043" s="353"/>
      <c r="G1043" s="353"/>
      <c r="H1043" s="353"/>
      <c r="I1043" s="353"/>
      <c r="J1043" s="353"/>
    </row>
    <row r="1044" spans="6:10" s="410" customFormat="1" x14ac:dyDescent="0.2">
      <c r="F1044" s="353"/>
      <c r="G1044" s="353"/>
      <c r="H1044" s="353"/>
      <c r="I1044" s="353"/>
      <c r="J1044" s="353"/>
    </row>
    <row r="1045" spans="6:10" s="410" customFormat="1" x14ac:dyDescent="0.2">
      <c r="F1045" s="353"/>
      <c r="G1045" s="353"/>
      <c r="H1045" s="353"/>
      <c r="I1045" s="353"/>
      <c r="J1045" s="353"/>
    </row>
    <row r="1046" spans="6:10" s="410" customFormat="1" x14ac:dyDescent="0.2">
      <c r="F1046" s="353"/>
      <c r="G1046" s="353"/>
      <c r="H1046" s="353"/>
      <c r="I1046" s="353"/>
      <c r="J1046" s="353"/>
    </row>
    <row r="1047" spans="6:10" s="410" customFormat="1" x14ac:dyDescent="0.2">
      <c r="F1047" s="353"/>
      <c r="G1047" s="353"/>
      <c r="H1047" s="353"/>
      <c r="I1047" s="353"/>
      <c r="J1047" s="353"/>
    </row>
    <row r="1048" spans="6:10" s="410" customFormat="1" x14ac:dyDescent="0.2">
      <c r="F1048" s="353"/>
      <c r="G1048" s="353"/>
      <c r="H1048" s="353"/>
      <c r="I1048" s="353"/>
      <c r="J1048" s="353"/>
    </row>
    <row r="1049" spans="6:10" s="410" customFormat="1" x14ac:dyDescent="0.2">
      <c r="F1049" s="353"/>
      <c r="G1049" s="353"/>
      <c r="H1049" s="353"/>
      <c r="I1049" s="353"/>
      <c r="J1049" s="353"/>
    </row>
    <row r="1050" spans="6:10" s="410" customFormat="1" x14ac:dyDescent="0.2">
      <c r="F1050" s="353"/>
      <c r="G1050" s="353"/>
      <c r="H1050" s="353"/>
      <c r="I1050" s="353"/>
      <c r="J1050" s="353"/>
    </row>
    <row r="1051" spans="6:10" s="410" customFormat="1" x14ac:dyDescent="0.2">
      <c r="F1051" s="353"/>
      <c r="G1051" s="353"/>
      <c r="H1051" s="353"/>
      <c r="I1051" s="353"/>
      <c r="J1051" s="353"/>
    </row>
    <row r="1052" spans="6:10" s="410" customFormat="1" x14ac:dyDescent="0.2">
      <c r="F1052" s="353"/>
      <c r="G1052" s="353"/>
      <c r="H1052" s="353"/>
      <c r="I1052" s="353"/>
      <c r="J1052" s="353"/>
    </row>
    <row r="1053" spans="6:10" s="410" customFormat="1" x14ac:dyDescent="0.2">
      <c r="F1053" s="353"/>
      <c r="G1053" s="353"/>
      <c r="H1053" s="353"/>
      <c r="I1053" s="353"/>
      <c r="J1053" s="353"/>
    </row>
    <row r="1054" spans="6:10" s="410" customFormat="1" x14ac:dyDescent="0.2">
      <c r="F1054" s="353"/>
      <c r="G1054" s="353"/>
      <c r="H1054" s="353"/>
      <c r="I1054" s="353"/>
      <c r="J1054" s="353"/>
    </row>
    <row r="1055" spans="6:10" s="410" customFormat="1" x14ac:dyDescent="0.2">
      <c r="F1055" s="353"/>
      <c r="G1055" s="353"/>
      <c r="H1055" s="353"/>
      <c r="I1055" s="353"/>
      <c r="J1055" s="353"/>
    </row>
    <row r="1056" spans="6:10" s="410" customFormat="1" x14ac:dyDescent="0.2">
      <c r="F1056" s="353"/>
      <c r="G1056" s="353"/>
      <c r="H1056" s="353"/>
      <c r="I1056" s="353"/>
      <c r="J1056" s="353"/>
    </row>
    <row r="1057" spans="6:10" s="410" customFormat="1" x14ac:dyDescent="0.2">
      <c r="F1057" s="353"/>
      <c r="G1057" s="353"/>
      <c r="H1057" s="353"/>
      <c r="I1057" s="353"/>
      <c r="J1057" s="353"/>
    </row>
    <row r="1058" spans="6:10" s="410" customFormat="1" x14ac:dyDescent="0.2">
      <c r="F1058" s="353"/>
      <c r="G1058" s="353"/>
      <c r="H1058" s="353"/>
      <c r="I1058" s="353"/>
      <c r="J1058" s="353"/>
    </row>
    <row r="1059" spans="6:10" s="410" customFormat="1" x14ac:dyDescent="0.2">
      <c r="F1059" s="353"/>
      <c r="G1059" s="353"/>
      <c r="H1059" s="353"/>
      <c r="I1059" s="353"/>
      <c r="J1059" s="353"/>
    </row>
    <row r="1060" spans="6:10" s="410" customFormat="1" x14ac:dyDescent="0.2">
      <c r="F1060" s="353"/>
      <c r="G1060" s="353"/>
      <c r="H1060" s="353"/>
      <c r="I1060" s="353"/>
      <c r="J1060" s="353"/>
    </row>
    <row r="1061" spans="6:10" s="410" customFormat="1" x14ac:dyDescent="0.2">
      <c r="F1061" s="353"/>
      <c r="G1061" s="353"/>
      <c r="H1061" s="353"/>
      <c r="I1061" s="353"/>
      <c r="J1061" s="353"/>
    </row>
    <row r="1062" spans="6:10" s="410" customFormat="1" x14ac:dyDescent="0.2">
      <c r="F1062" s="353"/>
      <c r="G1062" s="353"/>
      <c r="H1062" s="353"/>
      <c r="I1062" s="353"/>
      <c r="J1062" s="353"/>
    </row>
    <row r="1063" spans="6:10" s="410" customFormat="1" x14ac:dyDescent="0.2">
      <c r="F1063" s="353"/>
      <c r="G1063" s="353"/>
      <c r="H1063" s="353"/>
      <c r="I1063" s="353"/>
      <c r="J1063" s="353"/>
    </row>
    <row r="1064" spans="6:10" s="410" customFormat="1" x14ac:dyDescent="0.2">
      <c r="F1064" s="353"/>
      <c r="G1064" s="353"/>
      <c r="H1064" s="353"/>
      <c r="I1064" s="353"/>
      <c r="J1064" s="353"/>
    </row>
    <row r="1065" spans="6:10" s="410" customFormat="1" x14ac:dyDescent="0.2">
      <c r="F1065" s="353"/>
      <c r="G1065" s="353"/>
      <c r="H1065" s="353"/>
      <c r="I1065" s="353"/>
      <c r="J1065" s="353"/>
    </row>
    <row r="1066" spans="6:10" s="410" customFormat="1" x14ac:dyDescent="0.2">
      <c r="F1066" s="353"/>
      <c r="G1066" s="353"/>
      <c r="H1066" s="353"/>
      <c r="I1066" s="353"/>
      <c r="J1066" s="353"/>
    </row>
    <row r="1067" spans="6:10" s="410" customFormat="1" x14ac:dyDescent="0.2">
      <c r="F1067" s="353"/>
      <c r="G1067" s="353"/>
      <c r="H1067" s="353"/>
      <c r="I1067" s="353"/>
      <c r="J1067" s="353"/>
    </row>
    <row r="1068" spans="6:10" s="410" customFormat="1" x14ac:dyDescent="0.2">
      <c r="F1068" s="353"/>
      <c r="G1068" s="353"/>
      <c r="H1068" s="353"/>
      <c r="I1068" s="353"/>
      <c r="J1068" s="353"/>
    </row>
    <row r="1069" spans="6:10" s="410" customFormat="1" x14ac:dyDescent="0.2">
      <c r="F1069" s="353"/>
      <c r="G1069" s="353"/>
      <c r="H1069" s="353"/>
      <c r="I1069" s="353"/>
      <c r="J1069" s="353"/>
    </row>
    <row r="1070" spans="6:10" s="410" customFormat="1" x14ac:dyDescent="0.2">
      <c r="F1070" s="353"/>
      <c r="G1070" s="353"/>
      <c r="H1070" s="353"/>
      <c r="I1070" s="353"/>
      <c r="J1070" s="353"/>
    </row>
    <row r="1071" spans="6:10" s="410" customFormat="1" x14ac:dyDescent="0.2">
      <c r="F1071" s="353"/>
      <c r="G1071" s="353"/>
      <c r="H1071" s="353"/>
      <c r="I1071" s="353"/>
      <c r="J1071" s="353"/>
    </row>
    <row r="1072" spans="6:10" s="410" customFormat="1" x14ac:dyDescent="0.2">
      <c r="F1072" s="353"/>
      <c r="G1072" s="353"/>
      <c r="H1072" s="353"/>
      <c r="I1072" s="353"/>
      <c r="J1072" s="353"/>
    </row>
    <row r="1073" spans="6:10" s="410" customFormat="1" x14ac:dyDescent="0.2">
      <c r="F1073" s="353"/>
      <c r="G1073" s="353"/>
      <c r="H1073" s="353"/>
      <c r="I1073" s="353"/>
      <c r="J1073" s="353"/>
    </row>
    <row r="1074" spans="6:10" s="410" customFormat="1" x14ac:dyDescent="0.2">
      <c r="F1074" s="353"/>
      <c r="G1074" s="353"/>
      <c r="H1074" s="353"/>
      <c r="I1074" s="353"/>
      <c r="J1074" s="353"/>
    </row>
    <row r="1075" spans="6:10" s="410" customFormat="1" x14ac:dyDescent="0.2">
      <c r="F1075" s="353"/>
      <c r="G1075" s="353"/>
      <c r="H1075" s="353"/>
      <c r="I1075" s="353"/>
      <c r="J1075" s="353"/>
    </row>
    <row r="1076" spans="6:10" s="410" customFormat="1" x14ac:dyDescent="0.2">
      <c r="F1076" s="353"/>
      <c r="G1076" s="353"/>
      <c r="H1076" s="353"/>
      <c r="I1076" s="353"/>
      <c r="J1076" s="353"/>
    </row>
    <row r="1077" spans="6:10" s="410" customFormat="1" x14ac:dyDescent="0.2">
      <c r="F1077" s="353"/>
      <c r="G1077" s="353"/>
      <c r="H1077" s="353"/>
      <c r="I1077" s="353"/>
      <c r="J1077" s="353"/>
    </row>
    <row r="1078" spans="6:10" s="410" customFormat="1" x14ac:dyDescent="0.2">
      <c r="F1078" s="353"/>
      <c r="G1078" s="353"/>
      <c r="H1078" s="353"/>
      <c r="I1078" s="353"/>
      <c r="J1078" s="353"/>
    </row>
    <row r="1079" spans="6:10" s="410" customFormat="1" x14ac:dyDescent="0.2">
      <c r="F1079" s="353"/>
      <c r="G1079" s="353"/>
      <c r="H1079" s="353"/>
      <c r="I1079" s="353"/>
      <c r="J1079" s="353"/>
    </row>
    <row r="1080" spans="6:10" s="410" customFormat="1" x14ac:dyDescent="0.2">
      <c r="F1080" s="353"/>
      <c r="G1080" s="353"/>
      <c r="H1080" s="353"/>
      <c r="I1080" s="353"/>
      <c r="J1080" s="353"/>
    </row>
    <row r="1081" spans="6:10" s="410" customFormat="1" x14ac:dyDescent="0.2">
      <c r="F1081" s="353"/>
      <c r="G1081" s="353"/>
      <c r="H1081" s="353"/>
      <c r="I1081" s="353"/>
      <c r="J1081" s="353"/>
    </row>
    <row r="1082" spans="6:10" s="410" customFormat="1" x14ac:dyDescent="0.2">
      <c r="F1082" s="353"/>
      <c r="G1082" s="353"/>
      <c r="H1082" s="353"/>
      <c r="I1082" s="353"/>
      <c r="J1082" s="353"/>
    </row>
    <row r="1083" spans="6:10" s="410" customFormat="1" x14ac:dyDescent="0.2">
      <c r="F1083" s="353"/>
      <c r="G1083" s="353"/>
      <c r="H1083" s="353"/>
      <c r="I1083" s="353"/>
      <c r="J1083" s="353"/>
    </row>
    <row r="1084" spans="6:10" s="410" customFormat="1" x14ac:dyDescent="0.2">
      <c r="F1084" s="353"/>
      <c r="G1084" s="353"/>
      <c r="H1084" s="353"/>
      <c r="I1084" s="353"/>
      <c r="J1084" s="353"/>
    </row>
    <row r="1085" spans="6:10" s="410" customFormat="1" x14ac:dyDescent="0.2">
      <c r="F1085" s="353"/>
      <c r="G1085" s="353"/>
      <c r="H1085" s="353"/>
      <c r="I1085" s="353"/>
      <c r="J1085" s="353"/>
    </row>
    <row r="1086" spans="6:10" s="410" customFormat="1" x14ac:dyDescent="0.2">
      <c r="F1086" s="353"/>
      <c r="G1086" s="353"/>
      <c r="H1086" s="353"/>
      <c r="I1086" s="353"/>
      <c r="J1086" s="353"/>
    </row>
    <row r="1087" spans="6:10" s="410" customFormat="1" x14ac:dyDescent="0.2">
      <c r="F1087" s="353"/>
      <c r="G1087" s="353"/>
      <c r="H1087" s="353"/>
      <c r="I1087" s="353"/>
      <c r="J1087" s="353"/>
    </row>
    <row r="1088" spans="6:10" s="410" customFormat="1" x14ac:dyDescent="0.2">
      <c r="F1088" s="353"/>
      <c r="G1088" s="353"/>
      <c r="H1088" s="353"/>
      <c r="I1088" s="353"/>
      <c r="J1088" s="353"/>
    </row>
    <row r="1089" spans="6:10" s="410" customFormat="1" x14ac:dyDescent="0.2">
      <c r="F1089" s="353"/>
      <c r="G1089" s="353"/>
      <c r="H1089" s="353"/>
      <c r="I1089" s="353"/>
      <c r="J1089" s="353"/>
    </row>
    <row r="1090" spans="6:10" s="410" customFormat="1" x14ac:dyDescent="0.2">
      <c r="F1090" s="353"/>
      <c r="G1090" s="353"/>
      <c r="H1090" s="353"/>
      <c r="I1090" s="353"/>
      <c r="J1090" s="353"/>
    </row>
    <row r="1091" spans="6:10" s="410" customFormat="1" x14ac:dyDescent="0.2">
      <c r="F1091" s="353"/>
      <c r="G1091" s="353"/>
      <c r="H1091" s="353"/>
      <c r="I1091" s="353"/>
      <c r="J1091" s="353"/>
    </row>
    <row r="1092" spans="6:10" s="410" customFormat="1" x14ac:dyDescent="0.2">
      <c r="F1092" s="353"/>
      <c r="G1092" s="353"/>
      <c r="H1092" s="353"/>
      <c r="I1092" s="353"/>
      <c r="J1092" s="353"/>
    </row>
    <row r="1093" spans="6:10" s="410" customFormat="1" x14ac:dyDescent="0.2">
      <c r="F1093" s="353"/>
      <c r="G1093" s="353"/>
      <c r="H1093" s="353"/>
      <c r="I1093" s="353"/>
      <c r="J1093" s="353"/>
    </row>
    <row r="1094" spans="6:10" s="410" customFormat="1" x14ac:dyDescent="0.2">
      <c r="F1094" s="353"/>
      <c r="G1094" s="353"/>
      <c r="H1094" s="353"/>
      <c r="I1094" s="353"/>
      <c r="J1094" s="353"/>
    </row>
    <row r="1095" spans="6:10" s="410" customFormat="1" x14ac:dyDescent="0.2">
      <c r="F1095" s="353"/>
      <c r="G1095" s="353"/>
      <c r="H1095" s="353"/>
      <c r="I1095" s="353"/>
      <c r="J1095" s="353"/>
    </row>
    <row r="1096" spans="6:10" s="410" customFormat="1" x14ac:dyDescent="0.2">
      <c r="F1096" s="353"/>
      <c r="G1096" s="353"/>
      <c r="H1096" s="353"/>
      <c r="I1096" s="353"/>
      <c r="J1096" s="353"/>
    </row>
    <row r="1097" spans="6:10" s="410" customFormat="1" x14ac:dyDescent="0.2">
      <c r="F1097" s="353"/>
      <c r="G1097" s="353"/>
      <c r="H1097" s="353"/>
      <c r="I1097" s="353"/>
      <c r="J1097" s="353"/>
    </row>
    <row r="1098" spans="6:10" s="410" customFormat="1" x14ac:dyDescent="0.2">
      <c r="F1098" s="353"/>
      <c r="G1098" s="353"/>
      <c r="H1098" s="353"/>
      <c r="I1098" s="353"/>
      <c r="J1098" s="353"/>
    </row>
    <row r="1099" spans="6:10" s="410" customFormat="1" x14ac:dyDescent="0.2">
      <c r="F1099" s="353"/>
      <c r="G1099" s="353"/>
      <c r="H1099" s="353"/>
      <c r="I1099" s="353"/>
      <c r="J1099" s="353"/>
    </row>
    <row r="1100" spans="6:10" s="410" customFormat="1" x14ac:dyDescent="0.2">
      <c r="F1100" s="353"/>
      <c r="G1100" s="353"/>
      <c r="H1100" s="353"/>
      <c r="I1100" s="353"/>
      <c r="J1100" s="353"/>
    </row>
    <row r="1101" spans="6:10" s="410" customFormat="1" x14ac:dyDescent="0.2">
      <c r="F1101" s="353"/>
      <c r="G1101" s="353"/>
      <c r="H1101" s="353"/>
      <c r="I1101" s="353"/>
      <c r="J1101" s="353"/>
    </row>
    <row r="1102" spans="6:10" s="410" customFormat="1" x14ac:dyDescent="0.2">
      <c r="F1102" s="353"/>
      <c r="G1102" s="353"/>
      <c r="H1102" s="353"/>
      <c r="I1102" s="353"/>
      <c r="J1102" s="353"/>
    </row>
    <row r="1103" spans="6:10" s="410" customFormat="1" x14ac:dyDescent="0.2">
      <c r="F1103" s="353"/>
      <c r="G1103" s="353"/>
      <c r="H1103" s="353"/>
      <c r="I1103" s="353"/>
      <c r="J1103" s="353"/>
    </row>
    <row r="1104" spans="6:10" s="410" customFormat="1" x14ac:dyDescent="0.2">
      <c r="F1104" s="353"/>
      <c r="G1104" s="353"/>
      <c r="H1104" s="353"/>
      <c r="I1104" s="353"/>
      <c r="J1104" s="353"/>
    </row>
    <row r="1105" spans="6:10" s="410" customFormat="1" x14ac:dyDescent="0.2">
      <c r="F1105" s="353"/>
      <c r="G1105" s="353"/>
      <c r="H1105" s="353"/>
      <c r="I1105" s="353"/>
      <c r="J1105" s="353"/>
    </row>
    <row r="1106" spans="6:10" s="410" customFormat="1" x14ac:dyDescent="0.2">
      <c r="F1106" s="353"/>
      <c r="G1106" s="353"/>
      <c r="H1106" s="353"/>
      <c r="I1106" s="353"/>
      <c r="J1106" s="353"/>
    </row>
    <row r="1107" spans="6:10" s="410" customFormat="1" x14ac:dyDescent="0.2">
      <c r="F1107" s="353"/>
      <c r="G1107" s="353"/>
      <c r="H1107" s="353"/>
      <c r="I1107" s="353"/>
      <c r="J1107" s="353"/>
    </row>
    <row r="1108" spans="6:10" s="410" customFormat="1" x14ac:dyDescent="0.2">
      <c r="F1108" s="353"/>
      <c r="G1108" s="353"/>
      <c r="H1108" s="353"/>
      <c r="I1108" s="353"/>
      <c r="J1108" s="353"/>
    </row>
    <row r="1109" spans="6:10" s="410" customFormat="1" x14ac:dyDescent="0.2">
      <c r="F1109" s="353"/>
      <c r="G1109" s="353"/>
      <c r="H1109" s="353"/>
      <c r="I1109" s="353"/>
      <c r="J1109" s="353"/>
    </row>
    <row r="1110" spans="6:10" s="410" customFormat="1" x14ac:dyDescent="0.2">
      <c r="F1110" s="353"/>
      <c r="G1110" s="353"/>
      <c r="H1110" s="353"/>
      <c r="I1110" s="353"/>
      <c r="J1110" s="353"/>
    </row>
    <row r="1111" spans="6:10" s="410" customFormat="1" x14ac:dyDescent="0.2">
      <c r="F1111" s="353"/>
      <c r="G1111" s="353"/>
      <c r="H1111" s="353"/>
      <c r="I1111" s="353"/>
      <c r="J1111" s="353"/>
    </row>
    <row r="1112" spans="6:10" s="410" customFormat="1" x14ac:dyDescent="0.2">
      <c r="F1112" s="353"/>
      <c r="G1112" s="353"/>
      <c r="H1112" s="353"/>
      <c r="I1112" s="353"/>
      <c r="J1112" s="353"/>
    </row>
    <row r="1113" spans="6:10" s="410" customFormat="1" x14ac:dyDescent="0.2">
      <c r="F1113" s="353"/>
      <c r="G1113" s="353"/>
      <c r="H1113" s="353"/>
      <c r="I1113" s="353"/>
      <c r="J1113" s="353"/>
    </row>
    <row r="1114" spans="6:10" s="410" customFormat="1" x14ac:dyDescent="0.2">
      <c r="F1114" s="353"/>
      <c r="G1114" s="353"/>
      <c r="H1114" s="353"/>
      <c r="I1114" s="353"/>
      <c r="J1114" s="353"/>
    </row>
    <row r="1115" spans="6:10" s="410" customFormat="1" x14ac:dyDescent="0.2">
      <c r="F1115" s="353"/>
      <c r="G1115" s="353"/>
      <c r="H1115" s="353"/>
      <c r="I1115" s="353"/>
      <c r="J1115" s="353"/>
    </row>
    <row r="1116" spans="6:10" s="410" customFormat="1" x14ac:dyDescent="0.2">
      <c r="F1116" s="353"/>
      <c r="G1116" s="353"/>
      <c r="H1116" s="353"/>
      <c r="I1116" s="353"/>
      <c r="J1116" s="353"/>
    </row>
    <row r="1117" spans="6:10" s="410" customFormat="1" x14ac:dyDescent="0.2">
      <c r="F1117" s="353"/>
      <c r="G1117" s="353"/>
      <c r="H1117" s="353"/>
      <c r="I1117" s="353"/>
      <c r="J1117" s="353"/>
    </row>
    <row r="1118" spans="6:10" s="410" customFormat="1" x14ac:dyDescent="0.2">
      <c r="F1118" s="353"/>
      <c r="G1118" s="353"/>
      <c r="H1118" s="353"/>
      <c r="I1118" s="353"/>
      <c r="J1118" s="353"/>
    </row>
    <row r="1119" spans="6:10" s="410" customFormat="1" x14ac:dyDescent="0.2">
      <c r="F1119" s="353"/>
      <c r="G1119" s="353"/>
      <c r="H1119" s="353"/>
      <c r="I1119" s="353"/>
      <c r="J1119" s="353"/>
    </row>
    <row r="1120" spans="6:10" s="410" customFormat="1" x14ac:dyDescent="0.2">
      <c r="F1120" s="353"/>
      <c r="G1120" s="353"/>
      <c r="H1120" s="353"/>
      <c r="I1120" s="353"/>
      <c r="J1120" s="353"/>
    </row>
    <row r="1121" spans="6:10" s="410" customFormat="1" x14ac:dyDescent="0.2">
      <c r="F1121" s="353"/>
      <c r="G1121" s="353"/>
      <c r="H1121" s="353"/>
      <c r="I1121" s="353"/>
      <c r="J1121" s="353"/>
    </row>
    <row r="1122" spans="6:10" s="410" customFormat="1" x14ac:dyDescent="0.2">
      <c r="F1122" s="353"/>
      <c r="G1122" s="353"/>
      <c r="H1122" s="353"/>
      <c r="I1122" s="353"/>
      <c r="J1122" s="353"/>
    </row>
    <row r="1123" spans="6:10" s="410" customFormat="1" x14ac:dyDescent="0.2">
      <c r="F1123" s="353"/>
      <c r="G1123" s="353"/>
      <c r="H1123" s="353"/>
      <c r="I1123" s="353"/>
      <c r="J1123" s="353"/>
    </row>
    <row r="1124" spans="6:10" s="410" customFormat="1" x14ac:dyDescent="0.2">
      <c r="F1124" s="353"/>
      <c r="G1124" s="353"/>
      <c r="H1124" s="353"/>
      <c r="I1124" s="353"/>
      <c r="J1124" s="353"/>
    </row>
    <row r="1125" spans="6:10" s="410" customFormat="1" x14ac:dyDescent="0.2">
      <c r="F1125" s="353"/>
      <c r="G1125" s="353"/>
      <c r="H1125" s="353"/>
      <c r="I1125" s="353"/>
      <c r="J1125" s="353"/>
    </row>
    <row r="1126" spans="6:10" s="410" customFormat="1" x14ac:dyDescent="0.2">
      <c r="F1126" s="353"/>
      <c r="G1126" s="353"/>
      <c r="H1126" s="353"/>
      <c r="I1126" s="353"/>
      <c r="J1126" s="353"/>
    </row>
    <row r="1127" spans="6:10" s="410" customFormat="1" x14ac:dyDescent="0.2">
      <c r="F1127" s="353"/>
      <c r="G1127" s="353"/>
      <c r="H1127" s="353"/>
      <c r="I1127" s="353"/>
      <c r="J1127" s="353"/>
    </row>
    <row r="1128" spans="6:10" s="410" customFormat="1" x14ac:dyDescent="0.2">
      <c r="F1128" s="353"/>
      <c r="G1128" s="353"/>
      <c r="H1128" s="353"/>
      <c r="I1128" s="353"/>
      <c r="J1128" s="353"/>
    </row>
    <row r="1129" spans="6:10" s="410" customFormat="1" x14ac:dyDescent="0.2">
      <c r="F1129" s="353"/>
      <c r="G1129" s="353"/>
      <c r="H1129" s="353"/>
      <c r="I1129" s="353"/>
      <c r="J1129" s="353"/>
    </row>
    <row r="1130" spans="6:10" s="410" customFormat="1" x14ac:dyDescent="0.2">
      <c r="F1130" s="353"/>
      <c r="G1130" s="353"/>
      <c r="H1130" s="353"/>
      <c r="I1130" s="353"/>
      <c r="J1130" s="353"/>
    </row>
    <row r="1131" spans="6:10" s="410" customFormat="1" x14ac:dyDescent="0.2">
      <c r="F1131" s="353"/>
      <c r="G1131" s="353"/>
      <c r="H1131" s="353"/>
      <c r="I1131" s="353"/>
      <c r="J1131" s="353"/>
    </row>
    <row r="1132" spans="6:10" s="410" customFormat="1" x14ac:dyDescent="0.2">
      <c r="F1132" s="353"/>
      <c r="G1132" s="353"/>
      <c r="H1132" s="353"/>
      <c r="I1132" s="353"/>
      <c r="J1132" s="353"/>
    </row>
    <row r="1133" spans="6:10" s="410" customFormat="1" x14ac:dyDescent="0.2">
      <c r="F1133" s="353"/>
      <c r="G1133" s="353"/>
      <c r="H1133" s="353"/>
      <c r="I1133" s="353"/>
      <c r="J1133" s="353"/>
    </row>
    <row r="1134" spans="6:10" s="410" customFormat="1" x14ac:dyDescent="0.2">
      <c r="F1134" s="353"/>
      <c r="G1134" s="353"/>
      <c r="H1134" s="353"/>
      <c r="I1134" s="353"/>
      <c r="J1134" s="353"/>
    </row>
    <row r="1135" spans="6:10" s="410" customFormat="1" x14ac:dyDescent="0.2">
      <c r="F1135" s="353"/>
      <c r="G1135" s="353"/>
      <c r="H1135" s="353"/>
      <c r="I1135" s="353"/>
      <c r="J1135" s="353"/>
    </row>
    <row r="1136" spans="6:10" s="410" customFormat="1" x14ac:dyDescent="0.2">
      <c r="F1136" s="353"/>
      <c r="G1136" s="353"/>
      <c r="H1136" s="353"/>
      <c r="I1136" s="353"/>
      <c r="J1136" s="353"/>
    </row>
    <row r="1137" spans="6:10" s="410" customFormat="1" x14ac:dyDescent="0.2">
      <c r="F1137" s="353"/>
      <c r="G1137" s="353"/>
      <c r="H1137" s="353"/>
      <c r="I1137" s="353"/>
      <c r="J1137" s="353"/>
    </row>
    <row r="1138" spans="6:10" s="410" customFormat="1" x14ac:dyDescent="0.2">
      <c r="F1138" s="353"/>
      <c r="G1138" s="353"/>
      <c r="H1138" s="353"/>
      <c r="I1138" s="353"/>
      <c r="J1138" s="353"/>
    </row>
    <row r="1139" spans="6:10" s="410" customFormat="1" x14ac:dyDescent="0.2">
      <c r="F1139" s="353"/>
      <c r="G1139" s="353"/>
      <c r="H1139" s="353"/>
      <c r="I1139" s="353"/>
      <c r="J1139" s="353"/>
    </row>
    <row r="1140" spans="6:10" s="410" customFormat="1" x14ac:dyDescent="0.2">
      <c r="F1140" s="353"/>
      <c r="G1140" s="353"/>
      <c r="H1140" s="353"/>
      <c r="I1140" s="353"/>
      <c r="J1140" s="353"/>
    </row>
    <row r="1141" spans="6:10" s="410" customFormat="1" x14ac:dyDescent="0.2">
      <c r="F1141" s="353"/>
      <c r="G1141" s="353"/>
      <c r="H1141" s="353"/>
      <c r="I1141" s="353"/>
      <c r="J1141" s="353"/>
    </row>
    <row r="1142" spans="6:10" s="410" customFormat="1" x14ac:dyDescent="0.2">
      <c r="F1142" s="353"/>
      <c r="G1142" s="353"/>
      <c r="H1142" s="353"/>
      <c r="I1142" s="353"/>
      <c r="J1142" s="353"/>
    </row>
    <row r="1143" spans="6:10" s="410" customFormat="1" x14ac:dyDescent="0.2">
      <c r="F1143" s="353"/>
      <c r="G1143" s="353"/>
      <c r="H1143" s="353"/>
      <c r="I1143" s="353"/>
      <c r="J1143" s="353"/>
    </row>
    <row r="1144" spans="6:10" s="410" customFormat="1" x14ac:dyDescent="0.2">
      <c r="F1144" s="353"/>
      <c r="G1144" s="353"/>
      <c r="H1144" s="353"/>
      <c r="I1144" s="353"/>
      <c r="J1144" s="353"/>
    </row>
    <row r="1145" spans="6:10" s="410" customFormat="1" x14ac:dyDescent="0.2">
      <c r="F1145" s="353"/>
      <c r="G1145" s="353"/>
      <c r="H1145" s="353"/>
      <c r="I1145" s="353"/>
      <c r="J1145" s="353"/>
    </row>
    <row r="1146" spans="6:10" s="410" customFormat="1" x14ac:dyDescent="0.2">
      <c r="F1146" s="353"/>
      <c r="G1146" s="353"/>
      <c r="H1146" s="353"/>
      <c r="I1146" s="353"/>
      <c r="J1146" s="353"/>
    </row>
    <row r="1147" spans="6:10" s="410" customFormat="1" x14ac:dyDescent="0.2">
      <c r="F1147" s="353"/>
      <c r="G1147" s="353"/>
      <c r="H1147" s="353"/>
      <c r="I1147" s="353"/>
      <c r="J1147" s="353"/>
    </row>
    <row r="1148" spans="6:10" s="410" customFormat="1" x14ac:dyDescent="0.2">
      <c r="F1148" s="353"/>
      <c r="G1148" s="353"/>
      <c r="H1148" s="353"/>
      <c r="I1148" s="353"/>
      <c r="J1148" s="353"/>
    </row>
    <row r="1149" spans="6:10" s="410" customFormat="1" x14ac:dyDescent="0.2">
      <c r="F1149" s="353"/>
      <c r="G1149" s="353"/>
      <c r="H1149" s="353"/>
      <c r="I1149" s="353"/>
      <c r="J1149" s="353"/>
    </row>
    <row r="1150" spans="6:10" s="410" customFormat="1" x14ac:dyDescent="0.2">
      <c r="F1150" s="353"/>
      <c r="G1150" s="353"/>
      <c r="H1150" s="353"/>
      <c r="I1150" s="353"/>
      <c r="J1150" s="353"/>
    </row>
    <row r="1151" spans="6:10" s="410" customFormat="1" x14ac:dyDescent="0.2">
      <c r="F1151" s="353"/>
      <c r="G1151" s="353"/>
      <c r="H1151" s="353"/>
      <c r="I1151" s="353"/>
      <c r="J1151" s="353"/>
    </row>
    <row r="1152" spans="6:10" s="410" customFormat="1" x14ac:dyDescent="0.2">
      <c r="F1152" s="353"/>
      <c r="G1152" s="353"/>
      <c r="H1152" s="353"/>
      <c r="I1152" s="353"/>
      <c r="J1152" s="353"/>
    </row>
    <row r="1153" spans="6:10" s="410" customFormat="1" x14ac:dyDescent="0.2">
      <c r="F1153" s="353"/>
      <c r="G1153" s="353"/>
      <c r="H1153" s="353"/>
      <c r="I1153" s="353"/>
      <c r="J1153" s="353"/>
    </row>
    <row r="1154" spans="6:10" s="410" customFormat="1" x14ac:dyDescent="0.2">
      <c r="F1154" s="353"/>
      <c r="G1154" s="353"/>
      <c r="H1154" s="353"/>
      <c r="I1154" s="353"/>
      <c r="J1154" s="353"/>
    </row>
    <row r="1155" spans="6:10" s="410" customFormat="1" x14ac:dyDescent="0.2">
      <c r="F1155" s="353"/>
      <c r="G1155" s="353"/>
      <c r="H1155" s="353"/>
      <c r="I1155" s="353"/>
      <c r="J1155" s="353"/>
    </row>
    <row r="1156" spans="6:10" s="410" customFormat="1" x14ac:dyDescent="0.2">
      <c r="F1156" s="353"/>
      <c r="G1156" s="353"/>
      <c r="H1156" s="353"/>
      <c r="I1156" s="353"/>
      <c r="J1156" s="353"/>
    </row>
    <row r="1157" spans="6:10" s="410" customFormat="1" x14ac:dyDescent="0.2">
      <c r="F1157" s="353"/>
      <c r="G1157" s="353"/>
      <c r="H1157" s="353"/>
      <c r="I1157" s="353"/>
      <c r="J1157" s="353"/>
    </row>
    <row r="1158" spans="6:10" s="410" customFormat="1" x14ac:dyDescent="0.2">
      <c r="F1158" s="353"/>
      <c r="G1158" s="353"/>
      <c r="H1158" s="353"/>
      <c r="I1158" s="353"/>
      <c r="J1158" s="353"/>
    </row>
    <row r="1159" spans="6:10" s="410" customFormat="1" x14ac:dyDescent="0.2">
      <c r="F1159" s="353"/>
      <c r="G1159" s="353"/>
      <c r="H1159" s="353"/>
      <c r="I1159" s="353"/>
      <c r="J1159" s="353"/>
    </row>
    <row r="1160" spans="6:10" s="410" customFormat="1" x14ac:dyDescent="0.2">
      <c r="F1160" s="353"/>
      <c r="G1160" s="353"/>
      <c r="H1160" s="353"/>
      <c r="I1160" s="353"/>
      <c r="J1160" s="353"/>
    </row>
    <row r="1161" spans="6:10" s="410" customFormat="1" x14ac:dyDescent="0.2">
      <c r="F1161" s="353"/>
      <c r="G1161" s="353"/>
      <c r="H1161" s="353"/>
      <c r="I1161" s="353"/>
      <c r="J1161" s="353"/>
    </row>
    <row r="1162" spans="6:10" s="410" customFormat="1" x14ac:dyDescent="0.2">
      <c r="F1162" s="353"/>
      <c r="G1162" s="353"/>
      <c r="H1162" s="353"/>
      <c r="I1162" s="353"/>
      <c r="J1162" s="353"/>
    </row>
    <row r="1163" spans="6:10" s="410" customFormat="1" x14ac:dyDescent="0.2">
      <c r="F1163" s="353"/>
      <c r="G1163" s="353"/>
      <c r="H1163" s="353"/>
      <c r="I1163" s="353"/>
      <c r="J1163" s="353"/>
    </row>
    <row r="1164" spans="6:10" s="410" customFormat="1" x14ac:dyDescent="0.2">
      <c r="F1164" s="353"/>
      <c r="G1164" s="353"/>
      <c r="H1164" s="353"/>
      <c r="I1164" s="353"/>
      <c r="J1164" s="353"/>
    </row>
    <row r="1165" spans="6:10" s="410" customFormat="1" x14ac:dyDescent="0.2">
      <c r="F1165" s="353"/>
      <c r="G1165" s="353"/>
      <c r="H1165" s="353"/>
      <c r="I1165" s="353"/>
      <c r="J1165" s="353"/>
    </row>
    <row r="1166" spans="6:10" s="410" customFormat="1" x14ac:dyDescent="0.2">
      <c r="F1166" s="353"/>
      <c r="G1166" s="353"/>
      <c r="H1166" s="353"/>
      <c r="I1166" s="353"/>
      <c r="J1166" s="353"/>
    </row>
    <row r="1167" spans="6:10" s="410" customFormat="1" x14ac:dyDescent="0.2">
      <c r="F1167" s="353"/>
      <c r="G1167" s="353"/>
      <c r="H1167" s="353"/>
      <c r="I1167" s="353"/>
      <c r="J1167" s="353"/>
    </row>
    <row r="1168" spans="6:10" s="410" customFormat="1" x14ac:dyDescent="0.2">
      <c r="F1168" s="353"/>
      <c r="G1168" s="353"/>
      <c r="H1168" s="353"/>
      <c r="I1168" s="353"/>
      <c r="J1168" s="353"/>
    </row>
    <row r="1169" spans="6:10" s="410" customFormat="1" x14ac:dyDescent="0.2">
      <c r="F1169" s="353"/>
      <c r="G1169" s="353"/>
      <c r="H1169" s="353"/>
      <c r="I1169" s="353"/>
      <c r="J1169" s="353"/>
    </row>
    <row r="1170" spans="6:10" s="410" customFormat="1" x14ac:dyDescent="0.2">
      <c r="F1170" s="353"/>
      <c r="G1170" s="353"/>
      <c r="H1170" s="353"/>
      <c r="I1170" s="353"/>
      <c r="J1170" s="353"/>
    </row>
    <row r="1171" spans="6:10" s="410" customFormat="1" x14ac:dyDescent="0.2">
      <c r="F1171" s="353"/>
      <c r="G1171" s="353"/>
      <c r="H1171" s="353"/>
      <c r="I1171" s="353"/>
      <c r="J1171" s="353"/>
    </row>
    <row r="1172" spans="6:10" s="410" customFormat="1" x14ac:dyDescent="0.2">
      <c r="F1172" s="353"/>
      <c r="G1172" s="353"/>
      <c r="H1172" s="353"/>
      <c r="I1172" s="353"/>
      <c r="J1172" s="353"/>
    </row>
    <row r="1173" spans="6:10" s="410" customFormat="1" x14ac:dyDescent="0.2">
      <c r="F1173" s="353"/>
      <c r="G1173" s="353"/>
      <c r="H1173" s="353"/>
      <c r="I1173" s="353"/>
      <c r="J1173" s="353"/>
    </row>
    <row r="1174" spans="6:10" s="410" customFormat="1" x14ac:dyDescent="0.2">
      <c r="F1174" s="353"/>
      <c r="G1174" s="353"/>
      <c r="H1174" s="353"/>
      <c r="I1174" s="353"/>
      <c r="J1174" s="353"/>
    </row>
    <row r="1175" spans="6:10" s="410" customFormat="1" x14ac:dyDescent="0.2">
      <c r="F1175" s="353"/>
      <c r="G1175" s="353"/>
      <c r="H1175" s="353"/>
      <c r="I1175" s="353"/>
      <c r="J1175" s="353"/>
    </row>
    <row r="1176" spans="6:10" s="410" customFormat="1" x14ac:dyDescent="0.2">
      <c r="F1176" s="353"/>
      <c r="G1176" s="353"/>
      <c r="H1176" s="353"/>
      <c r="I1176" s="353"/>
      <c r="J1176" s="353"/>
    </row>
    <row r="1177" spans="6:10" s="410" customFormat="1" x14ac:dyDescent="0.2">
      <c r="F1177" s="353"/>
      <c r="G1177" s="353"/>
      <c r="H1177" s="353"/>
      <c r="I1177" s="353"/>
      <c r="J1177" s="353"/>
    </row>
    <row r="1178" spans="6:10" s="410" customFormat="1" x14ac:dyDescent="0.2">
      <c r="F1178" s="353"/>
      <c r="G1178" s="353"/>
      <c r="H1178" s="353"/>
      <c r="I1178" s="353"/>
      <c r="J1178" s="353"/>
    </row>
    <row r="1179" spans="6:10" s="410" customFormat="1" x14ac:dyDescent="0.2">
      <c r="F1179" s="353"/>
      <c r="G1179" s="353"/>
      <c r="H1179" s="353"/>
      <c r="I1179" s="353"/>
      <c r="J1179" s="353"/>
    </row>
    <row r="1180" spans="6:10" s="410" customFormat="1" x14ac:dyDescent="0.2">
      <c r="F1180" s="353"/>
      <c r="G1180" s="353"/>
      <c r="H1180" s="353"/>
      <c r="I1180" s="353"/>
      <c r="J1180" s="353"/>
    </row>
    <row r="1181" spans="6:10" s="410" customFormat="1" x14ac:dyDescent="0.2">
      <c r="F1181" s="353"/>
      <c r="G1181" s="353"/>
      <c r="H1181" s="353"/>
      <c r="I1181" s="353"/>
      <c r="J1181" s="353"/>
    </row>
    <row r="1182" spans="6:10" s="410" customFormat="1" x14ac:dyDescent="0.2">
      <c r="F1182" s="353"/>
      <c r="G1182" s="353"/>
      <c r="H1182" s="353"/>
      <c r="I1182" s="353"/>
      <c r="J1182" s="353"/>
    </row>
    <row r="1183" spans="6:10" s="410" customFormat="1" x14ac:dyDescent="0.2">
      <c r="F1183" s="353"/>
      <c r="G1183" s="353"/>
      <c r="H1183" s="353"/>
      <c r="I1183" s="353"/>
      <c r="J1183" s="353"/>
    </row>
    <row r="1184" spans="6:10" s="410" customFormat="1" x14ac:dyDescent="0.2">
      <c r="F1184" s="353"/>
      <c r="G1184" s="353"/>
      <c r="H1184" s="353"/>
      <c r="I1184" s="353"/>
      <c r="J1184" s="353"/>
    </row>
    <row r="1185" spans="6:10" s="410" customFormat="1" x14ac:dyDescent="0.2">
      <c r="F1185" s="353"/>
      <c r="G1185" s="353"/>
      <c r="H1185" s="353"/>
      <c r="I1185" s="353"/>
      <c r="J1185" s="353"/>
    </row>
    <row r="1186" spans="6:10" s="410" customFormat="1" x14ac:dyDescent="0.2">
      <c r="F1186" s="353"/>
      <c r="G1186" s="353"/>
      <c r="H1186" s="353"/>
      <c r="I1186" s="353"/>
      <c r="J1186" s="353"/>
    </row>
    <row r="1187" spans="6:10" s="410" customFormat="1" x14ac:dyDescent="0.2">
      <c r="F1187" s="353"/>
      <c r="G1187" s="353"/>
      <c r="H1187" s="353"/>
      <c r="I1187" s="353"/>
      <c r="J1187" s="353"/>
    </row>
    <row r="1188" spans="6:10" s="410" customFormat="1" x14ac:dyDescent="0.2">
      <c r="F1188" s="353"/>
      <c r="G1188" s="353"/>
      <c r="H1188" s="353"/>
      <c r="I1188" s="353"/>
      <c r="J1188" s="353"/>
    </row>
    <row r="1189" spans="6:10" s="410" customFormat="1" x14ac:dyDescent="0.2">
      <c r="F1189" s="353"/>
      <c r="G1189" s="353"/>
      <c r="H1189" s="353"/>
      <c r="I1189" s="353"/>
      <c r="J1189" s="353"/>
    </row>
    <row r="1190" spans="6:10" s="410" customFormat="1" x14ac:dyDescent="0.2">
      <c r="F1190" s="353"/>
      <c r="G1190" s="353"/>
      <c r="H1190" s="353"/>
      <c r="I1190" s="353"/>
      <c r="J1190" s="353"/>
    </row>
    <row r="1191" spans="6:10" s="410" customFormat="1" x14ac:dyDescent="0.2">
      <c r="F1191" s="353"/>
      <c r="G1191" s="353"/>
      <c r="H1191" s="353"/>
      <c r="I1191" s="353"/>
      <c r="J1191" s="353"/>
    </row>
    <row r="1192" spans="6:10" s="410" customFormat="1" x14ac:dyDescent="0.2">
      <c r="F1192" s="353"/>
      <c r="G1192" s="353"/>
      <c r="H1192" s="353"/>
      <c r="I1192" s="353"/>
      <c r="J1192" s="353"/>
    </row>
    <row r="1193" spans="6:10" s="410" customFormat="1" x14ac:dyDescent="0.2">
      <c r="F1193" s="353"/>
      <c r="G1193" s="353"/>
      <c r="H1193" s="353"/>
      <c r="I1193" s="353"/>
      <c r="J1193" s="353"/>
    </row>
    <row r="1194" spans="6:10" s="410" customFormat="1" x14ac:dyDescent="0.2">
      <c r="F1194" s="353"/>
      <c r="G1194" s="353"/>
      <c r="H1194" s="353"/>
      <c r="I1194" s="353"/>
      <c r="J1194" s="353"/>
    </row>
    <row r="1195" spans="6:10" s="410" customFormat="1" x14ac:dyDescent="0.2">
      <c r="F1195" s="353"/>
      <c r="G1195" s="353"/>
      <c r="H1195" s="353"/>
      <c r="I1195" s="353"/>
      <c r="J1195" s="353"/>
    </row>
    <row r="1196" spans="6:10" s="410" customFormat="1" x14ac:dyDescent="0.2">
      <c r="F1196" s="353"/>
      <c r="G1196" s="353"/>
      <c r="H1196" s="353"/>
      <c r="I1196" s="353"/>
      <c r="J1196" s="353"/>
    </row>
    <row r="1197" spans="6:10" s="410" customFormat="1" x14ac:dyDescent="0.2">
      <c r="F1197" s="353"/>
      <c r="G1197" s="353"/>
      <c r="H1197" s="353"/>
      <c r="I1197" s="353"/>
      <c r="J1197" s="353"/>
    </row>
    <row r="1198" spans="6:10" s="410" customFormat="1" x14ac:dyDescent="0.2">
      <c r="F1198" s="353"/>
      <c r="G1198" s="353"/>
      <c r="H1198" s="353"/>
      <c r="I1198" s="353"/>
      <c r="J1198" s="353"/>
    </row>
    <row r="1199" spans="6:10" s="410" customFormat="1" x14ac:dyDescent="0.2">
      <c r="F1199" s="353"/>
      <c r="G1199" s="353"/>
      <c r="H1199" s="353"/>
      <c r="I1199" s="353"/>
      <c r="J1199" s="353"/>
    </row>
    <row r="1200" spans="6:10" s="410" customFormat="1" x14ac:dyDescent="0.2">
      <c r="F1200" s="353"/>
      <c r="G1200" s="353"/>
      <c r="H1200" s="353"/>
      <c r="I1200" s="353"/>
      <c r="J1200" s="353"/>
    </row>
    <row r="1201" spans="6:10" s="410" customFormat="1" x14ac:dyDescent="0.2">
      <c r="F1201" s="353"/>
      <c r="G1201" s="353"/>
      <c r="H1201" s="353"/>
      <c r="I1201" s="353"/>
      <c r="J1201" s="353"/>
    </row>
    <row r="1202" spans="6:10" s="410" customFormat="1" x14ac:dyDescent="0.2">
      <c r="F1202" s="353"/>
      <c r="G1202" s="353"/>
      <c r="H1202" s="353"/>
      <c r="I1202" s="353"/>
      <c r="J1202" s="353"/>
    </row>
    <row r="1203" spans="6:10" s="410" customFormat="1" x14ac:dyDescent="0.2">
      <c r="F1203" s="353"/>
      <c r="G1203" s="353"/>
      <c r="H1203" s="353"/>
      <c r="I1203" s="353"/>
      <c r="J1203" s="353"/>
    </row>
    <row r="1204" spans="6:10" s="410" customFormat="1" x14ac:dyDescent="0.2">
      <c r="F1204" s="353"/>
      <c r="G1204" s="353"/>
      <c r="H1204" s="353"/>
      <c r="I1204" s="353"/>
      <c r="J1204" s="353"/>
    </row>
    <row r="1205" spans="6:10" s="410" customFormat="1" x14ac:dyDescent="0.2">
      <c r="F1205" s="353"/>
      <c r="G1205" s="353"/>
      <c r="H1205" s="353"/>
      <c r="I1205" s="353"/>
      <c r="J1205" s="353"/>
    </row>
    <row r="1206" spans="6:10" s="410" customFormat="1" x14ac:dyDescent="0.2">
      <c r="F1206" s="353"/>
      <c r="G1206" s="353"/>
      <c r="H1206" s="353"/>
      <c r="I1206" s="353"/>
      <c r="J1206" s="353"/>
    </row>
    <row r="1207" spans="6:10" s="410" customFormat="1" x14ac:dyDescent="0.2">
      <c r="F1207" s="353"/>
      <c r="G1207" s="353"/>
      <c r="H1207" s="353"/>
      <c r="I1207" s="353"/>
      <c r="J1207" s="353"/>
    </row>
    <row r="1208" spans="6:10" s="410" customFormat="1" x14ac:dyDescent="0.2">
      <c r="F1208" s="353"/>
      <c r="G1208" s="353"/>
      <c r="H1208" s="353"/>
      <c r="I1208" s="353"/>
      <c r="J1208" s="353"/>
    </row>
    <row r="1209" spans="6:10" s="410" customFormat="1" x14ac:dyDescent="0.2">
      <c r="F1209" s="353"/>
      <c r="G1209" s="353"/>
      <c r="H1209" s="353"/>
      <c r="I1209" s="353"/>
      <c r="J1209" s="353"/>
    </row>
    <row r="1210" spans="6:10" s="410" customFormat="1" x14ac:dyDescent="0.2">
      <c r="F1210" s="353"/>
      <c r="G1210" s="353"/>
      <c r="H1210" s="353"/>
      <c r="I1210" s="353"/>
      <c r="J1210" s="353"/>
    </row>
    <row r="1211" spans="6:10" s="410" customFormat="1" x14ac:dyDescent="0.2">
      <c r="F1211" s="353"/>
      <c r="G1211" s="353"/>
      <c r="H1211" s="353"/>
      <c r="I1211" s="353"/>
      <c r="J1211" s="353"/>
    </row>
    <row r="1212" spans="6:10" s="410" customFormat="1" x14ac:dyDescent="0.2">
      <c r="F1212" s="353"/>
      <c r="G1212" s="353"/>
      <c r="H1212" s="353"/>
      <c r="I1212" s="353"/>
      <c r="J1212" s="353"/>
    </row>
    <row r="1213" spans="6:10" s="410" customFormat="1" x14ac:dyDescent="0.2">
      <c r="F1213" s="353"/>
      <c r="G1213" s="353"/>
      <c r="H1213" s="353"/>
      <c r="I1213" s="353"/>
      <c r="J1213" s="353"/>
    </row>
    <row r="1214" spans="6:10" s="410" customFormat="1" x14ac:dyDescent="0.2">
      <c r="F1214" s="353"/>
      <c r="G1214" s="353"/>
      <c r="H1214" s="353"/>
      <c r="I1214" s="353"/>
      <c r="J1214" s="353"/>
    </row>
    <row r="1215" spans="6:10" s="410" customFormat="1" x14ac:dyDescent="0.2">
      <c r="F1215" s="353"/>
      <c r="G1215" s="353"/>
      <c r="H1215" s="353"/>
      <c r="I1215" s="353"/>
      <c r="J1215" s="353"/>
    </row>
    <row r="1216" spans="6:10" s="410" customFormat="1" x14ac:dyDescent="0.2">
      <c r="F1216" s="353"/>
      <c r="G1216" s="353"/>
      <c r="H1216" s="353"/>
      <c r="I1216" s="353"/>
      <c r="J1216" s="353"/>
    </row>
    <row r="1217" spans="6:10" s="410" customFormat="1" x14ac:dyDescent="0.2">
      <c r="F1217" s="353"/>
      <c r="G1217" s="353"/>
      <c r="H1217" s="353"/>
      <c r="I1217" s="353"/>
      <c r="J1217" s="353"/>
    </row>
    <row r="1218" spans="6:10" s="410" customFormat="1" x14ac:dyDescent="0.2">
      <c r="F1218" s="353"/>
      <c r="G1218" s="353"/>
      <c r="H1218" s="353"/>
      <c r="I1218" s="353"/>
      <c r="J1218" s="353"/>
    </row>
    <row r="1219" spans="6:10" s="410" customFormat="1" x14ac:dyDescent="0.2">
      <c r="F1219" s="353"/>
      <c r="G1219" s="353"/>
      <c r="H1219" s="353"/>
      <c r="I1219" s="353"/>
      <c r="J1219" s="353"/>
    </row>
    <row r="1220" spans="6:10" s="410" customFormat="1" x14ac:dyDescent="0.2">
      <c r="F1220" s="353"/>
      <c r="G1220" s="353"/>
      <c r="H1220" s="353"/>
      <c r="I1220" s="353"/>
      <c r="J1220" s="353"/>
    </row>
    <row r="1221" spans="6:10" s="410" customFormat="1" x14ac:dyDescent="0.2">
      <c r="F1221" s="353"/>
      <c r="G1221" s="353"/>
      <c r="H1221" s="353"/>
      <c r="I1221" s="353"/>
      <c r="J1221" s="353"/>
    </row>
    <row r="1222" spans="6:10" s="410" customFormat="1" x14ac:dyDescent="0.2">
      <c r="F1222" s="353"/>
      <c r="G1222" s="353"/>
      <c r="H1222" s="353"/>
      <c r="I1222" s="353"/>
      <c r="J1222" s="353"/>
    </row>
    <row r="1223" spans="6:10" s="410" customFormat="1" x14ac:dyDescent="0.2">
      <c r="F1223" s="353"/>
      <c r="G1223" s="353"/>
      <c r="H1223" s="353"/>
      <c r="I1223" s="353"/>
      <c r="J1223" s="353"/>
    </row>
    <row r="1224" spans="6:10" s="410" customFormat="1" x14ac:dyDescent="0.2">
      <c r="F1224" s="353"/>
      <c r="G1224" s="353"/>
      <c r="H1224" s="353"/>
      <c r="I1224" s="353"/>
      <c r="J1224" s="353"/>
    </row>
    <row r="1225" spans="6:10" s="410" customFormat="1" x14ac:dyDescent="0.2">
      <c r="F1225" s="353"/>
      <c r="G1225" s="353"/>
      <c r="H1225" s="353"/>
      <c r="I1225" s="353"/>
      <c r="J1225" s="353"/>
    </row>
    <row r="1226" spans="6:10" s="410" customFormat="1" x14ac:dyDescent="0.2">
      <c r="F1226" s="353"/>
      <c r="G1226" s="353"/>
      <c r="H1226" s="353"/>
      <c r="I1226" s="353"/>
      <c r="J1226" s="353"/>
    </row>
    <row r="1227" spans="6:10" s="410" customFormat="1" x14ac:dyDescent="0.2">
      <c r="F1227" s="353"/>
      <c r="G1227" s="353"/>
      <c r="H1227" s="353"/>
      <c r="I1227" s="353"/>
      <c r="J1227" s="353"/>
    </row>
    <row r="1228" spans="6:10" s="410" customFormat="1" x14ac:dyDescent="0.2">
      <c r="F1228" s="353"/>
      <c r="G1228" s="353"/>
      <c r="H1228" s="353"/>
      <c r="I1228" s="353"/>
      <c r="J1228" s="353"/>
    </row>
    <row r="1229" spans="6:10" s="410" customFormat="1" x14ac:dyDescent="0.2">
      <c r="F1229" s="353"/>
      <c r="G1229" s="353"/>
      <c r="H1229" s="353"/>
      <c r="I1229" s="353"/>
      <c r="J1229" s="353"/>
    </row>
    <row r="1230" spans="6:10" s="410" customFormat="1" x14ac:dyDescent="0.2">
      <c r="F1230" s="353"/>
      <c r="G1230" s="353"/>
      <c r="H1230" s="353"/>
      <c r="I1230" s="353"/>
      <c r="J1230" s="353"/>
    </row>
    <row r="1231" spans="6:10" s="410" customFormat="1" x14ac:dyDescent="0.2">
      <c r="F1231" s="353"/>
      <c r="G1231" s="353"/>
      <c r="H1231" s="353"/>
      <c r="I1231" s="353"/>
      <c r="J1231" s="353"/>
    </row>
    <row r="1232" spans="6:10" s="410" customFormat="1" x14ac:dyDescent="0.2">
      <c r="F1232" s="353"/>
      <c r="G1232" s="353"/>
      <c r="H1232" s="353"/>
      <c r="I1232" s="353"/>
      <c r="J1232" s="353"/>
    </row>
    <row r="1233" spans="6:10" s="410" customFormat="1" x14ac:dyDescent="0.2">
      <c r="F1233" s="353"/>
      <c r="G1233" s="353"/>
      <c r="H1233" s="353"/>
      <c r="I1233" s="353"/>
      <c r="J1233" s="353"/>
    </row>
    <row r="1234" spans="6:10" s="410" customFormat="1" x14ac:dyDescent="0.2">
      <c r="F1234" s="353"/>
      <c r="G1234" s="353"/>
      <c r="H1234" s="353"/>
      <c r="I1234" s="353"/>
      <c r="J1234" s="353"/>
    </row>
    <row r="1235" spans="6:10" s="410" customFormat="1" x14ac:dyDescent="0.2">
      <c r="F1235" s="353"/>
      <c r="G1235" s="353"/>
      <c r="H1235" s="353"/>
      <c r="I1235" s="353"/>
      <c r="J1235" s="353"/>
    </row>
    <row r="1236" spans="6:10" s="410" customFormat="1" x14ac:dyDescent="0.2">
      <c r="F1236" s="353"/>
      <c r="G1236" s="353"/>
      <c r="H1236" s="353"/>
      <c r="I1236" s="353"/>
      <c r="J1236" s="353"/>
    </row>
    <row r="1237" spans="6:10" s="410" customFormat="1" x14ac:dyDescent="0.2">
      <c r="F1237" s="353"/>
      <c r="G1237" s="353"/>
      <c r="H1237" s="353"/>
      <c r="I1237" s="353"/>
      <c r="J1237" s="353"/>
    </row>
    <row r="1238" spans="6:10" s="410" customFormat="1" x14ac:dyDescent="0.2">
      <c r="F1238" s="353"/>
      <c r="G1238" s="353"/>
      <c r="H1238" s="353"/>
      <c r="I1238" s="353"/>
      <c r="J1238" s="353"/>
    </row>
    <row r="1239" spans="6:10" s="410" customFormat="1" x14ac:dyDescent="0.2">
      <c r="F1239" s="353"/>
      <c r="G1239" s="353"/>
      <c r="H1239" s="353"/>
      <c r="I1239" s="353"/>
      <c r="J1239" s="353"/>
    </row>
    <row r="1240" spans="6:10" s="410" customFormat="1" x14ac:dyDescent="0.2">
      <c r="F1240" s="353"/>
      <c r="G1240" s="353"/>
      <c r="H1240" s="353"/>
      <c r="I1240" s="353"/>
      <c r="J1240" s="353"/>
    </row>
    <row r="1241" spans="6:10" s="410" customFormat="1" x14ac:dyDescent="0.2">
      <c r="F1241" s="353"/>
      <c r="G1241" s="353"/>
      <c r="H1241" s="353"/>
      <c r="I1241" s="353"/>
      <c r="J1241" s="353"/>
    </row>
    <row r="1242" spans="6:10" s="410" customFormat="1" x14ac:dyDescent="0.2">
      <c r="F1242" s="353"/>
      <c r="G1242" s="353"/>
      <c r="H1242" s="353"/>
      <c r="I1242" s="353"/>
      <c r="J1242" s="353"/>
    </row>
    <row r="1243" spans="6:10" s="410" customFormat="1" x14ac:dyDescent="0.2">
      <c r="F1243" s="353"/>
      <c r="G1243" s="353"/>
      <c r="H1243" s="353"/>
      <c r="I1243" s="353"/>
      <c r="J1243" s="353"/>
    </row>
    <row r="1244" spans="6:10" s="410" customFormat="1" x14ac:dyDescent="0.2">
      <c r="F1244" s="353"/>
      <c r="G1244" s="353"/>
      <c r="H1244" s="353"/>
      <c r="I1244" s="353"/>
      <c r="J1244" s="353"/>
    </row>
    <row r="1245" spans="6:10" s="410" customFormat="1" x14ac:dyDescent="0.2">
      <c r="F1245" s="353"/>
      <c r="G1245" s="353"/>
      <c r="H1245" s="353"/>
      <c r="I1245" s="353"/>
      <c r="J1245" s="353"/>
    </row>
    <row r="1246" spans="6:10" s="410" customFormat="1" x14ac:dyDescent="0.2">
      <c r="F1246" s="353"/>
      <c r="G1246" s="353"/>
      <c r="H1246" s="353"/>
      <c r="I1246" s="353"/>
      <c r="J1246" s="353"/>
    </row>
    <row r="1247" spans="6:10" s="410" customFormat="1" x14ac:dyDescent="0.2">
      <c r="F1247" s="353"/>
      <c r="G1247" s="353"/>
      <c r="H1247" s="353"/>
      <c r="I1247" s="353"/>
      <c r="J1247" s="353"/>
    </row>
    <row r="1248" spans="6:10" s="410" customFormat="1" x14ac:dyDescent="0.2">
      <c r="F1248" s="353"/>
      <c r="G1248" s="353"/>
      <c r="H1248" s="353"/>
      <c r="I1248" s="353"/>
      <c r="J1248" s="353"/>
    </row>
    <row r="1249" spans="6:10" s="410" customFormat="1" x14ac:dyDescent="0.2">
      <c r="F1249" s="353"/>
      <c r="G1249" s="353"/>
      <c r="H1249" s="353"/>
      <c r="I1249" s="353"/>
      <c r="J1249" s="353"/>
    </row>
    <row r="1250" spans="6:10" s="410" customFormat="1" x14ac:dyDescent="0.2">
      <c r="F1250" s="353"/>
      <c r="G1250" s="353"/>
      <c r="H1250" s="353"/>
      <c r="I1250" s="353"/>
      <c r="J1250" s="353"/>
    </row>
    <row r="1251" spans="6:10" s="410" customFormat="1" x14ac:dyDescent="0.2">
      <c r="F1251" s="353"/>
      <c r="G1251" s="353"/>
      <c r="H1251" s="353"/>
      <c r="I1251" s="353"/>
      <c r="J1251" s="353"/>
    </row>
    <row r="1252" spans="6:10" s="410" customFormat="1" x14ac:dyDescent="0.2">
      <c r="F1252" s="353"/>
      <c r="G1252" s="353"/>
      <c r="H1252" s="353"/>
      <c r="I1252" s="353"/>
      <c r="J1252" s="353"/>
    </row>
    <row r="1253" spans="6:10" s="410" customFormat="1" x14ac:dyDescent="0.2">
      <c r="F1253" s="353"/>
      <c r="G1253" s="353"/>
      <c r="H1253" s="353"/>
      <c r="I1253" s="353"/>
      <c r="J1253" s="353"/>
    </row>
    <row r="1254" spans="6:10" s="410" customFormat="1" x14ac:dyDescent="0.2">
      <c r="F1254" s="353"/>
      <c r="G1254" s="353"/>
      <c r="H1254" s="353"/>
      <c r="I1254" s="353"/>
      <c r="J1254" s="353"/>
    </row>
    <row r="1255" spans="6:10" s="410" customFormat="1" x14ac:dyDescent="0.2">
      <c r="F1255" s="353"/>
      <c r="G1255" s="353"/>
      <c r="H1255" s="353"/>
      <c r="I1255" s="353"/>
      <c r="J1255" s="353"/>
    </row>
    <row r="1256" spans="6:10" s="410" customFormat="1" x14ac:dyDescent="0.2">
      <c r="F1256" s="353"/>
      <c r="G1256" s="353"/>
      <c r="H1256" s="353"/>
      <c r="I1256" s="353"/>
      <c r="J1256" s="353"/>
    </row>
    <row r="1257" spans="6:10" s="410" customFormat="1" x14ac:dyDescent="0.2">
      <c r="F1257" s="353"/>
      <c r="G1257" s="353"/>
      <c r="H1257" s="353"/>
      <c r="I1257" s="353"/>
      <c r="J1257" s="353"/>
    </row>
    <row r="1258" spans="6:10" s="410" customFormat="1" x14ac:dyDescent="0.2">
      <c r="F1258" s="353"/>
      <c r="G1258" s="353"/>
      <c r="H1258" s="353"/>
      <c r="I1258" s="353"/>
      <c r="J1258" s="353"/>
    </row>
    <row r="1259" spans="6:10" s="410" customFormat="1" x14ac:dyDescent="0.2">
      <c r="F1259" s="353"/>
      <c r="G1259" s="353"/>
      <c r="H1259" s="353"/>
      <c r="I1259" s="353"/>
      <c r="J1259" s="353"/>
    </row>
    <row r="1260" spans="6:10" s="410" customFormat="1" x14ac:dyDescent="0.2">
      <c r="F1260" s="353"/>
      <c r="G1260" s="353"/>
      <c r="H1260" s="353"/>
      <c r="I1260" s="353"/>
      <c r="J1260" s="353"/>
    </row>
    <row r="1261" spans="6:10" s="410" customFormat="1" x14ac:dyDescent="0.2">
      <c r="F1261" s="353"/>
      <c r="G1261" s="353"/>
      <c r="H1261" s="353"/>
      <c r="I1261" s="353"/>
      <c r="J1261" s="353"/>
    </row>
    <row r="1262" spans="6:10" s="410" customFormat="1" x14ac:dyDescent="0.2">
      <c r="F1262" s="353"/>
      <c r="G1262" s="353"/>
      <c r="H1262" s="353"/>
      <c r="I1262" s="353"/>
      <c r="J1262" s="353"/>
    </row>
    <row r="1263" spans="6:10" s="410" customFormat="1" x14ac:dyDescent="0.2">
      <c r="F1263" s="353"/>
      <c r="G1263" s="353"/>
      <c r="H1263" s="353"/>
      <c r="I1263" s="353"/>
      <c r="J1263" s="353"/>
    </row>
    <row r="1264" spans="6:10" s="410" customFormat="1" x14ac:dyDescent="0.2">
      <c r="F1264" s="353"/>
      <c r="G1264" s="353"/>
      <c r="H1264" s="353"/>
      <c r="I1264" s="353"/>
      <c r="J1264" s="353"/>
    </row>
    <row r="1265" spans="6:10" s="410" customFormat="1" x14ac:dyDescent="0.2">
      <c r="F1265" s="353"/>
      <c r="G1265" s="353"/>
      <c r="H1265" s="353"/>
      <c r="I1265" s="353"/>
      <c r="J1265" s="353"/>
    </row>
    <row r="1266" spans="6:10" s="410" customFormat="1" x14ac:dyDescent="0.2">
      <c r="F1266" s="353"/>
      <c r="G1266" s="353"/>
      <c r="H1266" s="353"/>
      <c r="I1266" s="353"/>
      <c r="J1266" s="353"/>
    </row>
    <row r="1267" spans="6:10" s="410" customFormat="1" x14ac:dyDescent="0.2">
      <c r="F1267" s="353"/>
      <c r="G1267" s="353"/>
      <c r="H1267" s="353"/>
      <c r="I1267" s="353"/>
      <c r="J1267" s="353"/>
    </row>
    <row r="1268" spans="6:10" s="410" customFormat="1" x14ac:dyDescent="0.2">
      <c r="F1268" s="353"/>
      <c r="G1268" s="353"/>
      <c r="H1268" s="353"/>
      <c r="I1268" s="353"/>
      <c r="J1268" s="353"/>
    </row>
    <row r="1269" spans="6:10" s="410" customFormat="1" x14ac:dyDescent="0.2">
      <c r="F1269" s="353"/>
      <c r="G1269" s="353"/>
      <c r="H1269" s="353"/>
      <c r="I1269" s="353"/>
      <c r="J1269" s="353"/>
    </row>
    <row r="1270" spans="6:10" s="410" customFormat="1" x14ac:dyDescent="0.2">
      <c r="F1270" s="353"/>
      <c r="G1270" s="353"/>
      <c r="H1270" s="353"/>
      <c r="I1270" s="353"/>
      <c r="J1270" s="353"/>
    </row>
    <row r="1271" spans="6:10" s="410" customFormat="1" x14ac:dyDescent="0.2">
      <c r="F1271" s="353"/>
      <c r="G1271" s="353"/>
      <c r="H1271" s="353"/>
      <c r="I1271" s="353"/>
      <c r="J1271" s="353"/>
    </row>
    <row r="1272" spans="6:10" s="410" customFormat="1" x14ac:dyDescent="0.2">
      <c r="F1272" s="353"/>
      <c r="G1272" s="353"/>
      <c r="H1272" s="353"/>
      <c r="I1272" s="353"/>
      <c r="J1272" s="353"/>
    </row>
    <row r="1273" spans="6:10" s="410" customFormat="1" x14ac:dyDescent="0.2">
      <c r="F1273" s="353"/>
      <c r="G1273" s="353"/>
      <c r="H1273" s="353"/>
      <c r="I1273" s="353"/>
      <c r="J1273" s="353"/>
    </row>
    <row r="1274" spans="6:10" s="410" customFormat="1" x14ac:dyDescent="0.2">
      <c r="F1274" s="353"/>
      <c r="G1274" s="353"/>
      <c r="H1274" s="353"/>
      <c r="I1274" s="353"/>
      <c r="J1274" s="353"/>
    </row>
    <row r="1275" spans="6:10" s="410" customFormat="1" x14ac:dyDescent="0.2">
      <c r="F1275" s="353"/>
      <c r="G1275" s="353"/>
      <c r="H1275" s="353"/>
      <c r="I1275" s="353"/>
      <c r="J1275" s="353"/>
    </row>
    <row r="1276" spans="6:10" s="410" customFormat="1" x14ac:dyDescent="0.2">
      <c r="F1276" s="353"/>
      <c r="G1276" s="353"/>
      <c r="H1276" s="353"/>
      <c r="I1276" s="353"/>
      <c r="J1276" s="353"/>
    </row>
    <row r="1277" spans="6:10" s="410" customFormat="1" x14ac:dyDescent="0.2">
      <c r="F1277" s="353"/>
      <c r="G1277" s="353"/>
      <c r="H1277" s="353"/>
      <c r="I1277" s="353"/>
      <c r="J1277" s="353"/>
    </row>
    <row r="1278" spans="6:10" s="410" customFormat="1" x14ac:dyDescent="0.2">
      <c r="F1278" s="353"/>
      <c r="G1278" s="353"/>
      <c r="H1278" s="353"/>
      <c r="I1278" s="353"/>
      <c r="J1278" s="353"/>
    </row>
    <row r="1279" spans="6:10" s="410" customFormat="1" x14ac:dyDescent="0.2">
      <c r="F1279" s="353"/>
      <c r="G1279" s="353"/>
      <c r="H1279" s="353"/>
      <c r="I1279" s="353"/>
      <c r="J1279" s="353"/>
    </row>
    <row r="1280" spans="6:10" s="410" customFormat="1" x14ac:dyDescent="0.2">
      <c r="F1280" s="353"/>
      <c r="G1280" s="353"/>
      <c r="H1280" s="353"/>
      <c r="I1280" s="353"/>
      <c r="J1280" s="353"/>
    </row>
    <row r="1281" spans="6:10" s="410" customFormat="1" x14ac:dyDescent="0.2">
      <c r="F1281" s="353"/>
      <c r="G1281" s="353"/>
      <c r="H1281" s="353"/>
      <c r="I1281" s="353"/>
      <c r="J1281" s="353"/>
    </row>
    <row r="1282" spans="6:10" s="410" customFormat="1" x14ac:dyDescent="0.2">
      <c r="F1282" s="353"/>
      <c r="G1282" s="353"/>
      <c r="H1282" s="353"/>
      <c r="I1282" s="353"/>
      <c r="J1282" s="353"/>
    </row>
    <row r="1283" spans="6:10" s="410" customFormat="1" x14ac:dyDescent="0.2">
      <c r="F1283" s="353"/>
      <c r="G1283" s="353"/>
      <c r="H1283" s="353"/>
      <c r="I1283" s="353"/>
      <c r="J1283" s="353"/>
    </row>
    <row r="1284" spans="6:10" s="410" customFormat="1" x14ac:dyDescent="0.2">
      <c r="F1284" s="353"/>
      <c r="G1284" s="353"/>
      <c r="H1284" s="353"/>
      <c r="I1284" s="353"/>
      <c r="J1284" s="353"/>
    </row>
    <row r="1285" spans="6:10" s="410" customFormat="1" x14ac:dyDescent="0.2">
      <c r="F1285" s="353"/>
      <c r="G1285" s="353"/>
      <c r="H1285" s="353"/>
      <c r="I1285" s="353"/>
      <c r="J1285" s="353"/>
    </row>
    <row r="1286" spans="6:10" s="410" customFormat="1" x14ac:dyDescent="0.2">
      <c r="F1286" s="353"/>
      <c r="G1286" s="353"/>
      <c r="H1286" s="353"/>
      <c r="I1286" s="353"/>
      <c r="J1286" s="353"/>
    </row>
    <row r="1287" spans="6:10" s="410" customFormat="1" x14ac:dyDescent="0.2">
      <c r="F1287" s="353"/>
      <c r="G1287" s="353"/>
      <c r="H1287" s="353"/>
      <c r="I1287" s="353"/>
      <c r="J1287" s="353"/>
    </row>
    <row r="1288" spans="6:10" s="410" customFormat="1" x14ac:dyDescent="0.2">
      <c r="F1288" s="353"/>
      <c r="G1288" s="353"/>
      <c r="H1288" s="353"/>
      <c r="I1288" s="353"/>
      <c r="J1288" s="353"/>
    </row>
    <row r="1289" spans="6:10" s="410" customFormat="1" x14ac:dyDescent="0.2">
      <c r="F1289" s="353"/>
      <c r="G1289" s="353"/>
      <c r="H1289" s="353"/>
      <c r="I1289" s="353"/>
      <c r="J1289" s="353"/>
    </row>
    <row r="1290" spans="6:10" s="410" customFormat="1" x14ac:dyDescent="0.2">
      <c r="F1290" s="353"/>
      <c r="G1290" s="353"/>
      <c r="H1290" s="353"/>
      <c r="I1290" s="353"/>
      <c r="J1290" s="353"/>
    </row>
    <row r="1291" spans="6:10" s="410" customFormat="1" x14ac:dyDescent="0.2">
      <c r="F1291" s="353"/>
      <c r="G1291" s="353"/>
      <c r="H1291" s="353"/>
      <c r="I1291" s="353"/>
      <c r="J1291" s="353"/>
    </row>
    <row r="1292" spans="6:10" s="410" customFormat="1" x14ac:dyDescent="0.2">
      <c r="F1292" s="353"/>
      <c r="G1292" s="353"/>
      <c r="H1292" s="353"/>
      <c r="I1292" s="353"/>
      <c r="J1292" s="353"/>
    </row>
    <row r="1293" spans="6:10" s="410" customFormat="1" x14ac:dyDescent="0.2">
      <c r="F1293" s="353"/>
      <c r="G1293" s="353"/>
      <c r="H1293" s="353"/>
      <c r="I1293" s="353"/>
      <c r="J1293" s="353"/>
    </row>
    <row r="1294" spans="6:10" s="410" customFormat="1" x14ac:dyDescent="0.2">
      <c r="F1294" s="353"/>
      <c r="G1294" s="353"/>
      <c r="H1294" s="353"/>
      <c r="I1294" s="353"/>
      <c r="J1294" s="353"/>
    </row>
    <row r="1295" spans="6:10" s="410" customFormat="1" x14ac:dyDescent="0.2">
      <c r="F1295" s="353"/>
      <c r="G1295" s="353"/>
      <c r="H1295" s="353"/>
      <c r="I1295" s="353"/>
      <c r="J1295" s="353"/>
    </row>
    <row r="1296" spans="6:10" s="410" customFormat="1" x14ac:dyDescent="0.2">
      <c r="F1296" s="353"/>
      <c r="G1296" s="353"/>
      <c r="H1296" s="353"/>
      <c r="I1296" s="353"/>
      <c r="J1296" s="353"/>
    </row>
    <row r="1297" spans="6:10" s="410" customFormat="1" x14ac:dyDescent="0.2">
      <c r="F1297" s="353"/>
      <c r="G1297" s="353"/>
      <c r="H1297" s="353"/>
      <c r="I1297" s="353"/>
      <c r="J1297" s="353"/>
    </row>
    <row r="1298" spans="6:10" s="410" customFormat="1" x14ac:dyDescent="0.2">
      <c r="F1298" s="353"/>
      <c r="G1298" s="353"/>
      <c r="H1298" s="353"/>
      <c r="I1298" s="353"/>
      <c r="J1298" s="353"/>
    </row>
    <row r="1299" spans="6:10" s="410" customFormat="1" x14ac:dyDescent="0.2">
      <c r="F1299" s="353"/>
      <c r="G1299" s="353"/>
      <c r="H1299" s="353"/>
      <c r="I1299" s="353"/>
      <c r="J1299" s="353"/>
    </row>
    <row r="1300" spans="6:10" s="410" customFormat="1" x14ac:dyDescent="0.2">
      <c r="F1300" s="353"/>
      <c r="G1300" s="353"/>
      <c r="H1300" s="353"/>
      <c r="I1300" s="353"/>
      <c r="J1300" s="353"/>
    </row>
    <row r="1301" spans="6:10" s="410" customFormat="1" x14ac:dyDescent="0.2">
      <c r="F1301" s="353"/>
      <c r="G1301" s="353"/>
      <c r="H1301" s="353"/>
      <c r="I1301" s="353"/>
      <c r="J1301" s="353"/>
    </row>
    <row r="1302" spans="6:10" s="410" customFormat="1" x14ac:dyDescent="0.2">
      <c r="F1302" s="353"/>
      <c r="G1302" s="353"/>
      <c r="H1302" s="353"/>
      <c r="I1302" s="353"/>
      <c r="J1302" s="353"/>
    </row>
    <row r="1303" spans="6:10" s="410" customFormat="1" x14ac:dyDescent="0.2">
      <c r="F1303" s="353"/>
      <c r="G1303" s="353"/>
      <c r="H1303" s="353"/>
      <c r="I1303" s="353"/>
      <c r="J1303" s="353"/>
    </row>
    <row r="1304" spans="6:10" s="410" customFormat="1" x14ac:dyDescent="0.2">
      <c r="F1304" s="353"/>
      <c r="G1304" s="353"/>
      <c r="H1304" s="353"/>
      <c r="I1304" s="353"/>
      <c r="J1304" s="353"/>
    </row>
    <row r="1305" spans="6:10" s="410" customFormat="1" x14ac:dyDescent="0.2">
      <c r="F1305" s="353"/>
      <c r="G1305" s="353"/>
      <c r="H1305" s="353"/>
      <c r="I1305" s="353"/>
      <c r="J1305" s="353"/>
    </row>
    <row r="1306" spans="6:10" s="410" customFormat="1" x14ac:dyDescent="0.2">
      <c r="F1306" s="353"/>
      <c r="G1306" s="353"/>
      <c r="H1306" s="353"/>
      <c r="I1306" s="353"/>
      <c r="J1306" s="353"/>
    </row>
    <row r="1307" spans="6:10" s="410" customFormat="1" x14ac:dyDescent="0.2">
      <c r="F1307" s="353"/>
      <c r="G1307" s="353"/>
      <c r="H1307" s="353"/>
      <c r="I1307" s="353"/>
      <c r="J1307" s="353"/>
    </row>
    <row r="1308" spans="6:10" s="410" customFormat="1" x14ac:dyDescent="0.2">
      <c r="F1308" s="353"/>
      <c r="G1308" s="353"/>
      <c r="H1308" s="353"/>
      <c r="I1308" s="353"/>
      <c r="J1308" s="353"/>
    </row>
    <row r="1309" spans="6:10" s="410" customFormat="1" x14ac:dyDescent="0.2">
      <c r="F1309" s="353"/>
      <c r="G1309" s="353"/>
      <c r="H1309" s="353"/>
      <c r="I1309" s="353"/>
      <c r="J1309" s="353"/>
    </row>
    <row r="1310" spans="6:10" s="410" customFormat="1" x14ac:dyDescent="0.2">
      <c r="F1310" s="353"/>
      <c r="G1310" s="353"/>
      <c r="H1310" s="353"/>
      <c r="I1310" s="353"/>
      <c r="J1310" s="353"/>
    </row>
    <row r="1311" spans="6:10" s="410" customFormat="1" x14ac:dyDescent="0.2">
      <c r="F1311" s="353"/>
      <c r="G1311" s="353"/>
      <c r="H1311" s="353"/>
      <c r="I1311" s="353"/>
      <c r="J1311" s="353"/>
    </row>
    <row r="1312" spans="6:10" s="410" customFormat="1" x14ac:dyDescent="0.2">
      <c r="F1312" s="353"/>
      <c r="G1312" s="353"/>
      <c r="H1312" s="353"/>
      <c r="I1312" s="353"/>
      <c r="J1312" s="353"/>
    </row>
    <row r="1313" spans="6:10" s="410" customFormat="1" x14ac:dyDescent="0.2">
      <c r="F1313" s="353"/>
      <c r="G1313" s="353"/>
      <c r="H1313" s="353"/>
      <c r="I1313" s="353"/>
      <c r="J1313" s="353"/>
    </row>
    <row r="1314" spans="6:10" s="410" customFormat="1" x14ac:dyDescent="0.2">
      <c r="F1314" s="353"/>
      <c r="G1314" s="353"/>
      <c r="H1314" s="353"/>
      <c r="I1314" s="353"/>
      <c r="J1314" s="353"/>
    </row>
    <row r="1315" spans="6:10" s="410" customFormat="1" x14ac:dyDescent="0.2">
      <c r="F1315" s="353"/>
      <c r="G1315" s="353"/>
      <c r="H1315" s="353"/>
      <c r="I1315" s="353"/>
      <c r="J1315" s="353"/>
    </row>
    <row r="1316" spans="6:10" s="410" customFormat="1" x14ac:dyDescent="0.2">
      <c r="F1316" s="353"/>
      <c r="G1316" s="353"/>
      <c r="H1316" s="353"/>
      <c r="I1316" s="353"/>
      <c r="J1316" s="353"/>
    </row>
    <row r="1317" spans="6:10" s="410" customFormat="1" x14ac:dyDescent="0.2">
      <c r="F1317" s="353"/>
      <c r="G1317" s="353"/>
      <c r="H1317" s="353"/>
      <c r="I1317" s="353"/>
      <c r="J1317" s="353"/>
    </row>
    <row r="1318" spans="6:10" s="410" customFormat="1" x14ac:dyDescent="0.2">
      <c r="F1318" s="353"/>
      <c r="G1318" s="353"/>
      <c r="H1318" s="353"/>
      <c r="I1318" s="353"/>
      <c r="J1318" s="353"/>
    </row>
    <row r="1319" spans="6:10" s="410" customFormat="1" x14ac:dyDescent="0.2">
      <c r="F1319" s="353"/>
      <c r="G1319" s="353"/>
      <c r="H1319" s="353"/>
      <c r="I1319" s="353"/>
      <c r="J1319" s="353"/>
    </row>
    <row r="1320" spans="6:10" s="410" customFormat="1" x14ac:dyDescent="0.2">
      <c r="F1320" s="353"/>
      <c r="G1320" s="353"/>
      <c r="H1320" s="353"/>
      <c r="I1320" s="353"/>
      <c r="J1320" s="353"/>
    </row>
    <row r="1321" spans="6:10" s="410" customFormat="1" x14ac:dyDescent="0.2">
      <c r="F1321" s="353"/>
      <c r="G1321" s="353"/>
      <c r="H1321" s="353"/>
      <c r="I1321" s="353"/>
      <c r="J1321" s="353"/>
    </row>
    <row r="1322" spans="6:10" s="410" customFormat="1" x14ac:dyDescent="0.2">
      <c r="F1322" s="353"/>
      <c r="G1322" s="353"/>
      <c r="H1322" s="353"/>
      <c r="I1322" s="353"/>
      <c r="J1322" s="353"/>
    </row>
    <row r="1323" spans="6:10" s="410" customFormat="1" x14ac:dyDescent="0.2">
      <c r="F1323" s="353"/>
      <c r="G1323" s="353"/>
      <c r="H1323" s="353"/>
      <c r="I1323" s="353"/>
      <c r="J1323" s="353"/>
    </row>
    <row r="1324" spans="6:10" s="410" customFormat="1" x14ac:dyDescent="0.2">
      <c r="F1324" s="353"/>
      <c r="G1324" s="353"/>
      <c r="H1324" s="353"/>
      <c r="I1324" s="353"/>
      <c r="J1324" s="353"/>
    </row>
    <row r="1325" spans="6:10" s="410" customFormat="1" x14ac:dyDescent="0.2">
      <c r="F1325" s="353"/>
      <c r="G1325" s="353"/>
      <c r="H1325" s="353"/>
      <c r="I1325" s="353"/>
      <c r="J1325" s="353"/>
    </row>
    <row r="1326" spans="6:10" s="410" customFormat="1" x14ac:dyDescent="0.2">
      <c r="F1326" s="353"/>
      <c r="G1326" s="353"/>
      <c r="H1326" s="353"/>
      <c r="I1326" s="353"/>
      <c r="J1326" s="353"/>
    </row>
    <row r="1327" spans="6:10" s="410" customFormat="1" x14ac:dyDescent="0.2">
      <c r="F1327" s="353"/>
      <c r="G1327" s="353"/>
      <c r="H1327" s="353"/>
      <c r="I1327" s="353"/>
      <c r="J1327" s="353"/>
    </row>
    <row r="1328" spans="6:10" s="410" customFormat="1" x14ac:dyDescent="0.2">
      <c r="F1328" s="353"/>
      <c r="G1328" s="353"/>
      <c r="H1328" s="353"/>
      <c r="I1328" s="353"/>
      <c r="J1328" s="353"/>
    </row>
    <row r="1329" spans="6:10" s="410" customFormat="1" x14ac:dyDescent="0.2">
      <c r="F1329" s="353"/>
      <c r="G1329" s="353"/>
      <c r="H1329" s="353"/>
      <c r="I1329" s="353"/>
      <c r="J1329" s="353"/>
    </row>
    <row r="1330" spans="6:10" s="410" customFormat="1" x14ac:dyDescent="0.2">
      <c r="F1330" s="353"/>
      <c r="G1330" s="353"/>
      <c r="H1330" s="353"/>
      <c r="I1330" s="353"/>
      <c r="J1330" s="353"/>
    </row>
    <row r="1331" spans="6:10" s="410" customFormat="1" x14ac:dyDescent="0.2">
      <c r="F1331" s="353"/>
      <c r="G1331" s="353"/>
      <c r="H1331" s="353"/>
      <c r="I1331" s="353"/>
      <c r="J1331" s="353"/>
    </row>
    <row r="1332" spans="6:10" s="410" customFormat="1" x14ac:dyDescent="0.2">
      <c r="F1332" s="353"/>
      <c r="G1332" s="353"/>
      <c r="H1332" s="353"/>
      <c r="I1332" s="353"/>
      <c r="J1332" s="353"/>
    </row>
    <row r="1333" spans="6:10" s="410" customFormat="1" x14ac:dyDescent="0.2">
      <c r="F1333" s="353"/>
      <c r="G1333" s="353"/>
      <c r="H1333" s="353"/>
      <c r="I1333" s="353"/>
      <c r="J1333" s="353"/>
    </row>
    <row r="1334" spans="6:10" s="410" customFormat="1" x14ac:dyDescent="0.2">
      <c r="F1334" s="353"/>
      <c r="G1334" s="353"/>
      <c r="H1334" s="353"/>
      <c r="I1334" s="353"/>
      <c r="J1334" s="353"/>
    </row>
    <row r="1335" spans="6:10" s="410" customFormat="1" x14ac:dyDescent="0.2">
      <c r="F1335" s="353"/>
      <c r="G1335" s="353"/>
      <c r="H1335" s="353"/>
      <c r="I1335" s="353"/>
      <c r="J1335" s="353"/>
    </row>
    <row r="1336" spans="6:10" s="410" customFormat="1" x14ac:dyDescent="0.2">
      <c r="F1336" s="353"/>
      <c r="G1336" s="353"/>
      <c r="H1336" s="353"/>
      <c r="I1336" s="353"/>
      <c r="J1336" s="353"/>
    </row>
    <row r="1337" spans="6:10" s="410" customFormat="1" x14ac:dyDescent="0.2">
      <c r="F1337" s="353"/>
      <c r="G1337" s="353"/>
      <c r="H1337" s="353"/>
      <c r="I1337" s="353"/>
      <c r="J1337" s="353"/>
    </row>
    <row r="1338" spans="6:10" s="410" customFormat="1" x14ac:dyDescent="0.2">
      <c r="F1338" s="353"/>
      <c r="G1338" s="353"/>
      <c r="H1338" s="353"/>
      <c r="I1338" s="353"/>
      <c r="J1338" s="353"/>
    </row>
    <row r="1339" spans="6:10" s="410" customFormat="1" x14ac:dyDescent="0.2">
      <c r="F1339" s="353"/>
      <c r="G1339" s="353"/>
      <c r="H1339" s="353"/>
      <c r="I1339" s="353"/>
      <c r="J1339" s="353"/>
    </row>
    <row r="1340" spans="6:10" s="410" customFormat="1" x14ac:dyDescent="0.2">
      <c r="F1340" s="353"/>
      <c r="G1340" s="353"/>
      <c r="H1340" s="353"/>
      <c r="I1340" s="353"/>
      <c r="J1340" s="353"/>
    </row>
    <row r="1341" spans="6:10" s="410" customFormat="1" x14ac:dyDescent="0.2">
      <c r="F1341" s="353"/>
      <c r="G1341" s="353"/>
      <c r="H1341" s="353"/>
      <c r="I1341" s="353"/>
      <c r="J1341" s="353"/>
    </row>
    <row r="1342" spans="6:10" s="410" customFormat="1" x14ac:dyDescent="0.2">
      <c r="F1342" s="353"/>
      <c r="G1342" s="353"/>
      <c r="H1342" s="353"/>
      <c r="I1342" s="353"/>
      <c r="J1342" s="353"/>
    </row>
    <row r="1343" spans="6:10" s="410" customFormat="1" x14ac:dyDescent="0.2">
      <c r="F1343" s="353"/>
      <c r="G1343" s="353"/>
      <c r="H1343" s="353"/>
      <c r="I1343" s="353"/>
      <c r="J1343" s="353"/>
    </row>
    <row r="1344" spans="6:10" s="410" customFormat="1" x14ac:dyDescent="0.2">
      <c r="F1344" s="353"/>
      <c r="G1344" s="353"/>
      <c r="H1344" s="353"/>
      <c r="I1344" s="353"/>
      <c r="J1344" s="353"/>
    </row>
    <row r="1345" spans="6:10" s="410" customFormat="1" x14ac:dyDescent="0.2">
      <c r="F1345" s="353"/>
      <c r="G1345" s="353"/>
      <c r="H1345" s="353"/>
      <c r="I1345" s="353"/>
      <c r="J1345" s="353"/>
    </row>
    <row r="1346" spans="6:10" s="410" customFormat="1" x14ac:dyDescent="0.2">
      <c r="F1346" s="353"/>
      <c r="G1346" s="353"/>
      <c r="H1346" s="353"/>
      <c r="I1346" s="353"/>
      <c r="J1346" s="353"/>
    </row>
    <row r="1347" spans="6:10" s="410" customFormat="1" x14ac:dyDescent="0.2">
      <c r="F1347" s="353"/>
      <c r="G1347" s="353"/>
      <c r="H1347" s="353"/>
      <c r="I1347" s="353"/>
      <c r="J1347" s="353"/>
    </row>
    <row r="1348" spans="6:10" s="410" customFormat="1" x14ac:dyDescent="0.2">
      <c r="F1348" s="353"/>
      <c r="G1348" s="353"/>
      <c r="H1348" s="353"/>
      <c r="I1348" s="353"/>
      <c r="J1348" s="353"/>
    </row>
    <row r="1349" spans="6:10" s="410" customFormat="1" x14ac:dyDescent="0.2">
      <c r="F1349" s="353"/>
      <c r="G1349" s="353"/>
      <c r="H1349" s="353"/>
      <c r="I1349" s="353"/>
      <c r="J1349" s="353"/>
    </row>
    <row r="1350" spans="6:10" s="410" customFormat="1" x14ac:dyDescent="0.2">
      <c r="F1350" s="353"/>
      <c r="G1350" s="353"/>
      <c r="H1350" s="353"/>
      <c r="I1350" s="353"/>
      <c r="J1350" s="353"/>
    </row>
    <row r="1351" spans="6:10" s="410" customFormat="1" x14ac:dyDescent="0.2">
      <c r="F1351" s="353"/>
      <c r="G1351" s="353"/>
      <c r="H1351" s="353"/>
      <c r="I1351" s="353"/>
      <c r="J1351" s="353"/>
    </row>
    <row r="1352" spans="6:10" s="410" customFormat="1" x14ac:dyDescent="0.2">
      <c r="F1352" s="353"/>
      <c r="G1352" s="353"/>
      <c r="H1352" s="353"/>
      <c r="I1352" s="353"/>
      <c r="J1352" s="353"/>
    </row>
    <row r="1353" spans="6:10" s="410" customFormat="1" x14ac:dyDescent="0.2">
      <c r="F1353" s="353"/>
      <c r="G1353" s="353"/>
      <c r="H1353" s="353"/>
      <c r="I1353" s="353"/>
      <c r="J1353" s="353"/>
    </row>
    <row r="1354" spans="6:10" s="410" customFormat="1" x14ac:dyDescent="0.2">
      <c r="F1354" s="353"/>
      <c r="G1354" s="353"/>
      <c r="H1354" s="353"/>
      <c r="I1354" s="353"/>
      <c r="J1354" s="353"/>
    </row>
    <row r="1355" spans="6:10" s="410" customFormat="1" x14ac:dyDescent="0.2">
      <c r="F1355" s="353"/>
      <c r="G1355" s="353"/>
      <c r="H1355" s="353"/>
      <c r="I1355" s="353"/>
      <c r="J1355" s="353"/>
    </row>
    <row r="1356" spans="6:10" s="410" customFormat="1" x14ac:dyDescent="0.2">
      <c r="F1356" s="353"/>
      <c r="G1356" s="353"/>
      <c r="H1356" s="353"/>
      <c r="I1356" s="353"/>
      <c r="J1356" s="353"/>
    </row>
    <row r="1357" spans="6:10" s="410" customFormat="1" x14ac:dyDescent="0.2">
      <c r="F1357" s="353"/>
      <c r="G1357" s="353"/>
      <c r="H1357" s="353"/>
      <c r="I1357" s="353"/>
      <c r="J1357" s="353"/>
    </row>
    <row r="1358" spans="6:10" s="410" customFormat="1" x14ac:dyDescent="0.2">
      <c r="F1358" s="353"/>
      <c r="G1358" s="353"/>
      <c r="H1358" s="353"/>
      <c r="I1358" s="353"/>
      <c r="J1358" s="353"/>
    </row>
    <row r="1359" spans="6:10" s="410" customFormat="1" x14ac:dyDescent="0.2">
      <c r="F1359" s="353"/>
      <c r="G1359" s="353"/>
      <c r="H1359" s="353"/>
      <c r="I1359" s="353"/>
      <c r="J1359" s="353"/>
    </row>
    <row r="1360" spans="6:10" s="410" customFormat="1" x14ac:dyDescent="0.2">
      <c r="F1360" s="353"/>
      <c r="G1360" s="353"/>
      <c r="H1360" s="353"/>
      <c r="I1360" s="353"/>
      <c r="J1360" s="353"/>
    </row>
    <row r="1361" spans="6:10" s="410" customFormat="1" x14ac:dyDescent="0.2">
      <c r="F1361" s="353"/>
      <c r="G1361" s="353"/>
      <c r="H1361" s="353"/>
      <c r="I1361" s="353"/>
      <c r="J1361" s="353"/>
    </row>
    <row r="1362" spans="6:10" s="410" customFormat="1" x14ac:dyDescent="0.2">
      <c r="F1362" s="353"/>
      <c r="G1362" s="353"/>
      <c r="H1362" s="353"/>
      <c r="I1362" s="353"/>
      <c r="J1362" s="353"/>
    </row>
    <row r="1363" spans="6:10" s="410" customFormat="1" x14ac:dyDescent="0.2">
      <c r="F1363" s="353"/>
      <c r="G1363" s="353"/>
      <c r="H1363" s="353"/>
      <c r="I1363" s="353"/>
      <c r="J1363" s="353"/>
    </row>
    <row r="1364" spans="6:10" s="410" customFormat="1" x14ac:dyDescent="0.2">
      <c r="F1364" s="353"/>
      <c r="G1364" s="353"/>
      <c r="H1364" s="353"/>
      <c r="I1364" s="353"/>
      <c r="J1364" s="353"/>
    </row>
    <row r="1365" spans="6:10" s="410" customFormat="1" x14ac:dyDescent="0.2">
      <c r="F1365" s="353"/>
      <c r="G1365" s="353"/>
      <c r="H1365" s="353"/>
      <c r="I1365" s="353"/>
      <c r="J1365" s="353"/>
    </row>
    <row r="1366" spans="6:10" s="410" customFormat="1" x14ac:dyDescent="0.2">
      <c r="F1366" s="353"/>
      <c r="G1366" s="353"/>
      <c r="H1366" s="353"/>
      <c r="I1366" s="353"/>
      <c r="J1366" s="353"/>
    </row>
    <row r="1367" spans="6:10" s="410" customFormat="1" x14ac:dyDescent="0.2">
      <c r="F1367" s="353"/>
      <c r="G1367" s="353"/>
      <c r="H1367" s="353"/>
      <c r="I1367" s="353"/>
      <c r="J1367" s="353"/>
    </row>
    <row r="1368" spans="6:10" s="410" customFormat="1" x14ac:dyDescent="0.2">
      <c r="F1368" s="353"/>
      <c r="G1368" s="353"/>
      <c r="H1368" s="353"/>
      <c r="I1368" s="353"/>
      <c r="J1368" s="353"/>
    </row>
    <row r="1369" spans="6:10" s="410" customFormat="1" x14ac:dyDescent="0.2">
      <c r="F1369" s="353"/>
      <c r="G1369" s="353"/>
      <c r="H1369" s="353"/>
      <c r="I1369" s="353"/>
      <c r="J1369" s="353"/>
    </row>
    <row r="1370" spans="6:10" s="410" customFormat="1" x14ac:dyDescent="0.2">
      <c r="F1370" s="353"/>
      <c r="G1370" s="353"/>
      <c r="H1370" s="353"/>
      <c r="I1370" s="353"/>
      <c r="J1370" s="353"/>
    </row>
    <row r="1371" spans="6:10" s="410" customFormat="1" x14ac:dyDescent="0.2">
      <c r="F1371" s="353"/>
      <c r="G1371" s="353"/>
      <c r="H1371" s="353"/>
      <c r="I1371" s="353"/>
      <c r="J1371" s="353"/>
    </row>
    <row r="1372" spans="6:10" s="410" customFormat="1" x14ac:dyDescent="0.2">
      <c r="F1372" s="353"/>
      <c r="G1372" s="353"/>
      <c r="H1372" s="353"/>
      <c r="I1372" s="353"/>
      <c r="J1372" s="353"/>
    </row>
    <row r="1373" spans="6:10" s="410" customFormat="1" x14ac:dyDescent="0.2">
      <c r="F1373" s="353"/>
      <c r="G1373" s="353"/>
      <c r="H1373" s="353"/>
      <c r="I1373" s="353"/>
      <c r="J1373" s="353"/>
    </row>
    <row r="1374" spans="6:10" s="410" customFormat="1" x14ac:dyDescent="0.2">
      <c r="F1374" s="353"/>
      <c r="G1374" s="353"/>
      <c r="H1374" s="353"/>
      <c r="I1374" s="353"/>
      <c r="J1374" s="353"/>
    </row>
    <row r="1375" spans="6:10" s="410" customFormat="1" x14ac:dyDescent="0.2">
      <c r="F1375" s="353"/>
      <c r="G1375" s="353"/>
      <c r="H1375" s="353"/>
      <c r="I1375" s="353"/>
      <c r="J1375" s="353"/>
    </row>
    <row r="1376" spans="6:10" s="410" customFormat="1" x14ac:dyDescent="0.2">
      <c r="F1376" s="353"/>
      <c r="G1376" s="353"/>
      <c r="H1376" s="353"/>
      <c r="I1376" s="353"/>
      <c r="J1376" s="353"/>
    </row>
    <row r="1377" spans="6:10" s="410" customFormat="1" x14ac:dyDescent="0.2">
      <c r="F1377" s="353"/>
      <c r="G1377" s="353"/>
      <c r="H1377" s="353"/>
      <c r="I1377" s="353"/>
      <c r="J1377" s="353"/>
    </row>
    <row r="1378" spans="6:10" s="410" customFormat="1" x14ac:dyDescent="0.2">
      <c r="F1378" s="353"/>
      <c r="G1378" s="353"/>
      <c r="H1378" s="353"/>
      <c r="I1378" s="353"/>
      <c r="J1378" s="353"/>
    </row>
    <row r="1379" spans="6:10" s="410" customFormat="1" x14ac:dyDescent="0.2">
      <c r="F1379" s="353"/>
      <c r="G1379" s="353"/>
      <c r="H1379" s="353"/>
      <c r="I1379" s="353"/>
      <c r="J1379" s="353"/>
    </row>
    <row r="1380" spans="6:10" s="410" customFormat="1" x14ac:dyDescent="0.2">
      <c r="F1380" s="353"/>
      <c r="G1380" s="353"/>
      <c r="H1380" s="353"/>
      <c r="I1380" s="353"/>
      <c r="J1380" s="353"/>
    </row>
    <row r="1381" spans="6:10" s="410" customFormat="1" x14ac:dyDescent="0.2">
      <c r="F1381" s="353"/>
      <c r="G1381" s="353"/>
      <c r="H1381" s="353"/>
      <c r="I1381" s="353"/>
      <c r="J1381" s="353"/>
    </row>
    <row r="1382" spans="6:10" s="410" customFormat="1" x14ac:dyDescent="0.2">
      <c r="F1382" s="353"/>
      <c r="G1382" s="353"/>
      <c r="H1382" s="353"/>
      <c r="I1382" s="353"/>
      <c r="J1382" s="353"/>
    </row>
    <row r="1383" spans="6:10" s="410" customFormat="1" x14ac:dyDescent="0.2">
      <c r="F1383" s="353"/>
      <c r="G1383" s="353"/>
      <c r="H1383" s="353"/>
      <c r="I1383" s="353"/>
      <c r="J1383" s="353"/>
    </row>
    <row r="1384" spans="6:10" s="410" customFormat="1" x14ac:dyDescent="0.2">
      <c r="F1384" s="353"/>
      <c r="G1384" s="353"/>
      <c r="H1384" s="353"/>
      <c r="I1384" s="353"/>
      <c r="J1384" s="353"/>
    </row>
    <row r="1385" spans="6:10" s="410" customFormat="1" x14ac:dyDescent="0.2">
      <c r="F1385" s="353"/>
      <c r="G1385" s="353"/>
      <c r="H1385" s="353"/>
      <c r="I1385" s="353"/>
      <c r="J1385" s="353"/>
    </row>
    <row r="1386" spans="6:10" s="410" customFormat="1" x14ac:dyDescent="0.2">
      <c r="F1386" s="353"/>
      <c r="G1386" s="353"/>
      <c r="H1386" s="353"/>
      <c r="I1386" s="353"/>
      <c r="J1386" s="353"/>
    </row>
    <row r="1387" spans="6:10" s="410" customFormat="1" x14ac:dyDescent="0.2">
      <c r="F1387" s="353"/>
      <c r="G1387" s="353"/>
      <c r="H1387" s="353"/>
      <c r="I1387" s="353"/>
      <c r="J1387" s="353"/>
    </row>
    <row r="1388" spans="6:10" s="410" customFormat="1" x14ac:dyDescent="0.2">
      <c r="F1388" s="353"/>
      <c r="G1388" s="353"/>
      <c r="H1388" s="353"/>
      <c r="I1388" s="353"/>
      <c r="J1388" s="353"/>
    </row>
    <row r="1389" spans="6:10" s="410" customFormat="1" x14ac:dyDescent="0.2">
      <c r="F1389" s="353"/>
      <c r="G1389" s="353"/>
      <c r="H1389" s="353"/>
      <c r="I1389" s="353"/>
      <c r="J1389" s="353"/>
    </row>
    <row r="1390" spans="6:10" s="410" customFormat="1" x14ac:dyDescent="0.2">
      <c r="F1390" s="353"/>
      <c r="G1390" s="353"/>
      <c r="H1390" s="353"/>
      <c r="I1390" s="353"/>
      <c r="J1390" s="353"/>
    </row>
    <row r="1391" spans="6:10" s="410" customFormat="1" x14ac:dyDescent="0.2">
      <c r="F1391" s="353"/>
      <c r="G1391" s="353"/>
      <c r="H1391" s="353"/>
      <c r="I1391" s="353"/>
      <c r="J1391" s="353"/>
    </row>
    <row r="1392" spans="6:10" s="410" customFormat="1" x14ac:dyDescent="0.2">
      <c r="F1392" s="353"/>
      <c r="G1392" s="353"/>
      <c r="H1392" s="353"/>
      <c r="I1392" s="353"/>
      <c r="J1392" s="353"/>
    </row>
    <row r="1393" spans="6:10" s="410" customFormat="1" x14ac:dyDescent="0.2">
      <c r="F1393" s="353"/>
      <c r="G1393" s="353"/>
      <c r="H1393" s="353"/>
      <c r="I1393" s="353"/>
      <c r="J1393" s="353"/>
    </row>
    <row r="1394" spans="6:10" s="410" customFormat="1" x14ac:dyDescent="0.2">
      <c r="F1394" s="353"/>
      <c r="G1394" s="353"/>
      <c r="H1394" s="353"/>
      <c r="I1394" s="353"/>
      <c r="J1394" s="353"/>
    </row>
    <row r="1395" spans="6:10" s="410" customFormat="1" x14ac:dyDescent="0.2">
      <c r="F1395" s="353"/>
      <c r="G1395" s="353"/>
      <c r="H1395" s="353"/>
      <c r="I1395" s="353"/>
      <c r="J1395" s="353"/>
    </row>
    <row r="1396" spans="6:10" s="410" customFormat="1" x14ac:dyDescent="0.2">
      <c r="F1396" s="353"/>
      <c r="G1396" s="353"/>
      <c r="H1396" s="353"/>
      <c r="I1396" s="353"/>
      <c r="J1396" s="353"/>
    </row>
    <row r="1397" spans="6:10" s="410" customFormat="1" x14ac:dyDescent="0.2">
      <c r="F1397" s="353"/>
      <c r="G1397" s="353"/>
      <c r="H1397" s="353"/>
      <c r="I1397" s="353"/>
      <c r="J1397" s="353"/>
    </row>
    <row r="1398" spans="6:10" s="410" customFormat="1" x14ac:dyDescent="0.2">
      <c r="F1398" s="353"/>
      <c r="G1398" s="353"/>
      <c r="H1398" s="353"/>
      <c r="I1398" s="353"/>
      <c r="J1398" s="353"/>
    </row>
    <row r="1399" spans="6:10" s="410" customFormat="1" x14ac:dyDescent="0.2">
      <c r="F1399" s="353"/>
      <c r="G1399" s="353"/>
      <c r="H1399" s="353"/>
      <c r="I1399" s="353"/>
      <c r="J1399" s="353"/>
    </row>
    <row r="1400" spans="6:10" s="410" customFormat="1" x14ac:dyDescent="0.2">
      <c r="F1400" s="353"/>
      <c r="G1400" s="353"/>
      <c r="H1400" s="353"/>
      <c r="I1400" s="353"/>
      <c r="J1400" s="353"/>
    </row>
    <row r="1401" spans="6:10" s="410" customFormat="1" x14ac:dyDescent="0.2">
      <c r="F1401" s="353"/>
      <c r="G1401" s="353"/>
      <c r="H1401" s="353"/>
      <c r="I1401" s="353"/>
      <c r="J1401" s="353"/>
    </row>
    <row r="1402" spans="6:10" s="410" customFormat="1" x14ac:dyDescent="0.2">
      <c r="F1402" s="353"/>
      <c r="G1402" s="353"/>
      <c r="H1402" s="353"/>
      <c r="I1402" s="353"/>
      <c r="J1402" s="353"/>
    </row>
    <row r="1403" spans="6:10" s="410" customFormat="1" x14ac:dyDescent="0.2">
      <c r="F1403" s="353"/>
      <c r="G1403" s="353"/>
      <c r="H1403" s="353"/>
      <c r="I1403" s="353"/>
      <c r="J1403" s="353"/>
    </row>
    <row r="1404" spans="6:10" s="410" customFormat="1" x14ac:dyDescent="0.2">
      <c r="F1404" s="353"/>
      <c r="G1404" s="353"/>
      <c r="H1404" s="353"/>
      <c r="I1404" s="353"/>
      <c r="J1404" s="353"/>
    </row>
    <row r="1405" spans="6:10" s="410" customFormat="1" x14ac:dyDescent="0.2">
      <c r="F1405" s="353"/>
      <c r="G1405" s="353"/>
      <c r="H1405" s="353"/>
      <c r="I1405" s="353"/>
      <c r="J1405" s="353"/>
    </row>
    <row r="1406" spans="6:10" s="410" customFormat="1" x14ac:dyDescent="0.2">
      <c r="F1406" s="353"/>
      <c r="G1406" s="353"/>
      <c r="H1406" s="353"/>
      <c r="I1406" s="353"/>
      <c r="J1406" s="353"/>
    </row>
    <row r="1407" spans="6:10" s="410" customFormat="1" x14ac:dyDescent="0.2">
      <c r="F1407" s="353"/>
      <c r="G1407" s="353"/>
      <c r="H1407" s="353"/>
      <c r="I1407" s="353"/>
      <c r="J1407" s="353"/>
    </row>
    <row r="1408" spans="6:10" s="410" customFormat="1" x14ac:dyDescent="0.2">
      <c r="F1408" s="353"/>
      <c r="G1408" s="353"/>
      <c r="H1408" s="353"/>
      <c r="I1408" s="353"/>
      <c r="J1408" s="353"/>
    </row>
    <row r="1409" spans="6:10" s="410" customFormat="1" x14ac:dyDescent="0.2">
      <c r="F1409" s="353"/>
      <c r="G1409" s="353"/>
      <c r="H1409" s="353"/>
      <c r="I1409" s="353"/>
      <c r="J1409" s="353"/>
    </row>
    <row r="1410" spans="6:10" s="410" customFormat="1" x14ac:dyDescent="0.2">
      <c r="F1410" s="353"/>
      <c r="G1410" s="353"/>
      <c r="H1410" s="353"/>
      <c r="I1410" s="353"/>
      <c r="J1410" s="353"/>
    </row>
    <row r="1411" spans="6:10" s="410" customFormat="1" x14ac:dyDescent="0.2">
      <c r="F1411" s="353"/>
      <c r="G1411" s="353"/>
      <c r="H1411" s="353"/>
      <c r="I1411" s="353"/>
      <c r="J1411" s="353"/>
    </row>
    <row r="1412" spans="6:10" s="410" customFormat="1" x14ac:dyDescent="0.2">
      <c r="F1412" s="353"/>
      <c r="G1412" s="353"/>
      <c r="H1412" s="353"/>
      <c r="I1412" s="353"/>
      <c r="J1412" s="353"/>
    </row>
    <row r="1413" spans="6:10" s="410" customFormat="1" x14ac:dyDescent="0.2">
      <c r="F1413" s="353"/>
      <c r="G1413" s="353"/>
      <c r="H1413" s="353"/>
      <c r="I1413" s="353"/>
      <c r="J1413" s="353"/>
    </row>
    <row r="1414" spans="6:10" s="410" customFormat="1" x14ac:dyDescent="0.2">
      <c r="F1414" s="353"/>
      <c r="G1414" s="353"/>
      <c r="H1414" s="353"/>
      <c r="I1414" s="353"/>
      <c r="J1414" s="353"/>
    </row>
    <row r="1415" spans="6:10" s="410" customFormat="1" x14ac:dyDescent="0.2">
      <c r="F1415" s="353"/>
      <c r="G1415" s="353"/>
      <c r="H1415" s="353"/>
      <c r="I1415" s="353"/>
      <c r="J1415" s="353"/>
    </row>
    <row r="1416" spans="6:10" s="410" customFormat="1" x14ac:dyDescent="0.2">
      <c r="F1416" s="353"/>
      <c r="G1416" s="353"/>
      <c r="H1416" s="353"/>
      <c r="I1416" s="353"/>
      <c r="J1416" s="353"/>
    </row>
    <row r="1417" spans="6:10" s="410" customFormat="1" x14ac:dyDescent="0.2">
      <c r="F1417" s="353"/>
      <c r="G1417" s="353"/>
      <c r="H1417" s="353"/>
      <c r="I1417" s="353"/>
      <c r="J1417" s="353"/>
    </row>
    <row r="1418" spans="6:10" s="410" customFormat="1" x14ac:dyDescent="0.2">
      <c r="F1418" s="353"/>
      <c r="G1418" s="353"/>
      <c r="H1418" s="353"/>
      <c r="I1418" s="353"/>
      <c r="J1418" s="353"/>
    </row>
    <row r="1419" spans="6:10" s="410" customFormat="1" x14ac:dyDescent="0.2">
      <c r="F1419" s="353"/>
      <c r="G1419" s="353"/>
      <c r="H1419" s="353"/>
      <c r="I1419" s="353"/>
      <c r="J1419" s="353"/>
    </row>
    <row r="1420" spans="6:10" s="410" customFormat="1" x14ac:dyDescent="0.2">
      <c r="F1420" s="353"/>
      <c r="G1420" s="353"/>
      <c r="H1420" s="353"/>
      <c r="I1420" s="353"/>
      <c r="J1420" s="353"/>
    </row>
    <row r="1421" spans="6:10" s="410" customFormat="1" x14ac:dyDescent="0.2">
      <c r="F1421" s="353"/>
      <c r="G1421" s="353"/>
      <c r="H1421" s="353"/>
      <c r="I1421" s="353"/>
      <c r="J1421" s="353"/>
    </row>
    <row r="1422" spans="6:10" s="410" customFormat="1" x14ac:dyDescent="0.2">
      <c r="F1422" s="353"/>
      <c r="G1422" s="353"/>
      <c r="H1422" s="353"/>
      <c r="I1422" s="353"/>
      <c r="J1422" s="353"/>
    </row>
    <row r="1423" spans="6:10" s="410" customFormat="1" x14ac:dyDescent="0.2">
      <c r="F1423" s="353"/>
      <c r="G1423" s="353"/>
      <c r="H1423" s="353"/>
      <c r="I1423" s="353"/>
      <c r="J1423" s="353"/>
    </row>
    <row r="1424" spans="6:10" s="410" customFormat="1" x14ac:dyDescent="0.2">
      <c r="F1424" s="353"/>
      <c r="G1424" s="353"/>
      <c r="H1424" s="353"/>
      <c r="I1424" s="353"/>
      <c r="J1424" s="353"/>
    </row>
    <row r="1425" spans="6:10" s="410" customFormat="1" x14ac:dyDescent="0.2">
      <c r="F1425" s="353"/>
      <c r="G1425" s="353"/>
      <c r="H1425" s="353"/>
      <c r="I1425" s="353"/>
      <c r="J1425" s="353"/>
    </row>
    <row r="1426" spans="6:10" s="410" customFormat="1" x14ac:dyDescent="0.2">
      <c r="F1426" s="353"/>
      <c r="G1426" s="353"/>
      <c r="H1426" s="353"/>
      <c r="I1426" s="353"/>
      <c r="J1426" s="353"/>
    </row>
    <row r="1427" spans="6:10" s="410" customFormat="1" x14ac:dyDescent="0.2">
      <c r="F1427" s="353"/>
      <c r="G1427" s="353"/>
      <c r="H1427" s="353"/>
      <c r="I1427" s="353"/>
      <c r="J1427" s="353"/>
    </row>
    <row r="1428" spans="6:10" s="410" customFormat="1" x14ac:dyDescent="0.2">
      <c r="F1428" s="353"/>
      <c r="G1428" s="353"/>
      <c r="H1428" s="353"/>
      <c r="I1428" s="353"/>
      <c r="J1428" s="353"/>
    </row>
    <row r="1429" spans="6:10" s="410" customFormat="1" x14ac:dyDescent="0.2">
      <c r="F1429" s="353"/>
      <c r="G1429" s="353"/>
      <c r="H1429" s="353"/>
      <c r="I1429" s="353"/>
      <c r="J1429" s="353"/>
    </row>
    <row r="1430" spans="6:10" s="410" customFormat="1" x14ac:dyDescent="0.2">
      <c r="F1430" s="353"/>
      <c r="G1430" s="353"/>
      <c r="H1430" s="353"/>
      <c r="I1430" s="353"/>
      <c r="J1430" s="353"/>
    </row>
    <row r="1431" spans="6:10" s="410" customFormat="1" x14ac:dyDescent="0.2">
      <c r="F1431" s="353"/>
      <c r="G1431" s="353"/>
      <c r="H1431" s="353"/>
      <c r="I1431" s="353"/>
      <c r="J1431" s="353"/>
    </row>
    <row r="1432" spans="6:10" s="410" customFormat="1" x14ac:dyDescent="0.2">
      <c r="F1432" s="353"/>
      <c r="G1432" s="353"/>
      <c r="H1432" s="353"/>
      <c r="I1432" s="353"/>
      <c r="J1432" s="353"/>
    </row>
    <row r="1433" spans="6:10" s="410" customFormat="1" x14ac:dyDescent="0.2">
      <c r="F1433" s="353"/>
      <c r="G1433" s="353"/>
      <c r="H1433" s="353"/>
      <c r="I1433" s="353"/>
      <c r="J1433" s="353"/>
    </row>
    <row r="1434" spans="6:10" s="410" customFormat="1" x14ac:dyDescent="0.2">
      <c r="F1434" s="353"/>
      <c r="G1434" s="353"/>
      <c r="H1434" s="353"/>
      <c r="I1434" s="353"/>
      <c r="J1434" s="353"/>
    </row>
    <row r="1435" spans="6:10" s="410" customFormat="1" x14ac:dyDescent="0.2">
      <c r="F1435" s="353"/>
      <c r="G1435" s="353"/>
      <c r="H1435" s="353"/>
      <c r="I1435" s="353"/>
      <c r="J1435" s="353"/>
    </row>
    <row r="1436" spans="6:10" s="410" customFormat="1" x14ac:dyDescent="0.2">
      <c r="F1436" s="353"/>
      <c r="G1436" s="353"/>
      <c r="H1436" s="353"/>
      <c r="I1436" s="353"/>
      <c r="J1436" s="353"/>
    </row>
    <row r="1437" spans="6:10" s="410" customFormat="1" x14ac:dyDescent="0.2">
      <c r="F1437" s="353"/>
      <c r="G1437" s="353"/>
      <c r="H1437" s="353"/>
      <c r="I1437" s="353"/>
      <c r="J1437" s="353"/>
    </row>
    <row r="1438" spans="6:10" s="410" customFormat="1" x14ac:dyDescent="0.2">
      <c r="F1438" s="353"/>
      <c r="G1438" s="353"/>
      <c r="H1438" s="353"/>
      <c r="I1438" s="353"/>
      <c r="J1438" s="353"/>
    </row>
    <row r="1439" spans="6:10" s="410" customFormat="1" x14ac:dyDescent="0.2">
      <c r="F1439" s="353"/>
      <c r="G1439" s="353"/>
      <c r="H1439" s="353"/>
      <c r="I1439" s="353"/>
      <c r="J1439" s="353"/>
    </row>
    <row r="1440" spans="6:10" s="410" customFormat="1" x14ac:dyDescent="0.2">
      <c r="F1440" s="353"/>
      <c r="G1440" s="353"/>
      <c r="H1440" s="353"/>
      <c r="I1440" s="353"/>
      <c r="J1440" s="353"/>
    </row>
    <row r="1441" spans="6:10" s="410" customFormat="1" x14ac:dyDescent="0.2">
      <c r="F1441" s="353"/>
      <c r="G1441" s="353"/>
      <c r="H1441" s="353"/>
      <c r="I1441" s="353"/>
      <c r="J1441" s="353"/>
    </row>
    <row r="1442" spans="6:10" s="410" customFormat="1" x14ac:dyDescent="0.2">
      <c r="F1442" s="353"/>
      <c r="G1442" s="353"/>
      <c r="H1442" s="353"/>
      <c r="I1442" s="353"/>
      <c r="J1442" s="353"/>
    </row>
    <row r="1443" spans="6:10" s="410" customFormat="1" x14ac:dyDescent="0.2">
      <c r="F1443" s="353"/>
      <c r="G1443" s="353"/>
      <c r="H1443" s="353"/>
      <c r="I1443" s="353"/>
      <c r="J1443" s="353"/>
    </row>
    <row r="1444" spans="6:10" s="410" customFormat="1" x14ac:dyDescent="0.2">
      <c r="F1444" s="353"/>
      <c r="G1444" s="353"/>
      <c r="H1444" s="353"/>
      <c r="I1444" s="353"/>
      <c r="J1444" s="353"/>
    </row>
    <row r="1445" spans="6:10" s="410" customFormat="1" x14ac:dyDescent="0.2">
      <c r="F1445" s="353"/>
      <c r="G1445" s="353"/>
      <c r="H1445" s="353"/>
      <c r="I1445" s="353"/>
      <c r="J1445" s="353"/>
    </row>
    <row r="1446" spans="6:10" s="410" customFormat="1" x14ac:dyDescent="0.2">
      <c r="F1446" s="353"/>
      <c r="G1446" s="353"/>
      <c r="H1446" s="353"/>
      <c r="I1446" s="353"/>
      <c r="J1446" s="353"/>
    </row>
    <row r="1447" spans="6:10" s="410" customFormat="1" x14ac:dyDescent="0.2">
      <c r="F1447" s="353"/>
      <c r="G1447" s="353"/>
      <c r="H1447" s="353"/>
      <c r="I1447" s="353"/>
      <c r="J1447" s="353"/>
    </row>
    <row r="1448" spans="6:10" s="410" customFormat="1" x14ac:dyDescent="0.2">
      <c r="F1448" s="353"/>
      <c r="G1448" s="353"/>
      <c r="H1448" s="353"/>
      <c r="I1448" s="353"/>
      <c r="J1448" s="353"/>
    </row>
    <row r="1449" spans="6:10" s="410" customFormat="1" x14ac:dyDescent="0.2">
      <c r="F1449" s="353"/>
      <c r="G1449" s="353"/>
      <c r="H1449" s="353"/>
      <c r="I1449" s="353"/>
      <c r="J1449" s="353"/>
    </row>
    <row r="1450" spans="6:10" s="410" customFormat="1" x14ac:dyDescent="0.2">
      <c r="F1450" s="353"/>
      <c r="G1450" s="353"/>
      <c r="H1450" s="353"/>
      <c r="I1450" s="353"/>
      <c r="J1450" s="353"/>
    </row>
    <row r="1451" spans="6:10" s="410" customFormat="1" x14ac:dyDescent="0.2">
      <c r="F1451" s="353"/>
      <c r="G1451" s="353"/>
      <c r="H1451" s="353"/>
      <c r="I1451" s="353"/>
      <c r="J1451" s="353"/>
    </row>
    <row r="1452" spans="6:10" s="410" customFormat="1" x14ac:dyDescent="0.2">
      <c r="F1452" s="353"/>
      <c r="G1452" s="353"/>
      <c r="H1452" s="353"/>
      <c r="I1452" s="353"/>
      <c r="J1452" s="353"/>
    </row>
    <row r="1453" spans="6:10" s="410" customFormat="1" x14ac:dyDescent="0.2">
      <c r="F1453" s="353"/>
      <c r="G1453" s="353"/>
      <c r="H1453" s="353"/>
      <c r="I1453" s="353"/>
      <c r="J1453" s="353"/>
    </row>
    <row r="1454" spans="6:10" s="410" customFormat="1" x14ac:dyDescent="0.2">
      <c r="F1454" s="353"/>
      <c r="G1454" s="353"/>
      <c r="H1454" s="353"/>
      <c r="I1454" s="353"/>
      <c r="J1454" s="353"/>
    </row>
    <row r="1455" spans="6:10" s="410" customFormat="1" x14ac:dyDescent="0.2">
      <c r="F1455" s="353"/>
      <c r="G1455" s="353"/>
      <c r="H1455" s="353"/>
      <c r="I1455" s="353"/>
      <c r="J1455" s="353"/>
    </row>
    <row r="1456" spans="6:10" s="410" customFormat="1" x14ac:dyDescent="0.2">
      <c r="F1456" s="353"/>
      <c r="G1456" s="353"/>
      <c r="H1456" s="353"/>
      <c r="I1456" s="353"/>
      <c r="J1456" s="353"/>
    </row>
    <row r="1457" spans="6:10" s="410" customFormat="1" x14ac:dyDescent="0.2">
      <c r="F1457" s="353"/>
      <c r="G1457" s="353"/>
      <c r="H1457" s="353"/>
      <c r="I1457" s="353"/>
      <c r="J1457" s="353"/>
    </row>
    <row r="1458" spans="6:10" s="410" customFormat="1" x14ac:dyDescent="0.2">
      <c r="F1458" s="353"/>
      <c r="G1458" s="353"/>
      <c r="H1458" s="353"/>
      <c r="I1458" s="353"/>
      <c r="J1458" s="353"/>
    </row>
    <row r="1459" spans="6:10" s="410" customFormat="1" x14ac:dyDescent="0.2">
      <c r="F1459" s="353"/>
      <c r="G1459" s="353"/>
      <c r="H1459" s="353"/>
      <c r="I1459" s="353"/>
      <c r="J1459" s="353"/>
    </row>
    <row r="1460" spans="6:10" s="410" customFormat="1" x14ac:dyDescent="0.2">
      <c r="F1460" s="353"/>
      <c r="G1460" s="353"/>
      <c r="H1460" s="353"/>
      <c r="I1460" s="353"/>
      <c r="J1460" s="353"/>
    </row>
    <row r="1461" spans="6:10" s="410" customFormat="1" x14ac:dyDescent="0.2">
      <c r="F1461" s="353"/>
      <c r="G1461" s="353"/>
      <c r="H1461" s="353"/>
      <c r="I1461" s="353"/>
      <c r="J1461" s="353"/>
    </row>
    <row r="1462" spans="6:10" s="410" customFormat="1" x14ac:dyDescent="0.2">
      <c r="F1462" s="353"/>
      <c r="G1462" s="353"/>
      <c r="H1462" s="353"/>
      <c r="I1462" s="353"/>
      <c r="J1462" s="353"/>
    </row>
    <row r="1463" spans="6:10" s="410" customFormat="1" x14ac:dyDescent="0.2">
      <c r="F1463" s="353"/>
      <c r="G1463" s="353"/>
      <c r="H1463" s="353"/>
      <c r="I1463" s="353"/>
      <c r="J1463" s="353"/>
    </row>
    <row r="1464" spans="6:10" s="410" customFormat="1" x14ac:dyDescent="0.2">
      <c r="F1464" s="353"/>
      <c r="G1464" s="353"/>
      <c r="H1464" s="353"/>
      <c r="I1464" s="353"/>
      <c r="J1464" s="353"/>
    </row>
    <row r="1465" spans="6:10" s="410" customFormat="1" x14ac:dyDescent="0.2">
      <c r="F1465" s="353"/>
      <c r="G1465" s="353"/>
      <c r="H1465" s="353"/>
      <c r="I1465" s="353"/>
      <c r="J1465" s="353"/>
    </row>
    <row r="1466" spans="6:10" s="410" customFormat="1" x14ac:dyDescent="0.2">
      <c r="F1466" s="353"/>
      <c r="G1466" s="353"/>
      <c r="H1466" s="353"/>
      <c r="I1466" s="353"/>
      <c r="J1466" s="353"/>
    </row>
    <row r="1467" spans="6:10" s="410" customFormat="1" x14ac:dyDescent="0.2">
      <c r="F1467" s="353"/>
      <c r="G1467" s="353"/>
      <c r="H1467" s="353"/>
      <c r="I1467" s="353"/>
      <c r="J1467" s="353"/>
    </row>
    <row r="1468" spans="6:10" s="410" customFormat="1" x14ac:dyDescent="0.2">
      <c r="F1468" s="353"/>
      <c r="G1468" s="353"/>
      <c r="H1468" s="353"/>
      <c r="I1468" s="353"/>
      <c r="J1468" s="353"/>
    </row>
    <row r="1469" spans="6:10" s="410" customFormat="1" x14ac:dyDescent="0.2">
      <c r="F1469" s="353"/>
      <c r="G1469" s="353"/>
      <c r="H1469" s="353"/>
      <c r="I1469" s="353"/>
      <c r="J1469" s="353"/>
    </row>
    <row r="1470" spans="6:10" s="410" customFormat="1" x14ac:dyDescent="0.2">
      <c r="F1470" s="353"/>
      <c r="G1470" s="353"/>
      <c r="H1470" s="353"/>
      <c r="I1470" s="353"/>
      <c r="J1470" s="353"/>
    </row>
    <row r="1471" spans="6:10" s="410" customFormat="1" x14ac:dyDescent="0.2">
      <c r="F1471" s="353"/>
      <c r="G1471" s="353"/>
      <c r="H1471" s="353"/>
      <c r="I1471" s="353"/>
      <c r="J1471" s="353"/>
    </row>
    <row r="1472" spans="6:10" s="410" customFormat="1" x14ac:dyDescent="0.2">
      <c r="F1472" s="353"/>
      <c r="G1472" s="353"/>
      <c r="H1472" s="353"/>
      <c r="I1472" s="353"/>
      <c r="J1472" s="353"/>
    </row>
    <row r="1473" spans="6:10" s="410" customFormat="1" x14ac:dyDescent="0.2">
      <c r="F1473" s="353"/>
      <c r="G1473" s="353"/>
      <c r="H1473" s="353"/>
      <c r="I1473" s="353"/>
      <c r="J1473" s="353"/>
    </row>
    <row r="1474" spans="6:10" s="410" customFormat="1" x14ac:dyDescent="0.2">
      <c r="F1474" s="353"/>
      <c r="G1474" s="353"/>
      <c r="H1474" s="353"/>
      <c r="I1474" s="353"/>
      <c r="J1474" s="353"/>
    </row>
    <row r="1475" spans="6:10" s="410" customFormat="1" x14ac:dyDescent="0.2">
      <c r="F1475" s="353"/>
      <c r="G1475" s="353"/>
      <c r="H1475" s="353"/>
      <c r="I1475" s="353"/>
      <c r="J1475" s="353"/>
    </row>
    <row r="1476" spans="6:10" s="410" customFormat="1" x14ac:dyDescent="0.2">
      <c r="F1476" s="353"/>
      <c r="G1476" s="353"/>
      <c r="H1476" s="353"/>
      <c r="I1476" s="353"/>
      <c r="J1476" s="353"/>
    </row>
    <row r="1477" spans="6:10" s="410" customFormat="1" x14ac:dyDescent="0.2">
      <c r="F1477" s="353"/>
      <c r="G1477" s="353"/>
      <c r="H1477" s="353"/>
      <c r="I1477" s="353"/>
      <c r="J1477" s="353"/>
    </row>
    <row r="1478" spans="6:10" s="410" customFormat="1" x14ac:dyDescent="0.2">
      <c r="F1478" s="353"/>
      <c r="G1478" s="353"/>
      <c r="H1478" s="353"/>
      <c r="I1478" s="353"/>
      <c r="J1478" s="353"/>
    </row>
    <row r="1479" spans="6:10" s="410" customFormat="1" x14ac:dyDescent="0.2">
      <c r="F1479" s="353"/>
      <c r="G1479" s="353"/>
      <c r="H1479" s="353"/>
      <c r="I1479" s="353"/>
      <c r="J1479" s="353"/>
    </row>
    <row r="1480" spans="6:10" s="410" customFormat="1" x14ac:dyDescent="0.2">
      <c r="F1480" s="353"/>
      <c r="G1480" s="353"/>
      <c r="H1480" s="353"/>
      <c r="I1480" s="353"/>
      <c r="J1480" s="353"/>
    </row>
    <row r="1481" spans="6:10" s="410" customFormat="1" x14ac:dyDescent="0.2">
      <c r="F1481" s="353"/>
      <c r="G1481" s="353"/>
      <c r="H1481" s="353"/>
      <c r="I1481" s="353"/>
      <c r="J1481" s="353"/>
    </row>
    <row r="1482" spans="6:10" s="410" customFormat="1" x14ac:dyDescent="0.2">
      <c r="F1482" s="353"/>
      <c r="G1482" s="353"/>
      <c r="H1482" s="353"/>
      <c r="I1482" s="353"/>
      <c r="J1482" s="353"/>
    </row>
    <row r="1483" spans="6:10" s="410" customFormat="1" x14ac:dyDescent="0.2">
      <c r="F1483" s="353"/>
      <c r="G1483" s="353"/>
      <c r="H1483" s="353"/>
      <c r="I1483" s="353"/>
      <c r="J1483" s="353"/>
    </row>
    <row r="1484" spans="6:10" s="410" customFormat="1" x14ac:dyDescent="0.2">
      <c r="F1484" s="353"/>
      <c r="G1484" s="353"/>
      <c r="H1484" s="353"/>
      <c r="I1484" s="353"/>
      <c r="J1484" s="353"/>
    </row>
    <row r="1485" spans="6:10" s="410" customFormat="1" x14ac:dyDescent="0.2">
      <c r="F1485" s="353"/>
      <c r="G1485" s="353"/>
      <c r="H1485" s="353"/>
      <c r="I1485" s="353"/>
      <c r="J1485" s="353"/>
    </row>
    <row r="1486" spans="6:10" s="410" customFormat="1" x14ac:dyDescent="0.2">
      <c r="F1486" s="353"/>
      <c r="G1486" s="353"/>
      <c r="H1486" s="353"/>
      <c r="I1486" s="353"/>
      <c r="J1486" s="353"/>
    </row>
    <row r="1487" spans="6:10" s="410" customFormat="1" x14ac:dyDescent="0.2">
      <c r="F1487" s="353"/>
      <c r="G1487" s="353"/>
      <c r="H1487" s="353"/>
      <c r="I1487" s="353"/>
      <c r="J1487" s="353"/>
    </row>
    <row r="1488" spans="6:10" s="410" customFormat="1" x14ac:dyDescent="0.2">
      <c r="F1488" s="353"/>
      <c r="G1488" s="353"/>
      <c r="H1488" s="353"/>
      <c r="I1488" s="353"/>
      <c r="J1488" s="353"/>
    </row>
    <row r="1489" spans="6:10" s="410" customFormat="1" x14ac:dyDescent="0.2">
      <c r="F1489" s="353"/>
      <c r="G1489" s="353"/>
      <c r="H1489" s="353"/>
      <c r="I1489" s="353"/>
      <c r="J1489" s="353"/>
    </row>
    <row r="1490" spans="6:10" s="410" customFormat="1" x14ac:dyDescent="0.2">
      <c r="F1490" s="353"/>
      <c r="G1490" s="353"/>
      <c r="H1490" s="353"/>
      <c r="I1490" s="353"/>
      <c r="J1490" s="353"/>
    </row>
    <row r="1491" spans="6:10" s="410" customFormat="1" x14ac:dyDescent="0.2">
      <c r="F1491" s="353"/>
      <c r="G1491" s="353"/>
      <c r="H1491" s="353"/>
      <c r="I1491" s="353"/>
      <c r="J1491" s="353"/>
    </row>
    <row r="1492" spans="6:10" s="410" customFormat="1" x14ac:dyDescent="0.2">
      <c r="F1492" s="353"/>
      <c r="G1492" s="353"/>
      <c r="H1492" s="353"/>
      <c r="I1492" s="353"/>
      <c r="J1492" s="353"/>
    </row>
    <row r="1493" spans="6:10" s="410" customFormat="1" x14ac:dyDescent="0.2">
      <c r="F1493" s="353"/>
      <c r="G1493" s="353"/>
      <c r="H1493" s="353"/>
      <c r="I1493" s="353"/>
      <c r="J1493" s="353"/>
    </row>
    <row r="1494" spans="6:10" s="410" customFormat="1" x14ac:dyDescent="0.2">
      <c r="F1494" s="353"/>
      <c r="G1494" s="353"/>
      <c r="H1494" s="353"/>
      <c r="I1494" s="353"/>
      <c r="J1494" s="353"/>
    </row>
    <row r="1495" spans="6:10" s="410" customFormat="1" x14ac:dyDescent="0.2">
      <c r="F1495" s="353"/>
      <c r="G1495" s="353"/>
      <c r="H1495" s="353"/>
      <c r="I1495" s="353"/>
      <c r="J1495" s="353"/>
    </row>
    <row r="1496" spans="6:10" s="410" customFormat="1" x14ac:dyDescent="0.2">
      <c r="F1496" s="353"/>
      <c r="G1496" s="353"/>
      <c r="H1496" s="353"/>
      <c r="I1496" s="353"/>
      <c r="J1496" s="353"/>
    </row>
    <row r="1497" spans="6:10" s="410" customFormat="1" x14ac:dyDescent="0.2">
      <c r="F1497" s="353"/>
      <c r="G1497" s="353"/>
      <c r="H1497" s="353"/>
      <c r="I1497" s="353"/>
      <c r="J1497" s="353"/>
    </row>
    <row r="1498" spans="6:10" s="410" customFormat="1" x14ac:dyDescent="0.2">
      <c r="F1498" s="353"/>
      <c r="G1498" s="353"/>
      <c r="H1498" s="353"/>
      <c r="I1498" s="353"/>
      <c r="J1498" s="353"/>
    </row>
    <row r="1499" spans="6:10" s="410" customFormat="1" x14ac:dyDescent="0.2">
      <c r="F1499" s="353"/>
      <c r="G1499" s="353"/>
      <c r="H1499" s="353"/>
      <c r="I1499" s="353"/>
      <c r="J1499" s="353"/>
    </row>
    <row r="1500" spans="6:10" s="410" customFormat="1" x14ac:dyDescent="0.2">
      <c r="F1500" s="353"/>
      <c r="G1500" s="353"/>
      <c r="H1500" s="353"/>
      <c r="I1500" s="353"/>
      <c r="J1500" s="353"/>
    </row>
    <row r="1501" spans="6:10" s="410" customFormat="1" x14ac:dyDescent="0.2">
      <c r="F1501" s="353"/>
      <c r="G1501" s="353"/>
      <c r="H1501" s="353"/>
      <c r="I1501" s="353"/>
      <c r="J1501" s="353"/>
    </row>
    <row r="1502" spans="6:10" s="410" customFormat="1" x14ac:dyDescent="0.2">
      <c r="F1502" s="353"/>
      <c r="G1502" s="353"/>
      <c r="H1502" s="353"/>
      <c r="I1502" s="353"/>
      <c r="J1502" s="353"/>
    </row>
    <row r="1503" spans="6:10" s="410" customFormat="1" x14ac:dyDescent="0.2">
      <c r="F1503" s="353"/>
      <c r="G1503" s="353"/>
      <c r="H1503" s="353"/>
      <c r="I1503" s="353"/>
      <c r="J1503" s="353"/>
    </row>
    <row r="1504" spans="6:10" s="410" customFormat="1" x14ac:dyDescent="0.2">
      <c r="F1504" s="353"/>
      <c r="G1504" s="353"/>
      <c r="H1504" s="353"/>
      <c r="I1504" s="353"/>
      <c r="J1504" s="353"/>
    </row>
    <row r="1505" spans="6:10" s="410" customFormat="1" x14ac:dyDescent="0.2">
      <c r="F1505" s="353"/>
      <c r="G1505" s="353"/>
      <c r="H1505" s="353"/>
      <c r="I1505" s="353"/>
      <c r="J1505" s="353"/>
    </row>
    <row r="1506" spans="6:10" s="410" customFormat="1" x14ac:dyDescent="0.2">
      <c r="F1506" s="353"/>
      <c r="G1506" s="353"/>
      <c r="H1506" s="353"/>
      <c r="I1506" s="353"/>
      <c r="J1506" s="353"/>
    </row>
    <row r="1507" spans="6:10" s="410" customFormat="1" x14ac:dyDescent="0.2">
      <c r="F1507" s="353"/>
      <c r="G1507" s="353"/>
      <c r="H1507" s="353"/>
      <c r="I1507" s="353"/>
      <c r="J1507" s="353"/>
    </row>
    <row r="1508" spans="6:10" s="410" customFormat="1" x14ac:dyDescent="0.2">
      <c r="F1508" s="353"/>
      <c r="G1508" s="353"/>
      <c r="H1508" s="353"/>
      <c r="I1508" s="353"/>
      <c r="J1508" s="353"/>
    </row>
    <row r="1509" spans="6:10" s="410" customFormat="1" x14ac:dyDescent="0.2">
      <c r="F1509" s="353"/>
      <c r="G1509" s="353"/>
      <c r="H1509" s="353"/>
      <c r="I1509" s="353"/>
      <c r="J1509" s="353"/>
    </row>
    <row r="1510" spans="6:10" s="410" customFormat="1" x14ac:dyDescent="0.2">
      <c r="F1510" s="353"/>
      <c r="G1510" s="353"/>
      <c r="H1510" s="353"/>
      <c r="I1510" s="353"/>
      <c r="J1510" s="353"/>
    </row>
    <row r="1511" spans="6:10" s="410" customFormat="1" x14ac:dyDescent="0.2">
      <c r="F1511" s="353"/>
      <c r="G1511" s="353"/>
      <c r="H1511" s="353"/>
      <c r="I1511" s="353"/>
      <c r="J1511" s="353"/>
    </row>
    <row r="1512" spans="6:10" s="410" customFormat="1" x14ac:dyDescent="0.2">
      <c r="F1512" s="353"/>
      <c r="G1512" s="353"/>
      <c r="H1512" s="353"/>
      <c r="I1512" s="353"/>
      <c r="J1512" s="353"/>
    </row>
    <row r="1513" spans="6:10" s="410" customFormat="1" x14ac:dyDescent="0.2">
      <c r="F1513" s="353"/>
      <c r="G1513" s="353"/>
      <c r="H1513" s="353"/>
      <c r="I1513" s="353"/>
      <c r="J1513" s="353"/>
    </row>
    <row r="1514" spans="6:10" s="410" customFormat="1" x14ac:dyDescent="0.2">
      <c r="F1514" s="353"/>
      <c r="G1514" s="353"/>
      <c r="H1514" s="353"/>
      <c r="I1514" s="353"/>
      <c r="J1514" s="353"/>
    </row>
    <row r="1515" spans="6:10" s="410" customFormat="1" x14ac:dyDescent="0.2">
      <c r="F1515" s="353"/>
      <c r="G1515" s="353"/>
      <c r="H1515" s="353"/>
      <c r="I1515" s="353"/>
      <c r="J1515" s="353"/>
    </row>
    <row r="1516" spans="6:10" s="410" customFormat="1" x14ac:dyDescent="0.2">
      <c r="F1516" s="353"/>
      <c r="G1516" s="353"/>
      <c r="H1516" s="353"/>
      <c r="I1516" s="353"/>
      <c r="J1516" s="353"/>
    </row>
    <row r="1517" spans="6:10" s="410" customFormat="1" x14ac:dyDescent="0.2">
      <c r="F1517" s="353"/>
      <c r="G1517" s="353"/>
      <c r="H1517" s="353"/>
      <c r="I1517" s="353"/>
      <c r="J1517" s="353"/>
    </row>
    <row r="1518" spans="6:10" s="410" customFormat="1" x14ac:dyDescent="0.2">
      <c r="F1518" s="353"/>
      <c r="G1518" s="353"/>
      <c r="H1518" s="353"/>
      <c r="I1518" s="353"/>
      <c r="J1518" s="353"/>
    </row>
    <row r="1519" spans="6:10" s="410" customFormat="1" x14ac:dyDescent="0.2">
      <c r="F1519" s="353"/>
      <c r="G1519" s="353"/>
      <c r="H1519" s="353"/>
      <c r="I1519" s="353"/>
      <c r="J1519" s="353"/>
    </row>
    <row r="1520" spans="6:10" s="410" customFormat="1" x14ac:dyDescent="0.2">
      <c r="F1520" s="353"/>
      <c r="G1520" s="353"/>
      <c r="H1520" s="353"/>
      <c r="I1520" s="353"/>
      <c r="J1520" s="353"/>
    </row>
    <row r="1521" spans="6:10" s="410" customFormat="1" x14ac:dyDescent="0.2">
      <c r="F1521" s="353"/>
      <c r="G1521" s="353"/>
      <c r="H1521" s="353"/>
      <c r="I1521" s="353"/>
      <c r="J1521" s="353"/>
    </row>
    <row r="1522" spans="6:10" s="410" customFormat="1" x14ac:dyDescent="0.2">
      <c r="F1522" s="353"/>
      <c r="G1522" s="353"/>
      <c r="H1522" s="353"/>
      <c r="I1522" s="353"/>
      <c r="J1522" s="353"/>
    </row>
    <row r="1523" spans="6:10" s="410" customFormat="1" x14ac:dyDescent="0.2">
      <c r="F1523" s="353"/>
      <c r="G1523" s="353"/>
      <c r="H1523" s="353"/>
      <c r="I1523" s="353"/>
      <c r="J1523" s="353"/>
    </row>
    <row r="1524" spans="6:10" s="410" customFormat="1" x14ac:dyDescent="0.2">
      <c r="F1524" s="353"/>
      <c r="G1524" s="353"/>
      <c r="H1524" s="353"/>
      <c r="I1524" s="353"/>
      <c r="J1524" s="353"/>
    </row>
    <row r="1525" spans="6:10" s="410" customFormat="1" x14ac:dyDescent="0.2">
      <c r="F1525" s="353"/>
      <c r="G1525" s="353"/>
      <c r="H1525" s="353"/>
      <c r="I1525" s="353"/>
      <c r="J1525" s="353"/>
    </row>
    <row r="1526" spans="6:10" s="410" customFormat="1" x14ac:dyDescent="0.2">
      <c r="F1526" s="353"/>
      <c r="G1526" s="353"/>
      <c r="H1526" s="353"/>
      <c r="I1526" s="353"/>
      <c r="J1526" s="353"/>
    </row>
    <row r="1527" spans="6:10" s="410" customFormat="1" x14ac:dyDescent="0.2">
      <c r="F1527" s="353"/>
      <c r="G1527" s="353"/>
      <c r="H1527" s="353"/>
      <c r="I1527" s="353"/>
      <c r="J1527" s="353"/>
    </row>
    <row r="1528" spans="6:10" s="410" customFormat="1" x14ac:dyDescent="0.2">
      <c r="F1528" s="353"/>
      <c r="G1528" s="353"/>
      <c r="H1528" s="353"/>
      <c r="I1528" s="353"/>
      <c r="J1528" s="353"/>
    </row>
    <row r="1529" spans="6:10" s="410" customFormat="1" x14ac:dyDescent="0.2">
      <c r="F1529" s="353"/>
      <c r="G1529" s="353"/>
      <c r="H1529" s="353"/>
      <c r="I1529" s="353"/>
      <c r="J1529" s="353"/>
    </row>
    <row r="1530" spans="6:10" s="410" customFormat="1" x14ac:dyDescent="0.2">
      <c r="F1530" s="353"/>
      <c r="G1530" s="353"/>
      <c r="H1530" s="353"/>
      <c r="I1530" s="353"/>
      <c r="J1530" s="353"/>
    </row>
    <row r="1531" spans="6:10" s="410" customFormat="1" x14ac:dyDescent="0.2">
      <c r="F1531" s="353"/>
      <c r="G1531" s="353"/>
      <c r="H1531" s="353"/>
      <c r="I1531" s="353"/>
      <c r="J1531" s="353"/>
    </row>
    <row r="1532" spans="6:10" s="410" customFormat="1" x14ac:dyDescent="0.2">
      <c r="F1532" s="353"/>
      <c r="G1532" s="353"/>
      <c r="H1532" s="353"/>
      <c r="I1532" s="353"/>
      <c r="J1532" s="353"/>
    </row>
    <row r="1533" spans="6:10" s="410" customFormat="1" x14ac:dyDescent="0.2">
      <c r="F1533" s="353"/>
      <c r="G1533" s="353"/>
      <c r="H1533" s="353"/>
      <c r="I1533" s="353"/>
      <c r="J1533" s="353"/>
    </row>
    <row r="1534" spans="6:10" s="410" customFormat="1" x14ac:dyDescent="0.2">
      <c r="F1534" s="353"/>
      <c r="G1534" s="353"/>
      <c r="H1534" s="353"/>
      <c r="I1534" s="353"/>
      <c r="J1534" s="353"/>
    </row>
    <row r="1535" spans="6:10" s="410" customFormat="1" x14ac:dyDescent="0.2">
      <c r="F1535" s="353"/>
      <c r="G1535" s="353"/>
      <c r="H1535" s="353"/>
      <c r="I1535" s="353"/>
      <c r="J1535" s="353"/>
    </row>
    <row r="1536" spans="6:10" s="410" customFormat="1" x14ac:dyDescent="0.2">
      <c r="F1536" s="353"/>
      <c r="G1536" s="353"/>
      <c r="H1536" s="353"/>
      <c r="I1536" s="353"/>
      <c r="J1536" s="353"/>
    </row>
    <row r="1537" spans="6:10" s="410" customFormat="1" x14ac:dyDescent="0.2">
      <c r="F1537" s="353"/>
      <c r="G1537" s="353"/>
      <c r="H1537" s="353"/>
      <c r="I1537" s="353"/>
      <c r="J1537" s="353"/>
    </row>
    <row r="1538" spans="6:10" s="410" customFormat="1" x14ac:dyDescent="0.2">
      <c r="F1538" s="353"/>
      <c r="G1538" s="353"/>
      <c r="H1538" s="353"/>
      <c r="I1538" s="353"/>
      <c r="J1538" s="353"/>
    </row>
    <row r="1539" spans="6:10" s="410" customFormat="1" x14ac:dyDescent="0.2">
      <c r="F1539" s="353"/>
      <c r="G1539" s="353"/>
      <c r="H1539" s="353"/>
      <c r="I1539" s="353"/>
      <c r="J1539" s="353"/>
    </row>
    <row r="1540" spans="6:10" s="410" customFormat="1" x14ac:dyDescent="0.2">
      <c r="F1540" s="353"/>
      <c r="G1540" s="353"/>
      <c r="H1540" s="353"/>
      <c r="I1540" s="353"/>
      <c r="J1540" s="353"/>
    </row>
    <row r="1541" spans="6:10" s="410" customFormat="1" x14ac:dyDescent="0.2">
      <c r="F1541" s="353"/>
      <c r="G1541" s="353"/>
      <c r="H1541" s="353"/>
      <c r="I1541" s="353"/>
      <c r="J1541" s="353"/>
    </row>
    <row r="1542" spans="6:10" s="410" customFormat="1" x14ac:dyDescent="0.2">
      <c r="F1542" s="353"/>
      <c r="G1542" s="353"/>
      <c r="H1542" s="353"/>
      <c r="I1542" s="353"/>
      <c r="J1542" s="353"/>
    </row>
    <row r="1543" spans="6:10" s="410" customFormat="1" x14ac:dyDescent="0.2">
      <c r="F1543" s="353"/>
      <c r="G1543" s="353"/>
      <c r="H1543" s="353"/>
      <c r="I1543" s="353"/>
      <c r="J1543" s="353"/>
    </row>
    <row r="1544" spans="6:10" s="410" customFormat="1" x14ac:dyDescent="0.2">
      <c r="F1544" s="353"/>
      <c r="G1544" s="353"/>
      <c r="H1544" s="353"/>
      <c r="I1544" s="353"/>
      <c r="J1544" s="353"/>
    </row>
    <row r="1545" spans="6:10" s="410" customFormat="1" x14ac:dyDescent="0.2">
      <c r="F1545" s="353"/>
      <c r="G1545" s="353"/>
      <c r="H1545" s="353"/>
      <c r="I1545" s="353"/>
      <c r="J1545" s="353"/>
    </row>
    <row r="1546" spans="6:10" s="410" customFormat="1" x14ac:dyDescent="0.2">
      <c r="F1546" s="353"/>
      <c r="G1546" s="353"/>
      <c r="H1546" s="353"/>
      <c r="I1546" s="353"/>
      <c r="J1546" s="353"/>
    </row>
    <row r="1547" spans="6:10" s="410" customFormat="1" x14ac:dyDescent="0.2">
      <c r="F1547" s="353"/>
      <c r="G1547" s="353"/>
      <c r="H1547" s="353"/>
      <c r="I1547" s="353"/>
      <c r="J1547" s="353"/>
    </row>
    <row r="1548" spans="6:10" s="410" customFormat="1" x14ac:dyDescent="0.2">
      <c r="F1548" s="353"/>
      <c r="G1548" s="353"/>
      <c r="H1548" s="353"/>
      <c r="I1548" s="353"/>
      <c r="J1548" s="353"/>
    </row>
    <row r="1549" spans="6:10" s="410" customFormat="1" x14ac:dyDescent="0.2">
      <c r="F1549" s="353"/>
      <c r="G1549" s="353"/>
      <c r="H1549" s="353"/>
      <c r="I1549" s="353"/>
      <c r="J1549" s="353"/>
    </row>
    <row r="1550" spans="6:10" s="410" customFormat="1" x14ac:dyDescent="0.2">
      <c r="F1550" s="353"/>
      <c r="G1550" s="353"/>
      <c r="H1550" s="353"/>
      <c r="I1550" s="353"/>
      <c r="J1550" s="353"/>
    </row>
    <row r="1551" spans="6:10" s="410" customFormat="1" x14ac:dyDescent="0.2">
      <c r="F1551" s="353"/>
      <c r="G1551" s="353"/>
      <c r="H1551" s="353"/>
      <c r="I1551" s="353"/>
      <c r="J1551" s="353"/>
    </row>
    <row r="1552" spans="6:10" s="410" customFormat="1" x14ac:dyDescent="0.2">
      <c r="F1552" s="353"/>
      <c r="G1552" s="353"/>
      <c r="H1552" s="353"/>
      <c r="I1552" s="353"/>
      <c r="J1552" s="353"/>
    </row>
    <row r="1553" spans="6:10" s="410" customFormat="1" x14ac:dyDescent="0.2">
      <c r="F1553" s="353"/>
      <c r="G1553" s="353"/>
      <c r="H1553" s="353"/>
      <c r="I1553" s="353"/>
      <c r="J1553" s="353"/>
    </row>
    <row r="1554" spans="6:10" s="410" customFormat="1" x14ac:dyDescent="0.2">
      <c r="F1554" s="353"/>
      <c r="G1554" s="353"/>
      <c r="H1554" s="353"/>
      <c r="I1554" s="353"/>
      <c r="J1554" s="353"/>
    </row>
    <row r="1555" spans="6:10" s="410" customFormat="1" x14ac:dyDescent="0.2">
      <c r="F1555" s="353"/>
      <c r="G1555" s="353"/>
      <c r="H1555" s="353"/>
      <c r="I1555" s="353"/>
      <c r="J1555" s="353"/>
    </row>
    <row r="1556" spans="6:10" s="410" customFormat="1" x14ac:dyDescent="0.2">
      <c r="F1556" s="353"/>
      <c r="G1556" s="353"/>
      <c r="H1556" s="353"/>
      <c r="I1556" s="353"/>
      <c r="J1556" s="353"/>
    </row>
    <row r="1557" spans="6:10" s="410" customFormat="1" x14ac:dyDescent="0.2">
      <c r="F1557" s="353"/>
      <c r="G1557" s="353"/>
      <c r="H1557" s="353"/>
      <c r="I1557" s="353"/>
      <c r="J1557" s="353"/>
    </row>
    <row r="1558" spans="6:10" s="410" customFormat="1" x14ac:dyDescent="0.2">
      <c r="F1558" s="353"/>
      <c r="G1558" s="353"/>
      <c r="H1558" s="353"/>
      <c r="I1558" s="353"/>
      <c r="J1558" s="353"/>
    </row>
    <row r="1559" spans="6:10" s="410" customFormat="1" x14ac:dyDescent="0.2">
      <c r="F1559" s="353"/>
      <c r="G1559" s="353"/>
      <c r="H1559" s="353"/>
      <c r="I1559" s="353"/>
      <c r="J1559" s="353"/>
    </row>
    <row r="1560" spans="6:10" s="410" customFormat="1" x14ac:dyDescent="0.2">
      <c r="F1560" s="353"/>
      <c r="G1560" s="353"/>
      <c r="H1560" s="353"/>
      <c r="I1560" s="353"/>
      <c r="J1560" s="353"/>
    </row>
    <row r="1561" spans="6:10" s="410" customFormat="1" x14ac:dyDescent="0.2">
      <c r="F1561" s="353"/>
      <c r="G1561" s="353"/>
      <c r="H1561" s="353"/>
      <c r="I1561" s="353"/>
      <c r="J1561" s="353"/>
    </row>
    <row r="1562" spans="6:10" s="410" customFormat="1" x14ac:dyDescent="0.2">
      <c r="F1562" s="353"/>
      <c r="G1562" s="353"/>
      <c r="H1562" s="353"/>
      <c r="I1562" s="353"/>
      <c r="J1562" s="353"/>
    </row>
    <row r="1563" spans="6:10" s="410" customFormat="1" x14ac:dyDescent="0.2">
      <c r="F1563" s="353"/>
      <c r="G1563" s="353"/>
      <c r="H1563" s="353"/>
      <c r="I1563" s="353"/>
      <c r="J1563" s="353"/>
    </row>
    <row r="1564" spans="6:10" s="410" customFormat="1" x14ac:dyDescent="0.2">
      <c r="F1564" s="353"/>
      <c r="G1564" s="353"/>
      <c r="H1564" s="353"/>
      <c r="I1564" s="353"/>
      <c r="J1564" s="353"/>
    </row>
    <row r="1565" spans="6:10" s="410" customFormat="1" x14ac:dyDescent="0.2">
      <c r="F1565" s="353"/>
      <c r="G1565" s="353"/>
      <c r="H1565" s="353"/>
      <c r="I1565" s="353"/>
      <c r="J1565" s="353"/>
    </row>
    <row r="1566" spans="6:10" s="410" customFormat="1" x14ac:dyDescent="0.2">
      <c r="F1566" s="353"/>
      <c r="G1566" s="353"/>
      <c r="H1566" s="353"/>
      <c r="I1566" s="353"/>
      <c r="J1566" s="353"/>
    </row>
    <row r="1567" spans="6:10" s="410" customFormat="1" x14ac:dyDescent="0.2">
      <c r="F1567" s="353"/>
      <c r="G1567" s="353"/>
      <c r="H1567" s="353"/>
      <c r="I1567" s="353"/>
      <c r="J1567" s="353"/>
    </row>
    <row r="1568" spans="6:10" s="410" customFormat="1" x14ac:dyDescent="0.2">
      <c r="F1568" s="353"/>
      <c r="G1568" s="353"/>
      <c r="H1568" s="353"/>
      <c r="I1568" s="353"/>
      <c r="J1568" s="353"/>
    </row>
    <row r="1569" spans="6:10" s="410" customFormat="1" x14ac:dyDescent="0.2">
      <c r="F1569" s="353"/>
      <c r="G1569" s="353"/>
      <c r="H1569" s="353"/>
      <c r="I1569" s="353"/>
      <c r="J1569" s="353"/>
    </row>
    <row r="1570" spans="6:10" s="410" customFormat="1" x14ac:dyDescent="0.2">
      <c r="F1570" s="353"/>
      <c r="G1570" s="353"/>
      <c r="H1570" s="353"/>
      <c r="I1570" s="353"/>
      <c r="J1570" s="353"/>
    </row>
    <row r="1571" spans="6:10" s="410" customFormat="1" x14ac:dyDescent="0.2">
      <c r="F1571" s="353"/>
      <c r="G1571" s="353"/>
      <c r="H1571" s="353"/>
      <c r="I1571" s="353"/>
      <c r="J1571" s="353"/>
    </row>
    <row r="1572" spans="6:10" s="410" customFormat="1" x14ac:dyDescent="0.2">
      <c r="F1572" s="353"/>
      <c r="G1572" s="353"/>
      <c r="H1572" s="353"/>
      <c r="I1572" s="353"/>
      <c r="J1572" s="353"/>
    </row>
    <row r="1573" spans="6:10" s="410" customFormat="1" x14ac:dyDescent="0.2">
      <c r="F1573" s="353"/>
      <c r="G1573" s="353"/>
      <c r="H1573" s="353"/>
      <c r="I1573" s="353"/>
      <c r="J1573" s="353"/>
    </row>
    <row r="1574" spans="6:10" s="410" customFormat="1" x14ac:dyDescent="0.2">
      <c r="F1574" s="353"/>
      <c r="G1574" s="353"/>
      <c r="H1574" s="353"/>
      <c r="I1574" s="353"/>
      <c r="J1574" s="353"/>
    </row>
    <row r="1575" spans="6:10" s="410" customFormat="1" x14ac:dyDescent="0.2">
      <c r="F1575" s="353"/>
      <c r="G1575" s="353"/>
      <c r="H1575" s="353"/>
      <c r="I1575" s="353"/>
      <c r="J1575" s="353"/>
    </row>
    <row r="1576" spans="6:10" s="410" customFormat="1" x14ac:dyDescent="0.2">
      <c r="F1576" s="353"/>
      <c r="G1576" s="353"/>
      <c r="H1576" s="353"/>
      <c r="I1576" s="353"/>
      <c r="J1576" s="353"/>
    </row>
    <row r="1577" spans="6:10" s="410" customFormat="1" x14ac:dyDescent="0.2">
      <c r="F1577" s="353"/>
      <c r="G1577" s="353"/>
      <c r="H1577" s="353"/>
      <c r="I1577" s="353"/>
      <c r="J1577" s="353"/>
    </row>
    <row r="1578" spans="6:10" s="410" customFormat="1" x14ac:dyDescent="0.2">
      <c r="F1578" s="353"/>
      <c r="G1578" s="353"/>
      <c r="H1578" s="353"/>
      <c r="I1578" s="353"/>
      <c r="J1578" s="353"/>
    </row>
    <row r="1579" spans="6:10" s="410" customFormat="1" x14ac:dyDescent="0.2">
      <c r="F1579" s="353"/>
      <c r="G1579" s="353"/>
      <c r="H1579" s="353"/>
      <c r="I1579" s="353"/>
      <c r="J1579" s="353"/>
    </row>
    <row r="1580" spans="6:10" s="410" customFormat="1" x14ac:dyDescent="0.2">
      <c r="F1580" s="353"/>
      <c r="G1580" s="353"/>
      <c r="H1580" s="353"/>
      <c r="I1580" s="353"/>
      <c r="J1580" s="353"/>
    </row>
    <row r="1581" spans="6:10" s="410" customFormat="1" x14ac:dyDescent="0.2">
      <c r="F1581" s="353"/>
      <c r="G1581" s="353"/>
      <c r="H1581" s="353"/>
      <c r="I1581" s="353"/>
      <c r="J1581" s="353"/>
    </row>
    <row r="1582" spans="6:10" s="410" customFormat="1" x14ac:dyDescent="0.2">
      <c r="F1582" s="353"/>
      <c r="G1582" s="353"/>
      <c r="H1582" s="353"/>
      <c r="I1582" s="353"/>
      <c r="J1582" s="353"/>
    </row>
    <row r="1583" spans="6:10" s="410" customFormat="1" x14ac:dyDescent="0.2">
      <c r="F1583" s="353"/>
      <c r="G1583" s="353"/>
      <c r="H1583" s="353"/>
      <c r="I1583" s="353"/>
      <c r="J1583" s="353"/>
    </row>
    <row r="1584" spans="6:10" s="410" customFormat="1" x14ac:dyDescent="0.2">
      <c r="F1584" s="353"/>
      <c r="G1584" s="353"/>
      <c r="H1584" s="353"/>
      <c r="I1584" s="353"/>
      <c r="J1584" s="353"/>
    </row>
    <row r="1585" spans="6:10" s="410" customFormat="1" x14ac:dyDescent="0.2">
      <c r="F1585" s="353"/>
      <c r="G1585" s="353"/>
      <c r="H1585" s="353"/>
      <c r="I1585" s="353"/>
      <c r="J1585" s="353"/>
    </row>
    <row r="1586" spans="6:10" s="410" customFormat="1" x14ac:dyDescent="0.2">
      <c r="F1586" s="353"/>
      <c r="G1586" s="353"/>
      <c r="H1586" s="353"/>
      <c r="I1586" s="353"/>
      <c r="J1586" s="353"/>
    </row>
    <row r="1587" spans="6:10" s="410" customFormat="1" x14ac:dyDescent="0.2">
      <c r="F1587" s="353"/>
      <c r="G1587" s="353"/>
      <c r="H1587" s="353"/>
      <c r="I1587" s="353"/>
      <c r="J1587" s="353"/>
    </row>
    <row r="1588" spans="6:10" s="410" customFormat="1" x14ac:dyDescent="0.2">
      <c r="F1588" s="353"/>
      <c r="G1588" s="353"/>
      <c r="H1588" s="353"/>
      <c r="I1588" s="353"/>
      <c r="J1588" s="353"/>
    </row>
    <row r="1589" spans="6:10" s="410" customFormat="1" x14ac:dyDescent="0.2">
      <c r="F1589" s="353"/>
      <c r="G1589" s="353"/>
      <c r="H1589" s="353"/>
      <c r="I1589" s="353"/>
      <c r="J1589" s="353"/>
    </row>
    <row r="1590" spans="6:10" s="410" customFormat="1" x14ac:dyDescent="0.2">
      <c r="F1590" s="353"/>
      <c r="G1590" s="353"/>
      <c r="H1590" s="353"/>
      <c r="I1590" s="353"/>
      <c r="J1590" s="353"/>
    </row>
    <row r="1591" spans="6:10" s="410" customFormat="1" x14ac:dyDescent="0.2">
      <c r="F1591" s="353"/>
      <c r="G1591" s="353"/>
      <c r="H1591" s="353"/>
      <c r="I1591" s="353"/>
      <c r="J1591" s="353"/>
    </row>
    <row r="1592" spans="6:10" s="410" customFormat="1" x14ac:dyDescent="0.2">
      <c r="F1592" s="353"/>
      <c r="G1592" s="353"/>
      <c r="H1592" s="353"/>
      <c r="I1592" s="353"/>
      <c r="J1592" s="353"/>
    </row>
    <row r="1593" spans="6:10" s="410" customFormat="1" x14ac:dyDescent="0.2">
      <c r="F1593" s="353"/>
      <c r="G1593" s="353"/>
      <c r="H1593" s="353"/>
      <c r="I1593" s="353"/>
      <c r="J1593" s="353"/>
    </row>
    <row r="1594" spans="6:10" s="410" customFormat="1" x14ac:dyDescent="0.2">
      <c r="F1594" s="353"/>
      <c r="G1594" s="353"/>
      <c r="H1594" s="353"/>
      <c r="I1594" s="353"/>
      <c r="J1594" s="353"/>
    </row>
    <row r="1595" spans="6:10" s="410" customFormat="1" x14ac:dyDescent="0.2">
      <c r="F1595" s="353"/>
      <c r="G1595" s="353"/>
      <c r="H1595" s="353"/>
      <c r="I1595" s="353"/>
      <c r="J1595" s="353"/>
    </row>
    <row r="1596" spans="6:10" s="410" customFormat="1" x14ac:dyDescent="0.2">
      <c r="F1596" s="353"/>
      <c r="G1596" s="353"/>
      <c r="H1596" s="353"/>
      <c r="I1596" s="353"/>
      <c r="J1596" s="353"/>
    </row>
    <row r="1597" spans="6:10" s="410" customFormat="1" x14ac:dyDescent="0.2">
      <c r="F1597" s="353"/>
      <c r="G1597" s="353"/>
      <c r="H1597" s="353"/>
      <c r="I1597" s="353"/>
      <c r="J1597" s="353"/>
    </row>
    <row r="1598" spans="6:10" s="410" customFormat="1" x14ac:dyDescent="0.2">
      <c r="F1598" s="353"/>
      <c r="G1598" s="353"/>
      <c r="H1598" s="353"/>
      <c r="I1598" s="353"/>
      <c r="J1598" s="353"/>
    </row>
    <row r="1599" spans="6:10" s="410" customFormat="1" x14ac:dyDescent="0.2">
      <c r="F1599" s="353"/>
      <c r="G1599" s="353"/>
      <c r="H1599" s="353"/>
      <c r="I1599" s="353"/>
      <c r="J1599" s="353"/>
    </row>
    <row r="1600" spans="6:10" s="410" customFormat="1" x14ac:dyDescent="0.2">
      <c r="F1600" s="353"/>
      <c r="G1600" s="353"/>
      <c r="H1600" s="353"/>
      <c r="I1600" s="353"/>
      <c r="J1600" s="353"/>
    </row>
    <row r="1601" spans="6:10" s="410" customFormat="1" x14ac:dyDescent="0.2">
      <c r="F1601" s="353"/>
      <c r="G1601" s="353"/>
      <c r="H1601" s="353"/>
      <c r="I1601" s="353"/>
      <c r="J1601" s="353"/>
    </row>
    <row r="1602" spans="6:10" s="410" customFormat="1" x14ac:dyDescent="0.2">
      <c r="F1602" s="353"/>
      <c r="G1602" s="353"/>
      <c r="H1602" s="353"/>
      <c r="I1602" s="353"/>
      <c r="J1602" s="353"/>
    </row>
    <row r="1603" spans="6:10" s="410" customFormat="1" x14ac:dyDescent="0.2">
      <c r="F1603" s="353"/>
      <c r="G1603" s="353"/>
      <c r="H1603" s="353"/>
      <c r="I1603" s="353"/>
      <c r="J1603" s="353"/>
    </row>
    <row r="1604" spans="6:10" s="410" customFormat="1" x14ac:dyDescent="0.2">
      <c r="F1604" s="353"/>
      <c r="G1604" s="353"/>
      <c r="H1604" s="353"/>
      <c r="I1604" s="353"/>
      <c r="J1604" s="353"/>
    </row>
    <row r="1605" spans="6:10" s="410" customFormat="1" x14ac:dyDescent="0.2">
      <c r="F1605" s="353"/>
      <c r="G1605" s="353"/>
      <c r="H1605" s="353"/>
      <c r="I1605" s="353"/>
      <c r="J1605" s="353"/>
    </row>
    <row r="1606" spans="6:10" s="410" customFormat="1" x14ac:dyDescent="0.2">
      <c r="F1606" s="353"/>
      <c r="G1606" s="353"/>
      <c r="H1606" s="353"/>
      <c r="I1606" s="353"/>
      <c r="J1606" s="353"/>
    </row>
    <row r="1607" spans="6:10" s="410" customFormat="1" x14ac:dyDescent="0.2">
      <c r="F1607" s="353"/>
      <c r="G1607" s="353"/>
      <c r="H1607" s="353"/>
      <c r="I1607" s="353"/>
      <c r="J1607" s="353"/>
    </row>
    <row r="1608" spans="6:10" s="410" customFormat="1" x14ac:dyDescent="0.2">
      <c r="F1608" s="353"/>
      <c r="G1608" s="353"/>
      <c r="H1608" s="353"/>
      <c r="I1608" s="353"/>
      <c r="J1608" s="353"/>
    </row>
    <row r="1609" spans="6:10" s="410" customFormat="1" x14ac:dyDescent="0.2">
      <c r="F1609" s="353"/>
      <c r="G1609" s="353"/>
      <c r="H1609" s="353"/>
      <c r="I1609" s="353"/>
      <c r="J1609" s="353"/>
    </row>
    <row r="1610" spans="6:10" s="410" customFormat="1" x14ac:dyDescent="0.2">
      <c r="F1610" s="353"/>
      <c r="G1610" s="353"/>
      <c r="H1610" s="353"/>
      <c r="I1610" s="353"/>
      <c r="J1610" s="353"/>
    </row>
    <row r="1611" spans="6:10" s="410" customFormat="1" x14ac:dyDescent="0.2">
      <c r="F1611" s="353"/>
      <c r="G1611" s="353"/>
      <c r="H1611" s="353"/>
      <c r="I1611" s="353"/>
      <c r="J1611" s="353"/>
    </row>
    <row r="1612" spans="6:10" s="410" customFormat="1" x14ac:dyDescent="0.2">
      <c r="F1612" s="353"/>
      <c r="G1612" s="353"/>
      <c r="H1612" s="353"/>
      <c r="I1612" s="353"/>
      <c r="J1612" s="353"/>
    </row>
    <row r="1613" spans="6:10" s="410" customFormat="1" x14ac:dyDescent="0.2">
      <c r="F1613" s="353"/>
      <c r="G1613" s="353"/>
      <c r="H1613" s="353"/>
      <c r="I1613" s="353"/>
      <c r="J1613" s="353"/>
    </row>
    <row r="1614" spans="6:10" s="410" customFormat="1" x14ac:dyDescent="0.2">
      <c r="F1614" s="353"/>
      <c r="G1614" s="353"/>
      <c r="H1614" s="353"/>
      <c r="I1614" s="353"/>
      <c r="J1614" s="353"/>
    </row>
    <row r="1615" spans="6:10" s="410" customFormat="1" x14ac:dyDescent="0.2">
      <c r="F1615" s="353"/>
      <c r="G1615" s="353"/>
      <c r="H1615" s="353"/>
      <c r="I1615" s="353"/>
      <c r="J1615" s="353"/>
    </row>
    <row r="1616" spans="6:10" s="410" customFormat="1" x14ac:dyDescent="0.2">
      <c r="F1616" s="353"/>
      <c r="G1616" s="353"/>
      <c r="H1616" s="353"/>
      <c r="I1616" s="353"/>
      <c r="J1616" s="353"/>
    </row>
    <row r="1617" spans="6:10" s="410" customFormat="1" x14ac:dyDescent="0.2">
      <c r="F1617" s="353"/>
      <c r="G1617" s="353"/>
      <c r="H1617" s="353"/>
      <c r="I1617" s="353"/>
      <c r="J1617" s="353"/>
    </row>
    <row r="1618" spans="6:10" s="410" customFormat="1" x14ac:dyDescent="0.2">
      <c r="F1618" s="353"/>
      <c r="G1618" s="353"/>
      <c r="H1618" s="353"/>
      <c r="I1618" s="353"/>
      <c r="J1618" s="353"/>
    </row>
    <row r="1619" spans="6:10" s="410" customFormat="1" x14ac:dyDescent="0.2">
      <c r="F1619" s="353"/>
      <c r="G1619" s="353"/>
      <c r="H1619" s="353"/>
      <c r="I1619" s="353"/>
      <c r="J1619" s="353"/>
    </row>
    <row r="1620" spans="6:10" s="410" customFormat="1" x14ac:dyDescent="0.2">
      <c r="F1620" s="353"/>
      <c r="G1620" s="353"/>
      <c r="H1620" s="353"/>
      <c r="I1620" s="353"/>
      <c r="J1620" s="353"/>
    </row>
    <row r="1621" spans="6:10" s="410" customFormat="1" x14ac:dyDescent="0.2">
      <c r="F1621" s="353"/>
      <c r="G1621" s="353"/>
      <c r="H1621" s="353"/>
      <c r="I1621" s="353"/>
      <c r="J1621" s="353"/>
    </row>
    <row r="1622" spans="6:10" s="410" customFormat="1" x14ac:dyDescent="0.2">
      <c r="F1622" s="353"/>
      <c r="G1622" s="353"/>
      <c r="H1622" s="353"/>
      <c r="I1622" s="353"/>
      <c r="J1622" s="353"/>
    </row>
    <row r="1623" spans="6:10" s="410" customFormat="1" x14ac:dyDescent="0.2">
      <c r="F1623" s="353"/>
      <c r="G1623" s="353"/>
      <c r="H1623" s="353"/>
      <c r="I1623" s="353"/>
      <c r="J1623" s="353"/>
    </row>
    <row r="1624" spans="6:10" s="410" customFormat="1" x14ac:dyDescent="0.2">
      <c r="F1624" s="353"/>
      <c r="G1624" s="353"/>
      <c r="H1624" s="353"/>
      <c r="I1624" s="353"/>
      <c r="J1624" s="353"/>
    </row>
    <row r="1625" spans="6:10" s="410" customFormat="1" x14ac:dyDescent="0.2">
      <c r="F1625" s="353"/>
      <c r="G1625" s="353"/>
      <c r="H1625" s="353"/>
      <c r="I1625" s="353"/>
      <c r="J1625" s="353"/>
    </row>
    <row r="1626" spans="6:10" s="410" customFormat="1" x14ac:dyDescent="0.2">
      <c r="F1626" s="353"/>
      <c r="G1626" s="353"/>
      <c r="H1626" s="353"/>
      <c r="I1626" s="353"/>
      <c r="J1626" s="353"/>
    </row>
    <row r="1627" spans="6:10" s="410" customFormat="1" x14ac:dyDescent="0.2">
      <c r="F1627" s="353"/>
      <c r="G1627" s="353"/>
      <c r="H1627" s="353"/>
      <c r="I1627" s="353"/>
      <c r="J1627" s="353"/>
    </row>
    <row r="1628" spans="6:10" s="410" customFormat="1" x14ac:dyDescent="0.2">
      <c r="F1628" s="353"/>
      <c r="G1628" s="353"/>
      <c r="H1628" s="353"/>
      <c r="I1628" s="353"/>
      <c r="J1628" s="353"/>
    </row>
    <row r="1629" spans="6:10" s="410" customFormat="1" x14ac:dyDescent="0.2">
      <c r="F1629" s="353"/>
      <c r="G1629" s="353"/>
      <c r="H1629" s="353"/>
      <c r="I1629" s="353"/>
      <c r="J1629" s="353"/>
    </row>
    <row r="1630" spans="6:10" s="410" customFormat="1" x14ac:dyDescent="0.2">
      <c r="F1630" s="353"/>
      <c r="G1630" s="353"/>
      <c r="H1630" s="353"/>
      <c r="I1630" s="353"/>
      <c r="J1630" s="353"/>
    </row>
    <row r="1631" spans="6:10" s="410" customFormat="1" x14ac:dyDescent="0.2">
      <c r="F1631" s="353"/>
      <c r="G1631" s="353"/>
      <c r="H1631" s="353"/>
      <c r="I1631" s="353"/>
      <c r="J1631" s="353"/>
    </row>
    <row r="1632" spans="6:10" s="410" customFormat="1" x14ac:dyDescent="0.2">
      <c r="F1632" s="353"/>
      <c r="G1632" s="353"/>
      <c r="H1632" s="353"/>
      <c r="I1632" s="353"/>
      <c r="J1632" s="353"/>
    </row>
    <row r="1633" spans="6:10" s="410" customFormat="1" x14ac:dyDescent="0.2">
      <c r="F1633" s="353"/>
      <c r="G1633" s="353"/>
      <c r="H1633" s="353"/>
      <c r="I1633" s="353"/>
      <c r="J1633" s="353"/>
    </row>
    <row r="1634" spans="6:10" s="410" customFormat="1" x14ac:dyDescent="0.2">
      <c r="F1634" s="353"/>
      <c r="G1634" s="353"/>
      <c r="H1634" s="353"/>
      <c r="I1634" s="353"/>
      <c r="J1634" s="353"/>
    </row>
    <row r="1635" spans="6:10" s="410" customFormat="1" x14ac:dyDescent="0.2">
      <c r="F1635" s="353"/>
      <c r="G1635" s="353"/>
      <c r="H1635" s="353"/>
      <c r="I1635" s="353"/>
      <c r="J1635" s="353"/>
    </row>
    <row r="1636" spans="6:10" s="410" customFormat="1" x14ac:dyDescent="0.2">
      <c r="F1636" s="353"/>
      <c r="G1636" s="353"/>
      <c r="H1636" s="353"/>
      <c r="I1636" s="353"/>
      <c r="J1636" s="353"/>
    </row>
    <row r="1637" spans="6:10" s="410" customFormat="1" x14ac:dyDescent="0.2">
      <c r="F1637" s="353"/>
      <c r="G1637" s="353"/>
      <c r="H1637" s="353"/>
      <c r="I1637" s="353"/>
      <c r="J1637" s="353"/>
    </row>
    <row r="1638" spans="6:10" s="410" customFormat="1" x14ac:dyDescent="0.2">
      <c r="F1638" s="353"/>
      <c r="G1638" s="353"/>
      <c r="H1638" s="353"/>
      <c r="I1638" s="353"/>
      <c r="J1638" s="353"/>
    </row>
    <row r="1639" spans="6:10" s="410" customFormat="1" x14ac:dyDescent="0.2">
      <c r="F1639" s="353"/>
      <c r="G1639" s="353"/>
      <c r="H1639" s="353"/>
      <c r="I1639" s="353"/>
      <c r="J1639" s="353"/>
    </row>
    <row r="1640" spans="6:10" s="410" customFormat="1" x14ac:dyDescent="0.2">
      <c r="F1640" s="353"/>
      <c r="G1640" s="353"/>
      <c r="H1640" s="353"/>
      <c r="I1640" s="353"/>
      <c r="J1640" s="353"/>
    </row>
    <row r="1641" spans="6:10" s="410" customFormat="1" x14ac:dyDescent="0.2">
      <c r="F1641" s="353"/>
      <c r="G1641" s="353"/>
      <c r="H1641" s="353"/>
      <c r="I1641" s="353"/>
      <c r="J1641" s="353"/>
    </row>
    <row r="1642" spans="6:10" s="410" customFormat="1" x14ac:dyDescent="0.2">
      <c r="F1642" s="353"/>
      <c r="G1642" s="353"/>
      <c r="H1642" s="353"/>
      <c r="I1642" s="353"/>
      <c r="J1642" s="353"/>
    </row>
    <row r="1643" spans="6:10" s="410" customFormat="1" x14ac:dyDescent="0.2">
      <c r="F1643" s="353"/>
      <c r="G1643" s="353"/>
      <c r="H1643" s="353"/>
      <c r="I1643" s="353"/>
      <c r="J1643" s="353"/>
    </row>
    <row r="1644" spans="6:10" s="410" customFormat="1" x14ac:dyDescent="0.2">
      <c r="F1644" s="353"/>
      <c r="G1644" s="353"/>
      <c r="H1644" s="353"/>
      <c r="I1644" s="353"/>
      <c r="J1644" s="353"/>
    </row>
    <row r="1645" spans="6:10" s="410" customFormat="1" x14ac:dyDescent="0.2">
      <c r="F1645" s="353"/>
      <c r="G1645" s="353"/>
      <c r="H1645" s="353"/>
      <c r="I1645" s="353"/>
      <c r="J1645" s="353"/>
    </row>
    <row r="1646" spans="6:10" s="410" customFormat="1" x14ac:dyDescent="0.2">
      <c r="F1646" s="353"/>
      <c r="G1646" s="353"/>
      <c r="H1646" s="353"/>
      <c r="I1646" s="353"/>
      <c r="J1646" s="353"/>
    </row>
    <row r="1647" spans="6:10" s="410" customFormat="1" x14ac:dyDescent="0.2">
      <c r="F1647" s="353"/>
      <c r="G1647" s="353"/>
      <c r="H1647" s="353"/>
      <c r="I1647" s="353"/>
      <c r="J1647" s="353"/>
    </row>
    <row r="1648" spans="6:10" s="410" customFormat="1" x14ac:dyDescent="0.2">
      <c r="F1648" s="353"/>
      <c r="G1648" s="353"/>
      <c r="H1648" s="353"/>
      <c r="I1648" s="353"/>
      <c r="J1648" s="353"/>
    </row>
    <row r="1649" spans="6:10" s="410" customFormat="1" x14ac:dyDescent="0.2">
      <c r="F1649" s="353"/>
      <c r="G1649" s="353"/>
      <c r="H1649" s="353"/>
      <c r="I1649" s="353"/>
      <c r="J1649" s="353"/>
    </row>
    <row r="1650" spans="6:10" s="410" customFormat="1" x14ac:dyDescent="0.2">
      <c r="F1650" s="353"/>
      <c r="G1650" s="353"/>
      <c r="H1650" s="353"/>
      <c r="I1650" s="353"/>
      <c r="J1650" s="353"/>
    </row>
    <row r="1651" spans="6:10" s="410" customFormat="1" x14ac:dyDescent="0.2">
      <c r="F1651" s="353"/>
      <c r="G1651" s="353"/>
      <c r="H1651" s="353"/>
      <c r="I1651" s="353"/>
      <c r="J1651" s="353"/>
    </row>
    <row r="1652" spans="6:10" s="410" customFormat="1" x14ac:dyDescent="0.2">
      <c r="F1652" s="353"/>
      <c r="G1652" s="353"/>
      <c r="H1652" s="353"/>
      <c r="I1652" s="353"/>
      <c r="J1652" s="353"/>
    </row>
    <row r="1653" spans="6:10" s="410" customFormat="1" x14ac:dyDescent="0.2">
      <c r="F1653" s="353"/>
      <c r="G1653" s="353"/>
      <c r="H1653" s="353"/>
      <c r="I1653" s="353"/>
      <c r="J1653" s="353"/>
    </row>
    <row r="1654" spans="6:10" s="410" customFormat="1" x14ac:dyDescent="0.2">
      <c r="F1654" s="353"/>
      <c r="G1654" s="353"/>
      <c r="H1654" s="353"/>
      <c r="I1654" s="353"/>
      <c r="J1654" s="353"/>
    </row>
    <row r="1655" spans="6:10" s="410" customFormat="1" x14ac:dyDescent="0.2">
      <c r="F1655" s="353"/>
      <c r="G1655" s="353"/>
      <c r="H1655" s="353"/>
      <c r="I1655" s="353"/>
      <c r="J1655" s="353"/>
    </row>
    <row r="1656" spans="6:10" s="410" customFormat="1" x14ac:dyDescent="0.2">
      <c r="F1656" s="353"/>
      <c r="G1656" s="353"/>
      <c r="H1656" s="353"/>
      <c r="I1656" s="353"/>
      <c r="J1656" s="353"/>
    </row>
    <row r="1657" spans="6:10" s="410" customFormat="1" x14ac:dyDescent="0.2">
      <c r="F1657" s="353"/>
      <c r="G1657" s="353"/>
      <c r="H1657" s="353"/>
      <c r="I1657" s="353"/>
      <c r="J1657" s="353"/>
    </row>
    <row r="1658" spans="6:10" s="410" customFormat="1" x14ac:dyDescent="0.2">
      <c r="F1658" s="353"/>
      <c r="G1658" s="353"/>
      <c r="H1658" s="353"/>
      <c r="I1658" s="353"/>
      <c r="J1658" s="353"/>
    </row>
    <row r="1659" spans="6:10" s="410" customFormat="1" x14ac:dyDescent="0.2">
      <c r="F1659" s="353"/>
      <c r="G1659" s="353"/>
      <c r="H1659" s="353"/>
      <c r="I1659" s="353"/>
      <c r="J1659" s="353"/>
    </row>
    <row r="1660" spans="6:10" s="410" customFormat="1" x14ac:dyDescent="0.2">
      <c r="F1660" s="353"/>
      <c r="G1660" s="353"/>
      <c r="H1660" s="353"/>
      <c r="I1660" s="353"/>
      <c r="J1660" s="353"/>
    </row>
    <row r="1661" spans="6:10" s="410" customFormat="1" x14ac:dyDescent="0.2">
      <c r="F1661" s="353"/>
      <c r="G1661" s="353"/>
      <c r="H1661" s="353"/>
      <c r="I1661" s="353"/>
      <c r="J1661" s="353"/>
    </row>
    <row r="1662" spans="6:10" s="410" customFormat="1" x14ac:dyDescent="0.2">
      <c r="F1662" s="353"/>
      <c r="G1662" s="353"/>
      <c r="H1662" s="353"/>
      <c r="I1662" s="353"/>
      <c r="J1662" s="353"/>
    </row>
    <row r="1663" spans="6:10" s="410" customFormat="1" x14ac:dyDescent="0.2">
      <c r="F1663" s="353"/>
      <c r="G1663" s="353"/>
      <c r="H1663" s="353"/>
      <c r="I1663" s="353"/>
      <c r="J1663" s="353"/>
    </row>
    <row r="1664" spans="6:10" s="410" customFormat="1" x14ac:dyDescent="0.2">
      <c r="F1664" s="353"/>
      <c r="G1664" s="353"/>
      <c r="H1664" s="353"/>
      <c r="I1664" s="353"/>
      <c r="J1664" s="353"/>
    </row>
    <row r="1665" spans="6:10" s="410" customFormat="1" x14ac:dyDescent="0.2">
      <c r="F1665" s="353"/>
      <c r="G1665" s="353"/>
      <c r="H1665" s="353"/>
      <c r="I1665" s="353"/>
      <c r="J1665" s="353"/>
    </row>
    <row r="1666" spans="6:10" s="410" customFormat="1" x14ac:dyDescent="0.2">
      <c r="F1666" s="353"/>
      <c r="G1666" s="353"/>
      <c r="H1666" s="353"/>
      <c r="I1666" s="353"/>
      <c r="J1666" s="353"/>
    </row>
    <row r="1667" spans="6:10" s="410" customFormat="1" x14ac:dyDescent="0.2">
      <c r="F1667" s="353"/>
      <c r="G1667" s="353"/>
      <c r="H1667" s="353"/>
      <c r="I1667" s="353"/>
      <c r="J1667" s="353"/>
    </row>
    <row r="1668" spans="6:10" s="410" customFormat="1" x14ac:dyDescent="0.2">
      <c r="F1668" s="353"/>
      <c r="G1668" s="353"/>
      <c r="H1668" s="353"/>
      <c r="I1668" s="353"/>
      <c r="J1668" s="353"/>
    </row>
    <row r="1669" spans="6:10" s="410" customFormat="1" x14ac:dyDescent="0.2">
      <c r="F1669" s="353"/>
      <c r="G1669" s="353"/>
      <c r="H1669" s="353"/>
      <c r="I1669" s="353"/>
      <c r="J1669" s="353"/>
    </row>
    <row r="1670" spans="6:10" s="410" customFormat="1" x14ac:dyDescent="0.2">
      <c r="F1670" s="353"/>
      <c r="G1670" s="353"/>
      <c r="H1670" s="353"/>
      <c r="I1670" s="353"/>
      <c r="J1670" s="353"/>
    </row>
    <row r="1671" spans="6:10" s="410" customFormat="1" x14ac:dyDescent="0.2">
      <c r="F1671" s="353"/>
      <c r="G1671" s="353"/>
      <c r="H1671" s="353"/>
      <c r="I1671" s="353"/>
      <c r="J1671" s="353"/>
    </row>
    <row r="1672" spans="6:10" s="410" customFormat="1" x14ac:dyDescent="0.2">
      <c r="F1672" s="353"/>
      <c r="G1672" s="353"/>
      <c r="H1672" s="353"/>
      <c r="I1672" s="353"/>
      <c r="J1672" s="353"/>
    </row>
    <row r="1673" spans="6:10" s="410" customFormat="1" x14ac:dyDescent="0.2">
      <c r="F1673" s="353"/>
      <c r="G1673" s="353"/>
      <c r="H1673" s="353"/>
      <c r="I1673" s="353"/>
      <c r="J1673" s="353"/>
    </row>
    <row r="1674" spans="6:10" s="410" customFormat="1" x14ac:dyDescent="0.2">
      <c r="F1674" s="353"/>
      <c r="G1674" s="353"/>
      <c r="H1674" s="353"/>
      <c r="I1674" s="353"/>
      <c r="J1674" s="353"/>
    </row>
    <row r="1675" spans="6:10" s="410" customFormat="1" x14ac:dyDescent="0.2">
      <c r="F1675" s="353"/>
      <c r="G1675" s="353"/>
      <c r="H1675" s="353"/>
      <c r="I1675" s="353"/>
      <c r="J1675" s="353"/>
    </row>
    <row r="1676" spans="6:10" s="410" customFormat="1" x14ac:dyDescent="0.2">
      <c r="F1676" s="353"/>
      <c r="G1676" s="353"/>
      <c r="H1676" s="353"/>
      <c r="I1676" s="353"/>
      <c r="J1676" s="353"/>
    </row>
    <row r="1677" spans="6:10" s="410" customFormat="1" x14ac:dyDescent="0.2">
      <c r="F1677" s="353"/>
      <c r="G1677" s="353"/>
      <c r="H1677" s="353"/>
      <c r="I1677" s="353"/>
      <c r="J1677" s="353"/>
    </row>
    <row r="1678" spans="6:10" s="410" customFormat="1" x14ac:dyDescent="0.2">
      <c r="F1678" s="353"/>
      <c r="G1678" s="353"/>
      <c r="H1678" s="353"/>
      <c r="I1678" s="353"/>
      <c r="J1678" s="353"/>
    </row>
    <row r="1679" spans="6:10" s="410" customFormat="1" x14ac:dyDescent="0.2">
      <c r="F1679" s="353"/>
      <c r="G1679" s="353"/>
      <c r="H1679" s="353"/>
      <c r="I1679" s="353"/>
      <c r="J1679" s="353"/>
    </row>
    <row r="1680" spans="6:10" s="410" customFormat="1" x14ac:dyDescent="0.2">
      <c r="F1680" s="353"/>
      <c r="G1680" s="353"/>
      <c r="H1680" s="353"/>
      <c r="I1680" s="353"/>
      <c r="J1680" s="353"/>
    </row>
    <row r="1681" spans="6:10" s="410" customFormat="1" x14ac:dyDescent="0.2">
      <c r="F1681" s="353"/>
      <c r="G1681" s="353"/>
      <c r="H1681" s="353"/>
      <c r="I1681" s="353"/>
      <c r="J1681" s="353"/>
    </row>
    <row r="1682" spans="6:10" s="410" customFormat="1" x14ac:dyDescent="0.2">
      <c r="F1682" s="353"/>
      <c r="G1682" s="353"/>
      <c r="H1682" s="353"/>
      <c r="I1682" s="353"/>
      <c r="J1682" s="353"/>
    </row>
    <row r="1683" spans="6:10" s="410" customFormat="1" x14ac:dyDescent="0.2">
      <c r="F1683" s="353"/>
      <c r="G1683" s="353"/>
      <c r="H1683" s="353"/>
      <c r="I1683" s="353"/>
      <c r="J1683" s="353"/>
    </row>
    <row r="1684" spans="6:10" s="410" customFormat="1" x14ac:dyDescent="0.2">
      <c r="F1684" s="353"/>
      <c r="G1684" s="353"/>
      <c r="H1684" s="353"/>
      <c r="I1684" s="353"/>
      <c r="J1684" s="353"/>
    </row>
    <row r="1685" spans="6:10" s="410" customFormat="1" x14ac:dyDescent="0.2">
      <c r="F1685" s="353"/>
      <c r="G1685" s="353"/>
      <c r="H1685" s="353"/>
      <c r="I1685" s="353"/>
      <c r="J1685" s="353"/>
    </row>
    <row r="1686" spans="6:10" s="410" customFormat="1" x14ac:dyDescent="0.2">
      <c r="F1686" s="353"/>
      <c r="G1686" s="353"/>
      <c r="H1686" s="353"/>
      <c r="I1686" s="353"/>
      <c r="J1686" s="353"/>
    </row>
    <row r="1687" spans="6:10" s="410" customFormat="1" x14ac:dyDescent="0.2">
      <c r="F1687" s="353"/>
      <c r="G1687" s="353"/>
      <c r="H1687" s="353"/>
      <c r="I1687" s="353"/>
      <c r="J1687" s="353"/>
    </row>
    <row r="1688" spans="6:10" s="410" customFormat="1" x14ac:dyDescent="0.2">
      <c r="F1688" s="353"/>
      <c r="G1688" s="353"/>
      <c r="H1688" s="353"/>
      <c r="I1688" s="353"/>
      <c r="J1688" s="353"/>
    </row>
    <row r="1689" spans="6:10" s="410" customFormat="1" x14ac:dyDescent="0.2">
      <c r="F1689" s="353"/>
      <c r="G1689" s="353"/>
      <c r="H1689" s="353"/>
      <c r="I1689" s="353"/>
      <c r="J1689" s="353"/>
    </row>
    <row r="1690" spans="6:10" s="410" customFormat="1" x14ac:dyDescent="0.2">
      <c r="F1690" s="353"/>
      <c r="G1690" s="353"/>
      <c r="H1690" s="353"/>
      <c r="I1690" s="353"/>
      <c r="J1690" s="353"/>
    </row>
    <row r="1691" spans="6:10" s="410" customFormat="1" x14ac:dyDescent="0.2">
      <c r="F1691" s="353"/>
      <c r="G1691" s="353"/>
      <c r="H1691" s="353"/>
      <c r="I1691" s="353"/>
      <c r="J1691" s="353"/>
    </row>
    <row r="1692" spans="6:10" s="410" customFormat="1" x14ac:dyDescent="0.2">
      <c r="F1692" s="353"/>
      <c r="G1692" s="353"/>
      <c r="H1692" s="353"/>
      <c r="I1692" s="353"/>
      <c r="J1692" s="353"/>
    </row>
    <row r="1693" spans="6:10" s="410" customFormat="1" x14ac:dyDescent="0.2">
      <c r="F1693" s="353"/>
      <c r="G1693" s="353"/>
      <c r="H1693" s="353"/>
      <c r="I1693" s="353"/>
      <c r="J1693" s="353"/>
    </row>
    <row r="1694" spans="6:10" s="410" customFormat="1" x14ac:dyDescent="0.2">
      <c r="F1694" s="353"/>
      <c r="G1694" s="353"/>
      <c r="H1694" s="353"/>
      <c r="I1694" s="353"/>
      <c r="J1694" s="353"/>
    </row>
    <row r="1695" spans="6:10" s="410" customFormat="1" x14ac:dyDescent="0.2">
      <c r="F1695" s="353"/>
      <c r="G1695" s="353"/>
      <c r="H1695" s="353"/>
      <c r="I1695" s="353"/>
      <c r="J1695" s="353"/>
    </row>
    <row r="1696" spans="6:10" s="410" customFormat="1" x14ac:dyDescent="0.2">
      <c r="F1696" s="353"/>
      <c r="G1696" s="353"/>
      <c r="H1696" s="353"/>
      <c r="I1696" s="353"/>
      <c r="J1696" s="353"/>
    </row>
    <row r="1697" spans="6:10" s="410" customFormat="1" x14ac:dyDescent="0.2">
      <c r="F1697" s="353"/>
      <c r="G1697" s="353"/>
      <c r="H1697" s="353"/>
      <c r="I1697" s="353"/>
      <c r="J1697" s="353"/>
    </row>
    <row r="1698" spans="6:10" s="410" customFormat="1" x14ac:dyDescent="0.2">
      <c r="F1698" s="353"/>
      <c r="G1698" s="353"/>
      <c r="H1698" s="353"/>
      <c r="I1698" s="353"/>
      <c r="J1698" s="353"/>
    </row>
    <row r="1699" spans="6:10" s="410" customFormat="1" x14ac:dyDescent="0.2">
      <c r="F1699" s="353"/>
      <c r="G1699" s="353"/>
      <c r="H1699" s="353"/>
      <c r="I1699" s="353"/>
      <c r="J1699" s="353"/>
    </row>
    <row r="1700" spans="6:10" s="410" customFormat="1" x14ac:dyDescent="0.2">
      <c r="F1700" s="353"/>
      <c r="G1700" s="353"/>
      <c r="H1700" s="353"/>
      <c r="I1700" s="353"/>
      <c r="J1700" s="353"/>
    </row>
    <row r="1701" spans="6:10" s="410" customFormat="1" x14ac:dyDescent="0.2">
      <c r="F1701" s="353"/>
      <c r="G1701" s="353"/>
      <c r="H1701" s="353"/>
      <c r="I1701" s="353"/>
      <c r="J1701" s="353"/>
    </row>
    <row r="1702" spans="6:10" s="410" customFormat="1" x14ac:dyDescent="0.2">
      <c r="F1702" s="353"/>
      <c r="G1702" s="353"/>
      <c r="H1702" s="353"/>
      <c r="I1702" s="353"/>
      <c r="J1702" s="353"/>
    </row>
    <row r="1703" spans="6:10" s="410" customFormat="1" x14ac:dyDescent="0.2">
      <c r="F1703" s="353"/>
      <c r="G1703" s="353"/>
      <c r="H1703" s="353"/>
      <c r="I1703" s="353"/>
      <c r="J1703" s="353"/>
    </row>
    <row r="1704" spans="6:10" s="410" customFormat="1" x14ac:dyDescent="0.2">
      <c r="F1704" s="353"/>
      <c r="G1704" s="353"/>
      <c r="H1704" s="353"/>
      <c r="I1704" s="353"/>
      <c r="J1704" s="353"/>
    </row>
    <row r="1705" spans="6:10" s="410" customFormat="1" x14ac:dyDescent="0.2">
      <c r="F1705" s="353"/>
      <c r="G1705" s="353"/>
      <c r="H1705" s="353"/>
      <c r="I1705" s="353"/>
      <c r="J1705" s="353"/>
    </row>
    <row r="1706" spans="6:10" s="410" customFormat="1" x14ac:dyDescent="0.2">
      <c r="F1706" s="353"/>
      <c r="G1706" s="353"/>
      <c r="H1706" s="353"/>
      <c r="I1706" s="353"/>
      <c r="J1706" s="353"/>
    </row>
    <row r="1707" spans="6:10" s="410" customFormat="1" x14ac:dyDescent="0.2">
      <c r="F1707" s="353"/>
      <c r="G1707" s="353"/>
      <c r="H1707" s="353"/>
      <c r="I1707" s="353"/>
      <c r="J1707" s="353"/>
    </row>
    <row r="1708" spans="6:10" s="410" customFormat="1" x14ac:dyDescent="0.2">
      <c r="F1708" s="353"/>
      <c r="G1708" s="353"/>
      <c r="H1708" s="353"/>
      <c r="I1708" s="353"/>
      <c r="J1708" s="353"/>
    </row>
    <row r="1709" spans="6:10" s="410" customFormat="1" x14ac:dyDescent="0.2">
      <c r="F1709" s="353"/>
      <c r="G1709" s="353"/>
      <c r="H1709" s="353"/>
      <c r="I1709" s="353"/>
      <c r="J1709" s="353"/>
    </row>
    <row r="1710" spans="6:10" s="410" customFormat="1" x14ac:dyDescent="0.2">
      <c r="F1710" s="353"/>
      <c r="G1710" s="353"/>
      <c r="H1710" s="353"/>
      <c r="I1710" s="353"/>
      <c r="J1710" s="353"/>
    </row>
    <row r="1711" spans="6:10" s="410" customFormat="1" x14ac:dyDescent="0.2">
      <c r="F1711" s="353"/>
      <c r="G1711" s="353"/>
      <c r="H1711" s="353"/>
      <c r="I1711" s="353"/>
      <c r="J1711" s="353"/>
    </row>
    <row r="1712" spans="6:10" s="410" customFormat="1" x14ac:dyDescent="0.2">
      <c r="F1712" s="353"/>
      <c r="G1712" s="353"/>
      <c r="H1712" s="353"/>
      <c r="I1712" s="353"/>
      <c r="J1712" s="353"/>
    </row>
    <row r="1713" spans="6:10" s="410" customFormat="1" x14ac:dyDescent="0.2">
      <c r="F1713" s="353"/>
      <c r="G1713" s="353"/>
      <c r="H1713" s="353"/>
      <c r="I1713" s="353"/>
      <c r="J1713" s="353"/>
    </row>
    <row r="1714" spans="6:10" s="410" customFormat="1" x14ac:dyDescent="0.2">
      <c r="F1714" s="353"/>
      <c r="G1714" s="353"/>
      <c r="H1714" s="353"/>
      <c r="I1714" s="353"/>
      <c r="J1714" s="353"/>
    </row>
    <row r="1715" spans="6:10" s="410" customFormat="1" x14ac:dyDescent="0.2">
      <c r="F1715" s="353"/>
      <c r="G1715" s="353"/>
      <c r="H1715" s="353"/>
      <c r="I1715" s="353"/>
      <c r="J1715" s="353"/>
    </row>
    <row r="1716" spans="6:10" s="410" customFormat="1" x14ac:dyDescent="0.2">
      <c r="F1716" s="353"/>
      <c r="G1716" s="353"/>
      <c r="H1716" s="353"/>
      <c r="I1716" s="353"/>
      <c r="J1716" s="353"/>
    </row>
    <row r="1717" spans="6:10" s="410" customFormat="1" x14ac:dyDescent="0.2">
      <c r="F1717" s="353"/>
      <c r="G1717" s="353"/>
      <c r="H1717" s="353"/>
      <c r="I1717" s="353"/>
      <c r="J1717" s="353"/>
    </row>
    <row r="1718" spans="6:10" s="410" customFormat="1" x14ac:dyDescent="0.2">
      <c r="F1718" s="353"/>
      <c r="G1718" s="353"/>
      <c r="H1718" s="353"/>
      <c r="I1718" s="353"/>
      <c r="J1718" s="353"/>
    </row>
    <row r="1719" spans="6:10" s="410" customFormat="1" x14ac:dyDescent="0.2">
      <c r="F1719" s="353"/>
      <c r="G1719" s="353"/>
      <c r="H1719" s="353"/>
      <c r="I1719" s="353"/>
      <c r="J1719" s="353"/>
    </row>
    <row r="1720" spans="6:10" s="410" customFormat="1" x14ac:dyDescent="0.2">
      <c r="F1720" s="353"/>
      <c r="G1720" s="353"/>
      <c r="H1720" s="353"/>
      <c r="I1720" s="353"/>
      <c r="J1720" s="353"/>
    </row>
    <row r="1721" spans="6:10" s="410" customFormat="1" x14ac:dyDescent="0.2">
      <c r="F1721" s="353"/>
      <c r="G1721" s="353"/>
      <c r="H1721" s="353"/>
      <c r="I1721" s="353"/>
      <c r="J1721" s="353"/>
    </row>
    <row r="1722" spans="6:10" s="410" customFormat="1" x14ac:dyDescent="0.2">
      <c r="F1722" s="353"/>
      <c r="G1722" s="353"/>
      <c r="H1722" s="353"/>
      <c r="I1722" s="353"/>
      <c r="J1722" s="353"/>
    </row>
    <row r="1723" spans="6:10" s="410" customFormat="1" x14ac:dyDescent="0.2">
      <c r="F1723" s="353"/>
      <c r="G1723" s="353"/>
      <c r="H1723" s="353"/>
      <c r="I1723" s="353"/>
      <c r="J1723" s="353"/>
    </row>
    <row r="1724" spans="6:10" s="410" customFormat="1" x14ac:dyDescent="0.2">
      <c r="F1724" s="353"/>
      <c r="G1724" s="353"/>
      <c r="H1724" s="353"/>
      <c r="I1724" s="353"/>
      <c r="J1724" s="353"/>
    </row>
    <row r="1725" spans="6:10" s="410" customFormat="1" x14ac:dyDescent="0.2">
      <c r="F1725" s="353"/>
      <c r="G1725" s="353"/>
      <c r="H1725" s="353"/>
      <c r="I1725" s="353"/>
      <c r="J1725" s="353"/>
    </row>
    <row r="1726" spans="6:10" s="410" customFormat="1" x14ac:dyDescent="0.2">
      <c r="F1726" s="353"/>
      <c r="G1726" s="353"/>
      <c r="H1726" s="353"/>
      <c r="I1726" s="353"/>
      <c r="J1726" s="353"/>
    </row>
    <row r="1727" spans="6:10" s="410" customFormat="1" x14ac:dyDescent="0.2">
      <c r="F1727" s="353"/>
      <c r="G1727" s="353"/>
      <c r="H1727" s="353"/>
      <c r="I1727" s="353"/>
      <c r="J1727" s="353"/>
    </row>
    <row r="1728" spans="6:10" s="410" customFormat="1" x14ac:dyDescent="0.2">
      <c r="F1728" s="353"/>
      <c r="G1728" s="353"/>
      <c r="H1728" s="353"/>
      <c r="I1728" s="353"/>
      <c r="J1728" s="353"/>
    </row>
    <row r="1729" spans="6:10" s="410" customFormat="1" x14ac:dyDescent="0.2">
      <c r="F1729" s="353"/>
      <c r="G1729" s="353"/>
      <c r="H1729" s="353"/>
      <c r="I1729" s="353"/>
      <c r="J1729" s="353"/>
    </row>
    <row r="1730" spans="6:10" s="410" customFormat="1" x14ac:dyDescent="0.2">
      <c r="F1730" s="353"/>
      <c r="G1730" s="353"/>
      <c r="H1730" s="353"/>
      <c r="I1730" s="353"/>
      <c r="J1730" s="353"/>
    </row>
    <row r="1731" spans="6:10" s="410" customFormat="1" x14ac:dyDescent="0.2">
      <c r="F1731" s="353"/>
      <c r="G1731" s="353"/>
      <c r="H1731" s="353"/>
      <c r="I1731" s="353"/>
      <c r="J1731" s="353"/>
    </row>
    <row r="1732" spans="6:10" s="410" customFormat="1" x14ac:dyDescent="0.2">
      <c r="F1732" s="353"/>
      <c r="G1732" s="353"/>
      <c r="H1732" s="353"/>
      <c r="I1732" s="353"/>
      <c r="J1732" s="353"/>
    </row>
    <row r="1733" spans="6:10" s="410" customFormat="1" x14ac:dyDescent="0.2">
      <c r="F1733" s="353"/>
      <c r="G1733" s="353"/>
      <c r="H1733" s="353"/>
      <c r="I1733" s="353"/>
      <c r="J1733" s="353"/>
    </row>
    <row r="1734" spans="6:10" s="410" customFormat="1" x14ac:dyDescent="0.2">
      <c r="F1734" s="353"/>
      <c r="G1734" s="353"/>
      <c r="H1734" s="353"/>
      <c r="I1734" s="353"/>
      <c r="J1734" s="353"/>
    </row>
    <row r="1735" spans="6:10" s="410" customFormat="1" x14ac:dyDescent="0.2">
      <c r="F1735" s="353"/>
      <c r="G1735" s="353"/>
      <c r="H1735" s="353"/>
      <c r="I1735" s="353"/>
      <c r="J1735" s="353"/>
    </row>
    <row r="1736" spans="6:10" s="410" customFormat="1" x14ac:dyDescent="0.2">
      <c r="F1736" s="353"/>
      <c r="G1736" s="353"/>
      <c r="H1736" s="353"/>
      <c r="I1736" s="353"/>
      <c r="J1736" s="353"/>
    </row>
    <row r="1737" spans="6:10" s="410" customFormat="1" x14ac:dyDescent="0.2">
      <c r="F1737" s="353"/>
      <c r="G1737" s="353"/>
      <c r="H1737" s="353"/>
      <c r="I1737" s="353"/>
      <c r="J1737" s="353"/>
    </row>
    <row r="1738" spans="6:10" s="410" customFormat="1" x14ac:dyDescent="0.2">
      <c r="F1738" s="353"/>
      <c r="G1738" s="353"/>
      <c r="H1738" s="353"/>
      <c r="I1738" s="353"/>
      <c r="J1738" s="353"/>
    </row>
    <row r="1739" spans="6:10" s="410" customFormat="1" x14ac:dyDescent="0.2">
      <c r="F1739" s="353"/>
      <c r="G1739" s="353"/>
      <c r="H1739" s="353"/>
      <c r="I1739" s="353"/>
      <c r="J1739" s="353"/>
    </row>
    <row r="1740" spans="6:10" s="410" customFormat="1" x14ac:dyDescent="0.2">
      <c r="F1740" s="353"/>
      <c r="G1740" s="353"/>
      <c r="H1740" s="353"/>
      <c r="I1740" s="353"/>
      <c r="J1740" s="353"/>
    </row>
    <row r="1741" spans="6:10" s="410" customFormat="1" x14ac:dyDescent="0.2">
      <c r="F1741" s="353"/>
      <c r="G1741" s="353"/>
      <c r="H1741" s="353"/>
      <c r="I1741" s="353"/>
      <c r="J1741" s="353"/>
    </row>
    <row r="1742" spans="6:10" s="410" customFormat="1" x14ac:dyDescent="0.2">
      <c r="F1742" s="353"/>
      <c r="G1742" s="353"/>
      <c r="H1742" s="353"/>
      <c r="I1742" s="353"/>
      <c r="J1742" s="353"/>
    </row>
    <row r="1743" spans="6:10" s="410" customFormat="1" x14ac:dyDescent="0.2">
      <c r="F1743" s="353"/>
      <c r="G1743" s="353"/>
      <c r="H1743" s="353"/>
      <c r="I1743" s="353"/>
      <c r="J1743" s="353"/>
    </row>
    <row r="1744" spans="6:10" s="410" customFormat="1" x14ac:dyDescent="0.2">
      <c r="F1744" s="353"/>
      <c r="G1744" s="353"/>
      <c r="H1744" s="353"/>
      <c r="I1744" s="353"/>
      <c r="J1744" s="353"/>
    </row>
    <row r="1745" spans="6:10" s="410" customFormat="1" x14ac:dyDescent="0.2">
      <c r="F1745" s="353"/>
      <c r="G1745" s="353"/>
      <c r="H1745" s="353"/>
      <c r="I1745" s="353"/>
      <c r="J1745" s="353"/>
    </row>
    <row r="1746" spans="6:10" s="410" customFormat="1" x14ac:dyDescent="0.2">
      <c r="F1746" s="353"/>
      <c r="G1746" s="353"/>
      <c r="H1746" s="353"/>
      <c r="I1746" s="353"/>
      <c r="J1746" s="353"/>
    </row>
    <row r="1747" spans="6:10" s="410" customFormat="1" x14ac:dyDescent="0.2">
      <c r="F1747" s="353"/>
      <c r="G1747" s="353"/>
      <c r="H1747" s="353"/>
      <c r="I1747" s="353"/>
      <c r="J1747" s="353"/>
    </row>
    <row r="1748" spans="6:10" s="410" customFormat="1" x14ac:dyDescent="0.2">
      <c r="F1748" s="353"/>
      <c r="G1748" s="353"/>
      <c r="H1748" s="353"/>
      <c r="I1748" s="353"/>
      <c r="J1748" s="353"/>
    </row>
    <row r="1749" spans="6:10" s="410" customFormat="1" x14ac:dyDescent="0.2">
      <c r="F1749" s="353"/>
      <c r="G1749" s="353"/>
      <c r="H1749" s="353"/>
      <c r="I1749" s="353"/>
      <c r="J1749" s="353"/>
    </row>
    <row r="1750" spans="6:10" s="410" customFormat="1" x14ac:dyDescent="0.2">
      <c r="F1750" s="353"/>
      <c r="G1750" s="353"/>
      <c r="H1750" s="353"/>
      <c r="I1750" s="353"/>
      <c r="J1750" s="353"/>
    </row>
    <row r="1751" spans="6:10" s="410" customFormat="1" x14ac:dyDescent="0.2">
      <c r="F1751" s="353"/>
      <c r="G1751" s="353"/>
      <c r="H1751" s="353"/>
      <c r="I1751" s="353"/>
      <c r="J1751" s="353"/>
    </row>
    <row r="1752" spans="6:10" s="410" customFormat="1" x14ac:dyDescent="0.2">
      <c r="F1752" s="353"/>
      <c r="G1752" s="353"/>
      <c r="H1752" s="353"/>
      <c r="I1752" s="353"/>
      <c r="J1752" s="353"/>
    </row>
    <row r="1753" spans="6:10" s="410" customFormat="1" x14ac:dyDescent="0.2">
      <c r="F1753" s="353"/>
      <c r="G1753" s="353"/>
      <c r="H1753" s="353"/>
      <c r="I1753" s="353"/>
      <c r="J1753" s="353"/>
    </row>
    <row r="1754" spans="6:10" s="410" customFormat="1" x14ac:dyDescent="0.2">
      <c r="F1754" s="353"/>
      <c r="G1754" s="353"/>
      <c r="H1754" s="353"/>
      <c r="I1754" s="353"/>
      <c r="J1754" s="353"/>
    </row>
    <row r="1755" spans="6:10" s="410" customFormat="1" x14ac:dyDescent="0.2">
      <c r="F1755" s="353"/>
      <c r="G1755" s="353"/>
      <c r="H1755" s="353"/>
      <c r="I1755" s="353"/>
      <c r="J1755" s="353"/>
    </row>
    <row r="1756" spans="6:10" s="410" customFormat="1" x14ac:dyDescent="0.2">
      <c r="F1756" s="353"/>
      <c r="G1756" s="353"/>
      <c r="H1756" s="353"/>
      <c r="I1756" s="353"/>
      <c r="J1756" s="353"/>
    </row>
    <row r="1757" spans="6:10" s="410" customFormat="1" x14ac:dyDescent="0.2">
      <c r="F1757" s="353"/>
      <c r="G1757" s="353"/>
      <c r="H1757" s="353"/>
      <c r="I1757" s="353"/>
      <c r="J1757" s="353"/>
    </row>
    <row r="1758" spans="6:10" s="410" customFormat="1" x14ac:dyDescent="0.2">
      <c r="F1758" s="353"/>
      <c r="G1758" s="353"/>
      <c r="H1758" s="353"/>
      <c r="I1758" s="353"/>
      <c r="J1758" s="353"/>
    </row>
    <row r="1759" spans="6:10" s="410" customFormat="1" x14ac:dyDescent="0.2">
      <c r="F1759" s="353"/>
      <c r="G1759" s="353"/>
      <c r="H1759" s="353"/>
      <c r="I1759" s="353"/>
      <c r="J1759" s="353"/>
    </row>
    <row r="1760" spans="6:10" s="410" customFormat="1" x14ac:dyDescent="0.2">
      <c r="F1760" s="353"/>
      <c r="G1760" s="353"/>
      <c r="H1760" s="353"/>
      <c r="I1760" s="353"/>
      <c r="J1760" s="353"/>
    </row>
    <row r="1761" spans="6:10" s="410" customFormat="1" x14ac:dyDescent="0.2">
      <c r="F1761" s="353"/>
      <c r="G1761" s="353"/>
      <c r="H1761" s="353"/>
      <c r="I1761" s="353"/>
      <c r="J1761" s="353"/>
    </row>
    <row r="1762" spans="6:10" s="410" customFormat="1" x14ac:dyDescent="0.2">
      <c r="F1762" s="353"/>
      <c r="G1762" s="353"/>
      <c r="H1762" s="353"/>
      <c r="I1762" s="353"/>
      <c r="J1762" s="353"/>
    </row>
    <row r="1763" spans="6:10" s="410" customFormat="1" x14ac:dyDescent="0.2">
      <c r="F1763" s="353"/>
      <c r="G1763" s="353"/>
      <c r="H1763" s="353"/>
      <c r="I1763" s="353"/>
      <c r="J1763" s="353"/>
    </row>
    <row r="1764" spans="6:10" s="410" customFormat="1" x14ac:dyDescent="0.2">
      <c r="F1764" s="353"/>
      <c r="G1764" s="353"/>
      <c r="H1764" s="353"/>
      <c r="I1764" s="353"/>
      <c r="J1764" s="353"/>
    </row>
    <row r="1765" spans="6:10" s="410" customFormat="1" x14ac:dyDescent="0.2">
      <c r="F1765" s="353"/>
      <c r="G1765" s="353"/>
      <c r="H1765" s="353"/>
      <c r="I1765" s="353"/>
      <c r="J1765" s="353"/>
    </row>
    <row r="1766" spans="6:10" s="410" customFormat="1" x14ac:dyDescent="0.2">
      <c r="F1766" s="353"/>
      <c r="G1766" s="353"/>
      <c r="H1766" s="353"/>
      <c r="I1766" s="353"/>
      <c r="J1766" s="353"/>
    </row>
    <row r="1767" spans="6:10" s="410" customFormat="1" x14ac:dyDescent="0.2">
      <c r="F1767" s="353"/>
      <c r="G1767" s="353"/>
      <c r="H1767" s="353"/>
      <c r="I1767" s="353"/>
      <c r="J1767" s="353"/>
    </row>
    <row r="1768" spans="6:10" s="410" customFormat="1" x14ac:dyDescent="0.2">
      <c r="F1768" s="353"/>
      <c r="G1768" s="353"/>
      <c r="H1768" s="353"/>
      <c r="I1768" s="353"/>
      <c r="J1768" s="353"/>
    </row>
    <row r="1769" spans="6:10" s="410" customFormat="1" x14ac:dyDescent="0.2">
      <c r="F1769" s="353"/>
      <c r="G1769" s="353"/>
      <c r="H1769" s="353"/>
      <c r="I1769" s="353"/>
      <c r="J1769" s="353"/>
    </row>
    <row r="1770" spans="6:10" s="410" customFormat="1" x14ac:dyDescent="0.2">
      <c r="F1770" s="353"/>
      <c r="G1770" s="353"/>
      <c r="H1770" s="353"/>
      <c r="I1770" s="353"/>
      <c r="J1770" s="353"/>
    </row>
    <row r="1771" spans="6:10" s="410" customFormat="1" x14ac:dyDescent="0.2">
      <c r="F1771" s="353"/>
      <c r="G1771" s="353"/>
      <c r="H1771" s="353"/>
      <c r="I1771" s="353"/>
      <c r="J1771" s="353"/>
    </row>
    <row r="1772" spans="6:10" s="410" customFormat="1" x14ac:dyDescent="0.2">
      <c r="F1772" s="353"/>
      <c r="G1772" s="353"/>
      <c r="H1772" s="353"/>
      <c r="I1772" s="353"/>
      <c r="J1772" s="353"/>
    </row>
    <row r="1773" spans="6:10" s="410" customFormat="1" x14ac:dyDescent="0.2">
      <c r="F1773" s="353"/>
      <c r="G1773" s="353"/>
      <c r="H1773" s="353"/>
      <c r="I1773" s="353"/>
      <c r="J1773" s="353"/>
    </row>
    <row r="1774" spans="6:10" s="410" customFormat="1" x14ac:dyDescent="0.2">
      <c r="F1774" s="353"/>
      <c r="G1774" s="353"/>
      <c r="H1774" s="353"/>
      <c r="I1774" s="353"/>
      <c r="J1774" s="353"/>
    </row>
    <row r="1775" spans="6:10" s="410" customFormat="1" x14ac:dyDescent="0.2">
      <c r="F1775" s="353"/>
      <c r="G1775" s="353"/>
      <c r="H1775" s="353"/>
      <c r="I1775" s="353"/>
      <c r="J1775" s="353"/>
    </row>
    <row r="1776" spans="6:10" s="410" customFormat="1" x14ac:dyDescent="0.2">
      <c r="F1776" s="353"/>
      <c r="G1776" s="353"/>
      <c r="H1776" s="353"/>
      <c r="I1776" s="353"/>
      <c r="J1776" s="353"/>
    </row>
    <row r="1777" spans="6:10" s="410" customFormat="1" x14ac:dyDescent="0.2">
      <c r="F1777" s="353"/>
      <c r="G1777" s="353"/>
      <c r="H1777" s="353"/>
      <c r="I1777" s="353"/>
      <c r="J1777" s="353"/>
    </row>
    <row r="1778" spans="6:10" s="410" customFormat="1" x14ac:dyDescent="0.2">
      <c r="F1778" s="353"/>
      <c r="G1778" s="353"/>
      <c r="H1778" s="353"/>
      <c r="I1778" s="353"/>
      <c r="J1778" s="353"/>
    </row>
    <row r="1779" spans="6:10" s="410" customFormat="1" x14ac:dyDescent="0.2">
      <c r="F1779" s="353"/>
      <c r="G1779" s="353"/>
      <c r="H1779" s="353"/>
      <c r="I1779" s="353"/>
      <c r="J1779" s="353"/>
    </row>
    <row r="1780" spans="6:10" s="410" customFormat="1" x14ac:dyDescent="0.2">
      <c r="F1780" s="353"/>
      <c r="G1780" s="353"/>
      <c r="H1780" s="353"/>
      <c r="I1780" s="353"/>
      <c r="J1780" s="353"/>
    </row>
    <row r="1781" spans="6:10" s="410" customFormat="1" x14ac:dyDescent="0.2">
      <c r="F1781" s="353"/>
      <c r="G1781" s="353"/>
      <c r="H1781" s="353"/>
      <c r="I1781" s="353"/>
      <c r="J1781" s="353"/>
    </row>
    <row r="1782" spans="6:10" s="410" customFormat="1" x14ac:dyDescent="0.2">
      <c r="F1782" s="353"/>
      <c r="G1782" s="353"/>
      <c r="H1782" s="353"/>
      <c r="I1782" s="353"/>
      <c r="J1782" s="353"/>
    </row>
    <row r="1783" spans="6:10" s="410" customFormat="1" x14ac:dyDescent="0.2">
      <c r="F1783" s="353"/>
      <c r="G1783" s="353"/>
      <c r="H1783" s="353"/>
      <c r="I1783" s="353"/>
      <c r="J1783" s="353"/>
    </row>
    <row r="1784" spans="6:10" s="410" customFormat="1" x14ac:dyDescent="0.2">
      <c r="F1784" s="353"/>
      <c r="G1784" s="353"/>
      <c r="H1784" s="353"/>
      <c r="I1784" s="353"/>
      <c r="J1784" s="353"/>
    </row>
    <row r="1785" spans="6:10" s="410" customFormat="1" x14ac:dyDescent="0.2">
      <c r="F1785" s="353"/>
      <c r="G1785" s="353"/>
      <c r="H1785" s="353"/>
      <c r="I1785" s="353"/>
      <c r="J1785" s="353"/>
    </row>
    <row r="1786" spans="6:10" s="410" customFormat="1" x14ac:dyDescent="0.2">
      <c r="F1786" s="353"/>
      <c r="G1786" s="353"/>
      <c r="H1786" s="353"/>
      <c r="I1786" s="353"/>
      <c r="J1786" s="353"/>
    </row>
    <row r="1787" spans="6:10" s="410" customFormat="1" x14ac:dyDescent="0.2">
      <c r="F1787" s="353"/>
      <c r="G1787" s="353"/>
      <c r="H1787" s="353"/>
      <c r="I1787" s="353"/>
      <c r="J1787" s="353"/>
    </row>
    <row r="1788" spans="6:10" s="410" customFormat="1" x14ac:dyDescent="0.2">
      <c r="F1788" s="353"/>
      <c r="G1788" s="353"/>
      <c r="H1788" s="353"/>
      <c r="I1788" s="353"/>
      <c r="J1788" s="353"/>
    </row>
    <row r="1789" spans="6:10" s="410" customFormat="1" x14ac:dyDescent="0.2">
      <c r="F1789" s="353"/>
      <c r="G1789" s="353"/>
      <c r="H1789" s="353"/>
      <c r="I1789" s="353"/>
      <c r="J1789" s="353"/>
    </row>
    <row r="1790" spans="6:10" s="410" customFormat="1" x14ac:dyDescent="0.2">
      <c r="F1790" s="353"/>
      <c r="G1790" s="353"/>
      <c r="H1790" s="353"/>
      <c r="I1790" s="353"/>
      <c r="J1790" s="353"/>
    </row>
    <row r="1791" spans="6:10" s="410" customFormat="1" x14ac:dyDescent="0.2">
      <c r="F1791" s="353"/>
      <c r="G1791" s="353"/>
      <c r="H1791" s="353"/>
      <c r="I1791" s="353"/>
      <c r="J1791" s="353"/>
    </row>
    <row r="1792" spans="6:10" s="410" customFormat="1" x14ac:dyDescent="0.2">
      <c r="F1792" s="353"/>
      <c r="G1792" s="353"/>
      <c r="H1792" s="353"/>
      <c r="I1792" s="353"/>
      <c r="J1792" s="353"/>
    </row>
    <row r="1793" spans="6:10" s="410" customFormat="1" x14ac:dyDescent="0.2">
      <c r="F1793" s="353"/>
      <c r="G1793" s="353"/>
      <c r="H1793" s="353"/>
      <c r="I1793" s="353"/>
      <c r="J1793" s="353"/>
    </row>
    <row r="1794" spans="6:10" s="410" customFormat="1" x14ac:dyDescent="0.2">
      <c r="F1794" s="353"/>
      <c r="G1794" s="353"/>
      <c r="H1794" s="353"/>
      <c r="I1794" s="353"/>
      <c r="J1794" s="353"/>
    </row>
    <row r="1795" spans="6:10" s="410" customFormat="1" x14ac:dyDescent="0.2">
      <c r="F1795" s="353"/>
      <c r="G1795" s="353"/>
      <c r="H1795" s="353"/>
      <c r="I1795" s="353"/>
      <c r="J1795" s="353"/>
    </row>
    <row r="1796" spans="6:10" s="410" customFormat="1" x14ac:dyDescent="0.2">
      <c r="F1796" s="353"/>
      <c r="G1796" s="353"/>
      <c r="H1796" s="353"/>
      <c r="I1796" s="353"/>
      <c r="J1796" s="353"/>
    </row>
    <row r="1797" spans="6:10" s="410" customFormat="1" x14ac:dyDescent="0.2">
      <c r="F1797" s="353"/>
      <c r="G1797" s="353"/>
      <c r="H1797" s="353"/>
      <c r="I1797" s="353"/>
      <c r="J1797" s="353"/>
    </row>
    <row r="1798" spans="6:10" s="410" customFormat="1" x14ac:dyDescent="0.2">
      <c r="F1798" s="353"/>
      <c r="G1798" s="353"/>
      <c r="H1798" s="353"/>
      <c r="I1798" s="353"/>
      <c r="J1798" s="353"/>
    </row>
    <row r="1799" spans="6:10" s="410" customFormat="1" x14ac:dyDescent="0.2">
      <c r="F1799" s="353"/>
      <c r="G1799" s="353"/>
      <c r="H1799" s="353"/>
      <c r="I1799" s="353"/>
      <c r="J1799" s="353"/>
    </row>
    <row r="1800" spans="6:10" s="410" customFormat="1" x14ac:dyDescent="0.2">
      <c r="F1800" s="353"/>
      <c r="G1800" s="353"/>
      <c r="H1800" s="353"/>
      <c r="I1800" s="353"/>
      <c r="J1800" s="353"/>
    </row>
    <row r="1801" spans="6:10" s="410" customFormat="1" x14ac:dyDescent="0.2">
      <c r="F1801" s="353"/>
      <c r="G1801" s="353"/>
      <c r="H1801" s="353"/>
      <c r="I1801" s="353"/>
      <c r="J1801" s="353"/>
    </row>
    <row r="1802" spans="6:10" s="410" customFormat="1" x14ac:dyDescent="0.2">
      <c r="F1802" s="353"/>
      <c r="G1802" s="353"/>
      <c r="H1802" s="353"/>
      <c r="I1802" s="353"/>
      <c r="J1802" s="353"/>
    </row>
    <row r="1803" spans="6:10" s="410" customFormat="1" x14ac:dyDescent="0.2">
      <c r="F1803" s="353"/>
      <c r="G1803" s="353"/>
      <c r="H1803" s="353"/>
      <c r="I1803" s="353"/>
      <c r="J1803" s="353"/>
    </row>
    <row r="1804" spans="6:10" s="410" customFormat="1" x14ac:dyDescent="0.2">
      <c r="F1804" s="353"/>
      <c r="G1804" s="353"/>
      <c r="H1804" s="353"/>
      <c r="I1804" s="353"/>
      <c r="J1804" s="353"/>
    </row>
    <row r="1805" spans="6:10" s="410" customFormat="1" x14ac:dyDescent="0.2">
      <c r="F1805" s="353"/>
      <c r="G1805" s="353"/>
      <c r="H1805" s="353"/>
      <c r="I1805" s="353"/>
      <c r="J1805" s="353"/>
    </row>
    <row r="1806" spans="6:10" s="410" customFormat="1" x14ac:dyDescent="0.2">
      <c r="F1806" s="353"/>
      <c r="G1806" s="353"/>
      <c r="H1806" s="353"/>
      <c r="I1806" s="353"/>
      <c r="J1806" s="353"/>
    </row>
    <row r="1807" spans="6:10" s="410" customFormat="1" x14ac:dyDescent="0.2">
      <c r="F1807" s="353"/>
      <c r="G1807" s="353"/>
      <c r="H1807" s="353"/>
      <c r="I1807" s="353"/>
      <c r="J1807" s="353"/>
    </row>
    <row r="1808" spans="6:10" s="410" customFormat="1" x14ac:dyDescent="0.2">
      <c r="F1808" s="353"/>
      <c r="G1808" s="353"/>
      <c r="H1808" s="353"/>
      <c r="I1808" s="353"/>
      <c r="J1808" s="353"/>
    </row>
    <row r="1809" spans="6:10" s="410" customFormat="1" x14ac:dyDescent="0.2">
      <c r="F1809" s="353"/>
      <c r="G1809" s="353"/>
      <c r="H1809" s="353"/>
      <c r="I1809" s="353"/>
      <c r="J1809" s="353"/>
    </row>
    <row r="1810" spans="6:10" s="410" customFormat="1" x14ac:dyDescent="0.2">
      <c r="F1810" s="353"/>
      <c r="G1810" s="353"/>
      <c r="H1810" s="353"/>
      <c r="I1810" s="353"/>
      <c r="J1810" s="353"/>
    </row>
    <row r="1811" spans="6:10" s="410" customFormat="1" x14ac:dyDescent="0.2">
      <c r="F1811" s="353"/>
      <c r="G1811" s="353"/>
      <c r="H1811" s="353"/>
      <c r="I1811" s="353"/>
      <c r="J1811" s="353"/>
    </row>
    <row r="1812" spans="6:10" s="410" customFormat="1" x14ac:dyDescent="0.2">
      <c r="F1812" s="353"/>
      <c r="G1812" s="353"/>
      <c r="H1812" s="353"/>
      <c r="I1812" s="353"/>
      <c r="J1812" s="353"/>
    </row>
    <row r="1813" spans="6:10" s="410" customFormat="1" x14ac:dyDescent="0.2">
      <c r="F1813" s="353"/>
      <c r="G1813" s="353"/>
      <c r="H1813" s="353"/>
      <c r="I1813" s="353"/>
      <c r="J1813" s="353"/>
    </row>
    <row r="1814" spans="6:10" s="410" customFormat="1" x14ac:dyDescent="0.2">
      <c r="F1814" s="353"/>
      <c r="G1814" s="353"/>
      <c r="H1814" s="353"/>
      <c r="I1814" s="353"/>
      <c r="J1814" s="353"/>
    </row>
    <row r="1815" spans="6:10" s="410" customFormat="1" x14ac:dyDescent="0.2">
      <c r="F1815" s="353"/>
      <c r="G1815" s="353"/>
      <c r="H1815" s="353"/>
      <c r="I1815" s="353"/>
      <c r="J1815" s="353"/>
    </row>
    <row r="1816" spans="6:10" s="410" customFormat="1" x14ac:dyDescent="0.2">
      <c r="F1816" s="353"/>
      <c r="G1816" s="353"/>
      <c r="H1816" s="353"/>
      <c r="I1816" s="353"/>
      <c r="J1816" s="353"/>
    </row>
    <row r="1817" spans="6:10" s="410" customFormat="1" x14ac:dyDescent="0.2">
      <c r="F1817" s="353"/>
      <c r="G1817" s="353"/>
      <c r="H1817" s="353"/>
      <c r="I1817" s="353"/>
      <c r="J1817" s="353"/>
    </row>
    <row r="1818" spans="6:10" s="410" customFormat="1" x14ac:dyDescent="0.2">
      <c r="F1818" s="353"/>
      <c r="G1818" s="353"/>
      <c r="H1818" s="353"/>
      <c r="I1818" s="353"/>
      <c r="J1818" s="353"/>
    </row>
    <row r="1819" spans="6:10" s="410" customFormat="1" x14ac:dyDescent="0.2">
      <c r="F1819" s="353"/>
      <c r="G1819" s="353"/>
      <c r="H1819" s="353"/>
      <c r="I1819" s="353"/>
      <c r="J1819" s="353"/>
    </row>
    <row r="1820" spans="6:10" s="410" customFormat="1" x14ac:dyDescent="0.2">
      <c r="F1820" s="353"/>
      <c r="G1820" s="353"/>
      <c r="H1820" s="353"/>
      <c r="I1820" s="353"/>
      <c r="J1820" s="353"/>
    </row>
    <row r="1821" spans="6:10" s="410" customFormat="1" x14ac:dyDescent="0.2">
      <c r="F1821" s="353"/>
      <c r="G1821" s="353"/>
      <c r="H1821" s="353"/>
      <c r="I1821" s="353"/>
      <c r="J1821" s="353"/>
    </row>
    <row r="1822" spans="6:10" s="410" customFormat="1" x14ac:dyDescent="0.2">
      <c r="F1822" s="353"/>
      <c r="G1822" s="353"/>
      <c r="H1822" s="353"/>
      <c r="I1822" s="353"/>
      <c r="J1822" s="353"/>
    </row>
    <row r="1823" spans="6:10" s="410" customFormat="1" x14ac:dyDescent="0.2">
      <c r="F1823" s="353"/>
      <c r="G1823" s="353"/>
      <c r="H1823" s="353"/>
      <c r="I1823" s="353"/>
      <c r="J1823" s="353"/>
    </row>
    <row r="1824" spans="6:10" s="410" customFormat="1" x14ac:dyDescent="0.2">
      <c r="F1824" s="353"/>
      <c r="G1824" s="353"/>
      <c r="H1824" s="353"/>
      <c r="I1824" s="353"/>
      <c r="J1824" s="353"/>
    </row>
    <row r="1825" spans="6:10" s="410" customFormat="1" x14ac:dyDescent="0.2">
      <c r="F1825" s="353"/>
      <c r="G1825" s="353"/>
      <c r="H1825" s="353"/>
      <c r="I1825" s="353"/>
      <c r="J1825" s="353"/>
    </row>
    <row r="1826" spans="6:10" s="410" customFormat="1" x14ac:dyDescent="0.2">
      <c r="F1826" s="353"/>
      <c r="G1826" s="353"/>
      <c r="H1826" s="353"/>
      <c r="I1826" s="353"/>
      <c r="J1826" s="353"/>
    </row>
    <row r="1827" spans="6:10" s="410" customFormat="1" x14ac:dyDescent="0.2">
      <c r="F1827" s="353"/>
      <c r="G1827" s="353"/>
      <c r="H1827" s="353"/>
      <c r="I1827" s="353"/>
      <c r="J1827" s="353"/>
    </row>
    <row r="1828" spans="6:10" s="410" customFormat="1" x14ac:dyDescent="0.2">
      <c r="F1828" s="353"/>
      <c r="G1828" s="353"/>
      <c r="H1828" s="353"/>
      <c r="I1828" s="353"/>
      <c r="J1828" s="353"/>
    </row>
    <row r="1829" spans="6:10" s="410" customFormat="1" x14ac:dyDescent="0.2">
      <c r="F1829" s="353"/>
      <c r="G1829" s="353"/>
      <c r="H1829" s="353"/>
      <c r="I1829" s="353"/>
      <c r="J1829" s="353"/>
    </row>
    <row r="1830" spans="6:10" s="410" customFormat="1" x14ac:dyDescent="0.2">
      <c r="F1830" s="353"/>
      <c r="G1830" s="353"/>
      <c r="H1830" s="353"/>
      <c r="I1830" s="353"/>
      <c r="J1830" s="353"/>
    </row>
    <row r="1831" spans="6:10" s="410" customFormat="1" x14ac:dyDescent="0.2">
      <c r="F1831" s="353"/>
      <c r="G1831" s="353"/>
      <c r="H1831" s="353"/>
      <c r="I1831" s="353"/>
      <c r="J1831" s="353"/>
    </row>
    <row r="1832" spans="6:10" s="410" customFormat="1" x14ac:dyDescent="0.2">
      <c r="F1832" s="353"/>
      <c r="G1832" s="353"/>
      <c r="H1832" s="353"/>
      <c r="I1832" s="353"/>
      <c r="J1832" s="353"/>
    </row>
    <row r="1833" spans="6:10" s="410" customFormat="1" x14ac:dyDescent="0.2">
      <c r="F1833" s="353"/>
      <c r="G1833" s="353"/>
      <c r="H1833" s="353"/>
      <c r="I1833" s="353"/>
      <c r="J1833" s="353"/>
    </row>
    <row r="1834" spans="6:10" s="410" customFormat="1" x14ac:dyDescent="0.2">
      <c r="F1834" s="353"/>
      <c r="G1834" s="353"/>
      <c r="H1834" s="353"/>
      <c r="I1834" s="353"/>
      <c r="J1834" s="353"/>
    </row>
    <row r="1835" spans="6:10" s="410" customFormat="1" x14ac:dyDescent="0.2">
      <c r="F1835" s="353"/>
      <c r="G1835" s="353"/>
      <c r="H1835" s="353"/>
      <c r="I1835" s="353"/>
      <c r="J1835" s="353"/>
    </row>
    <row r="1836" spans="6:10" s="410" customFormat="1" x14ac:dyDescent="0.2">
      <c r="F1836" s="353"/>
      <c r="G1836" s="353"/>
      <c r="H1836" s="353"/>
      <c r="I1836" s="353"/>
      <c r="J1836" s="353"/>
    </row>
    <row r="1837" spans="6:10" s="410" customFormat="1" x14ac:dyDescent="0.2">
      <c r="F1837" s="353"/>
      <c r="G1837" s="353"/>
      <c r="H1837" s="353"/>
      <c r="I1837" s="353"/>
      <c r="J1837" s="353"/>
    </row>
    <row r="1838" spans="6:10" s="410" customFormat="1" x14ac:dyDescent="0.2">
      <c r="F1838" s="353"/>
      <c r="G1838" s="353"/>
      <c r="H1838" s="353"/>
      <c r="I1838" s="353"/>
      <c r="J1838" s="353"/>
    </row>
    <row r="1839" spans="6:10" s="410" customFormat="1" x14ac:dyDescent="0.2">
      <c r="F1839" s="353"/>
      <c r="G1839" s="353"/>
      <c r="H1839" s="353"/>
      <c r="I1839" s="353"/>
      <c r="J1839" s="353"/>
    </row>
    <row r="1840" spans="6:10" s="410" customFormat="1" x14ac:dyDescent="0.2">
      <c r="F1840" s="353"/>
      <c r="G1840" s="353"/>
      <c r="H1840" s="353"/>
      <c r="I1840" s="353"/>
      <c r="J1840" s="353"/>
    </row>
    <row r="1841" spans="6:10" s="410" customFormat="1" x14ac:dyDescent="0.2">
      <c r="F1841" s="353"/>
      <c r="G1841" s="353"/>
      <c r="H1841" s="353"/>
      <c r="I1841" s="353"/>
      <c r="J1841" s="353"/>
    </row>
    <row r="1842" spans="6:10" s="410" customFormat="1" x14ac:dyDescent="0.2">
      <c r="F1842" s="353"/>
      <c r="G1842" s="353"/>
      <c r="H1842" s="353"/>
      <c r="I1842" s="353"/>
      <c r="J1842" s="353"/>
    </row>
    <row r="1843" spans="6:10" s="410" customFormat="1" x14ac:dyDescent="0.2">
      <c r="F1843" s="353"/>
      <c r="G1843" s="353"/>
      <c r="H1843" s="353"/>
      <c r="I1843" s="353"/>
      <c r="J1843" s="353"/>
    </row>
    <row r="1844" spans="6:10" s="410" customFormat="1" x14ac:dyDescent="0.2">
      <c r="F1844" s="353"/>
      <c r="G1844" s="353"/>
      <c r="H1844" s="353"/>
      <c r="I1844" s="353"/>
      <c r="J1844" s="353"/>
    </row>
    <row r="1845" spans="6:10" s="410" customFormat="1" x14ac:dyDescent="0.2">
      <c r="F1845" s="353"/>
      <c r="G1845" s="353"/>
      <c r="H1845" s="353"/>
      <c r="I1845" s="353"/>
      <c r="J1845" s="353"/>
    </row>
    <row r="1846" spans="6:10" s="410" customFormat="1" x14ac:dyDescent="0.2">
      <c r="F1846" s="353"/>
      <c r="G1846" s="353"/>
      <c r="H1846" s="353"/>
      <c r="I1846" s="353"/>
      <c r="J1846" s="353"/>
    </row>
    <row r="1847" spans="6:10" s="410" customFormat="1" x14ac:dyDescent="0.2">
      <c r="F1847" s="353"/>
      <c r="G1847" s="353"/>
      <c r="H1847" s="353"/>
      <c r="I1847" s="353"/>
      <c r="J1847" s="353"/>
    </row>
    <row r="1848" spans="6:10" s="410" customFormat="1" x14ac:dyDescent="0.2">
      <c r="F1848" s="353"/>
      <c r="G1848" s="353"/>
      <c r="H1848" s="353"/>
      <c r="I1848" s="353"/>
      <c r="J1848" s="353"/>
    </row>
    <row r="1849" spans="6:10" s="410" customFormat="1" x14ac:dyDescent="0.2">
      <c r="F1849" s="353"/>
      <c r="G1849" s="353"/>
      <c r="H1849" s="353"/>
      <c r="I1849" s="353"/>
      <c r="J1849" s="353"/>
    </row>
    <row r="1850" spans="6:10" s="410" customFormat="1" x14ac:dyDescent="0.2">
      <c r="F1850" s="353"/>
      <c r="G1850" s="353"/>
      <c r="H1850" s="353"/>
      <c r="I1850" s="353"/>
      <c r="J1850" s="353"/>
    </row>
    <row r="1851" spans="6:10" s="410" customFormat="1" x14ac:dyDescent="0.2">
      <c r="F1851" s="353"/>
      <c r="G1851" s="353"/>
      <c r="H1851" s="353"/>
      <c r="I1851" s="353"/>
      <c r="J1851" s="353"/>
    </row>
    <row r="1852" spans="6:10" s="410" customFormat="1" x14ac:dyDescent="0.2">
      <c r="F1852" s="353"/>
      <c r="G1852" s="353"/>
      <c r="H1852" s="353"/>
      <c r="I1852" s="353"/>
      <c r="J1852" s="353"/>
    </row>
    <row r="1853" spans="6:10" s="410" customFormat="1" x14ac:dyDescent="0.2">
      <c r="F1853" s="353"/>
      <c r="G1853" s="353"/>
      <c r="H1853" s="353"/>
      <c r="I1853" s="353"/>
      <c r="J1853" s="353"/>
    </row>
    <row r="1854" spans="6:10" s="410" customFormat="1" x14ac:dyDescent="0.2">
      <c r="F1854" s="353"/>
      <c r="G1854" s="353"/>
      <c r="H1854" s="353"/>
      <c r="I1854" s="353"/>
      <c r="J1854" s="353"/>
    </row>
    <row r="1855" spans="6:10" s="410" customFormat="1" x14ac:dyDescent="0.2">
      <c r="F1855" s="353"/>
      <c r="G1855" s="353"/>
      <c r="H1855" s="353"/>
      <c r="I1855" s="353"/>
      <c r="J1855" s="353"/>
    </row>
    <row r="1856" spans="6:10" s="410" customFormat="1" x14ac:dyDescent="0.2">
      <c r="F1856" s="353"/>
      <c r="G1856" s="353"/>
      <c r="H1856" s="353"/>
      <c r="I1856" s="353"/>
      <c r="J1856" s="353"/>
    </row>
    <row r="1857" spans="6:10" s="410" customFormat="1" x14ac:dyDescent="0.2">
      <c r="F1857" s="353"/>
      <c r="G1857" s="353"/>
      <c r="H1857" s="353"/>
      <c r="I1857" s="353"/>
      <c r="J1857" s="353"/>
    </row>
    <row r="1858" spans="6:10" s="410" customFormat="1" x14ac:dyDescent="0.2">
      <c r="F1858" s="353"/>
      <c r="G1858" s="353"/>
      <c r="H1858" s="353"/>
      <c r="I1858" s="353"/>
      <c r="J1858" s="353"/>
    </row>
    <row r="1859" spans="6:10" s="410" customFormat="1" x14ac:dyDescent="0.2">
      <c r="F1859" s="353"/>
      <c r="G1859" s="353"/>
      <c r="H1859" s="353"/>
      <c r="I1859" s="353"/>
      <c r="J1859" s="353"/>
    </row>
    <row r="1860" spans="6:10" s="410" customFormat="1" x14ac:dyDescent="0.2">
      <c r="F1860" s="353"/>
      <c r="G1860" s="353"/>
      <c r="H1860" s="353"/>
      <c r="I1860" s="353"/>
      <c r="J1860" s="353"/>
    </row>
    <row r="1861" spans="6:10" s="410" customFormat="1" x14ac:dyDescent="0.2">
      <c r="F1861" s="353"/>
      <c r="G1861" s="353"/>
      <c r="H1861" s="353"/>
      <c r="I1861" s="353"/>
      <c r="J1861" s="353"/>
    </row>
    <row r="1862" spans="6:10" s="410" customFormat="1" x14ac:dyDescent="0.2">
      <c r="F1862" s="353"/>
      <c r="G1862" s="353"/>
      <c r="H1862" s="353"/>
      <c r="I1862" s="353"/>
      <c r="J1862" s="353"/>
    </row>
    <row r="1863" spans="6:10" s="410" customFormat="1" x14ac:dyDescent="0.2">
      <c r="F1863" s="353"/>
      <c r="G1863" s="353"/>
      <c r="H1863" s="353"/>
      <c r="I1863" s="353"/>
      <c r="J1863" s="353"/>
    </row>
    <row r="1864" spans="6:10" s="410" customFormat="1" x14ac:dyDescent="0.2">
      <c r="F1864" s="353"/>
      <c r="G1864" s="353"/>
      <c r="H1864" s="353"/>
      <c r="I1864" s="353"/>
      <c r="J1864" s="353"/>
    </row>
    <row r="1865" spans="6:10" s="410" customFormat="1" x14ac:dyDescent="0.2">
      <c r="F1865" s="353"/>
      <c r="G1865" s="353"/>
      <c r="H1865" s="353"/>
      <c r="I1865" s="353"/>
      <c r="J1865" s="353"/>
    </row>
    <row r="1866" spans="6:10" s="410" customFormat="1" x14ac:dyDescent="0.2">
      <c r="F1866" s="353"/>
      <c r="G1866" s="353"/>
      <c r="H1866" s="353"/>
      <c r="I1866" s="353"/>
      <c r="J1866" s="353"/>
    </row>
    <row r="1867" spans="6:10" s="410" customFormat="1" x14ac:dyDescent="0.2">
      <c r="F1867" s="353"/>
      <c r="G1867" s="353"/>
      <c r="H1867" s="353"/>
      <c r="I1867" s="353"/>
      <c r="J1867" s="353"/>
    </row>
    <row r="1868" spans="6:10" s="410" customFormat="1" x14ac:dyDescent="0.2">
      <c r="F1868" s="353"/>
      <c r="G1868" s="353"/>
      <c r="H1868" s="353"/>
      <c r="I1868" s="353"/>
      <c r="J1868" s="353"/>
    </row>
    <row r="1869" spans="6:10" s="410" customFormat="1" x14ac:dyDescent="0.2">
      <c r="F1869" s="353"/>
      <c r="G1869" s="353"/>
      <c r="H1869" s="353"/>
      <c r="I1869" s="353"/>
      <c r="J1869" s="353"/>
    </row>
    <row r="1870" spans="6:10" s="410" customFormat="1" x14ac:dyDescent="0.2">
      <c r="F1870" s="353"/>
      <c r="G1870" s="353"/>
      <c r="H1870" s="353"/>
      <c r="I1870" s="353"/>
      <c r="J1870" s="353"/>
    </row>
    <row r="1871" spans="6:10" s="410" customFormat="1" x14ac:dyDescent="0.2">
      <c r="F1871" s="353"/>
      <c r="G1871" s="353"/>
      <c r="H1871" s="353"/>
      <c r="I1871" s="353"/>
      <c r="J1871" s="353"/>
    </row>
    <row r="1872" spans="6:10" s="410" customFormat="1" x14ac:dyDescent="0.2">
      <c r="F1872" s="353"/>
      <c r="G1872" s="353"/>
      <c r="H1872" s="353"/>
      <c r="I1872" s="353"/>
      <c r="J1872" s="353"/>
    </row>
    <row r="1873" spans="6:10" s="410" customFormat="1" x14ac:dyDescent="0.2">
      <c r="F1873" s="353"/>
      <c r="G1873" s="353"/>
      <c r="H1873" s="353"/>
      <c r="I1873" s="353"/>
      <c r="J1873" s="353"/>
    </row>
    <row r="1874" spans="6:10" s="410" customFormat="1" x14ac:dyDescent="0.2">
      <c r="F1874" s="353"/>
      <c r="G1874" s="353"/>
      <c r="H1874" s="353"/>
      <c r="I1874" s="353"/>
      <c r="J1874" s="353"/>
    </row>
    <row r="1875" spans="6:10" s="410" customFormat="1" x14ac:dyDescent="0.2">
      <c r="F1875" s="353"/>
      <c r="G1875" s="353"/>
      <c r="H1875" s="353"/>
      <c r="I1875" s="353"/>
      <c r="J1875" s="353"/>
    </row>
    <row r="1876" spans="6:10" s="410" customFormat="1" x14ac:dyDescent="0.2">
      <c r="F1876" s="353"/>
      <c r="G1876" s="353"/>
      <c r="H1876" s="353"/>
      <c r="I1876" s="353"/>
      <c r="J1876" s="353"/>
    </row>
    <row r="1877" spans="6:10" s="410" customFormat="1" x14ac:dyDescent="0.2">
      <c r="F1877" s="353"/>
      <c r="G1877" s="353"/>
      <c r="H1877" s="353"/>
      <c r="I1877" s="353"/>
      <c r="J1877" s="353"/>
    </row>
    <row r="1878" spans="6:10" s="410" customFormat="1" x14ac:dyDescent="0.2">
      <c r="F1878" s="353"/>
      <c r="G1878" s="353"/>
      <c r="H1878" s="353"/>
      <c r="I1878" s="353"/>
      <c r="J1878" s="353"/>
    </row>
    <row r="1879" spans="6:10" s="410" customFormat="1" x14ac:dyDescent="0.2">
      <c r="F1879" s="353"/>
      <c r="G1879" s="353"/>
      <c r="H1879" s="353"/>
      <c r="I1879" s="353"/>
      <c r="J1879" s="353"/>
    </row>
    <row r="1880" spans="6:10" s="410" customFormat="1" x14ac:dyDescent="0.2">
      <c r="F1880" s="353"/>
      <c r="G1880" s="353"/>
      <c r="H1880" s="353"/>
      <c r="I1880" s="353"/>
      <c r="J1880" s="353"/>
    </row>
    <row r="1881" spans="6:10" s="410" customFormat="1" x14ac:dyDescent="0.2">
      <c r="F1881" s="353"/>
      <c r="G1881" s="353"/>
      <c r="H1881" s="353"/>
      <c r="I1881" s="353"/>
      <c r="J1881" s="353"/>
    </row>
    <row r="1882" spans="6:10" s="410" customFormat="1" x14ac:dyDescent="0.2">
      <c r="F1882" s="353"/>
      <c r="G1882" s="353"/>
      <c r="H1882" s="353"/>
      <c r="I1882" s="353"/>
      <c r="J1882" s="353"/>
    </row>
    <row r="1883" spans="6:10" s="410" customFormat="1" x14ac:dyDescent="0.2">
      <c r="F1883" s="353"/>
      <c r="G1883" s="353"/>
      <c r="H1883" s="353"/>
      <c r="I1883" s="353"/>
      <c r="J1883" s="353"/>
    </row>
    <row r="1884" spans="6:10" s="410" customFormat="1" x14ac:dyDescent="0.2">
      <c r="F1884" s="353"/>
      <c r="G1884" s="353"/>
      <c r="H1884" s="353"/>
      <c r="I1884" s="353"/>
      <c r="J1884" s="353"/>
    </row>
    <row r="1885" spans="6:10" s="410" customFormat="1" x14ac:dyDescent="0.2">
      <c r="F1885" s="353"/>
      <c r="G1885" s="353"/>
      <c r="H1885" s="353"/>
      <c r="I1885" s="353"/>
      <c r="J1885" s="353"/>
    </row>
    <row r="1886" spans="6:10" s="410" customFormat="1" x14ac:dyDescent="0.2">
      <c r="F1886" s="353"/>
      <c r="G1886" s="353"/>
      <c r="H1886" s="353"/>
      <c r="I1886" s="353"/>
      <c r="J1886" s="353"/>
    </row>
    <row r="1887" spans="6:10" s="410" customFormat="1" x14ac:dyDescent="0.2">
      <c r="F1887" s="353"/>
      <c r="G1887" s="353"/>
      <c r="H1887" s="353"/>
      <c r="I1887" s="353"/>
      <c r="J1887" s="353"/>
    </row>
    <row r="1888" spans="6:10" s="410" customFormat="1" x14ac:dyDescent="0.2">
      <c r="F1888" s="353"/>
      <c r="G1888" s="353"/>
      <c r="H1888" s="353"/>
      <c r="I1888" s="353"/>
      <c r="J1888" s="353"/>
    </row>
    <row r="1889" spans="6:10" s="410" customFormat="1" x14ac:dyDescent="0.2">
      <c r="F1889" s="353"/>
      <c r="G1889" s="353"/>
      <c r="H1889" s="353"/>
      <c r="I1889" s="353"/>
      <c r="J1889" s="353"/>
    </row>
    <row r="1890" spans="6:10" s="410" customFormat="1" x14ac:dyDescent="0.2">
      <c r="F1890" s="353"/>
      <c r="G1890" s="353"/>
      <c r="H1890" s="353"/>
      <c r="I1890" s="353"/>
      <c r="J1890" s="353"/>
    </row>
    <row r="1891" spans="6:10" s="410" customFormat="1" x14ac:dyDescent="0.2">
      <c r="F1891" s="353"/>
      <c r="G1891" s="353"/>
      <c r="H1891" s="353"/>
      <c r="I1891" s="353"/>
      <c r="J1891" s="353"/>
    </row>
    <row r="1892" spans="6:10" s="410" customFormat="1" x14ac:dyDescent="0.2">
      <c r="F1892" s="353"/>
      <c r="G1892" s="353"/>
      <c r="H1892" s="353"/>
      <c r="I1892" s="353"/>
      <c r="J1892" s="353"/>
    </row>
    <row r="1893" spans="6:10" s="410" customFormat="1" x14ac:dyDescent="0.2">
      <c r="F1893" s="353"/>
      <c r="G1893" s="353"/>
      <c r="H1893" s="353"/>
      <c r="I1893" s="353"/>
      <c r="J1893" s="353"/>
    </row>
    <row r="1894" spans="6:10" s="410" customFormat="1" x14ac:dyDescent="0.2">
      <c r="F1894" s="353"/>
      <c r="G1894" s="353"/>
      <c r="H1894" s="353"/>
      <c r="I1894" s="353"/>
      <c r="J1894" s="353"/>
    </row>
    <row r="1895" spans="6:10" s="410" customFormat="1" x14ac:dyDescent="0.2">
      <c r="F1895" s="353"/>
      <c r="G1895" s="353"/>
      <c r="H1895" s="353"/>
      <c r="I1895" s="353"/>
      <c r="J1895" s="353"/>
    </row>
    <row r="1896" spans="6:10" s="410" customFormat="1" x14ac:dyDescent="0.2">
      <c r="F1896" s="353"/>
      <c r="G1896" s="353"/>
      <c r="H1896" s="353"/>
      <c r="I1896" s="353"/>
      <c r="J1896" s="353"/>
    </row>
    <row r="1897" spans="6:10" s="410" customFormat="1" x14ac:dyDescent="0.2">
      <c r="F1897" s="353"/>
      <c r="G1897" s="353"/>
      <c r="H1897" s="353"/>
      <c r="I1897" s="353"/>
      <c r="J1897" s="353"/>
    </row>
    <row r="1898" spans="6:10" s="410" customFormat="1" x14ac:dyDescent="0.2">
      <c r="F1898" s="353"/>
      <c r="G1898" s="353"/>
      <c r="H1898" s="353"/>
      <c r="I1898" s="353"/>
      <c r="J1898" s="353"/>
    </row>
    <row r="1899" spans="6:10" s="410" customFormat="1" x14ac:dyDescent="0.2">
      <c r="F1899" s="353"/>
      <c r="G1899" s="353"/>
      <c r="H1899" s="353"/>
      <c r="I1899" s="353"/>
      <c r="J1899" s="353"/>
    </row>
    <row r="1900" spans="6:10" s="410" customFormat="1" x14ac:dyDescent="0.2">
      <c r="F1900" s="353"/>
      <c r="G1900" s="353"/>
      <c r="H1900" s="353"/>
      <c r="I1900" s="353"/>
      <c r="J1900" s="353"/>
    </row>
    <row r="1901" spans="6:10" s="410" customFormat="1" x14ac:dyDescent="0.2">
      <c r="F1901" s="353"/>
      <c r="G1901" s="353"/>
      <c r="H1901" s="353"/>
      <c r="I1901" s="353"/>
      <c r="J1901" s="353"/>
    </row>
    <row r="1902" spans="6:10" s="410" customFormat="1" x14ac:dyDescent="0.2">
      <c r="F1902" s="353"/>
      <c r="G1902" s="353"/>
      <c r="H1902" s="353"/>
      <c r="I1902" s="353"/>
      <c r="J1902" s="353"/>
    </row>
    <row r="1903" spans="6:10" s="410" customFormat="1" x14ac:dyDescent="0.2">
      <c r="F1903" s="353"/>
      <c r="G1903" s="353"/>
      <c r="H1903" s="353"/>
      <c r="I1903" s="353"/>
      <c r="J1903" s="353"/>
    </row>
    <row r="1904" spans="6:10" s="410" customFormat="1" x14ac:dyDescent="0.2">
      <c r="F1904" s="353"/>
      <c r="G1904" s="353"/>
      <c r="H1904" s="353"/>
      <c r="I1904" s="353"/>
      <c r="J1904" s="353"/>
    </row>
    <row r="1905" spans="6:10" s="410" customFormat="1" x14ac:dyDescent="0.2">
      <c r="F1905" s="353"/>
      <c r="G1905" s="353"/>
      <c r="H1905" s="353"/>
      <c r="I1905" s="353"/>
      <c r="J1905" s="353"/>
    </row>
    <row r="1906" spans="6:10" s="410" customFormat="1" x14ac:dyDescent="0.2">
      <c r="F1906" s="353"/>
      <c r="G1906" s="353"/>
      <c r="H1906" s="353"/>
      <c r="I1906" s="353"/>
      <c r="J1906" s="353"/>
    </row>
    <row r="1907" spans="6:10" s="410" customFormat="1" x14ac:dyDescent="0.2">
      <c r="F1907" s="353"/>
      <c r="G1907" s="353"/>
      <c r="H1907" s="353"/>
      <c r="I1907" s="353"/>
      <c r="J1907" s="353"/>
    </row>
    <row r="1908" spans="6:10" s="410" customFormat="1" x14ac:dyDescent="0.2">
      <c r="F1908" s="353"/>
      <c r="G1908" s="353"/>
      <c r="H1908" s="353"/>
      <c r="I1908" s="353"/>
      <c r="J1908" s="353"/>
    </row>
    <row r="1909" spans="6:10" s="410" customFormat="1" x14ac:dyDescent="0.2">
      <c r="F1909" s="353"/>
      <c r="G1909" s="353"/>
      <c r="H1909" s="353"/>
      <c r="I1909" s="353"/>
      <c r="J1909" s="353"/>
    </row>
    <row r="1910" spans="6:10" s="410" customFormat="1" x14ac:dyDescent="0.2">
      <c r="F1910" s="353"/>
      <c r="G1910" s="353"/>
      <c r="H1910" s="353"/>
      <c r="I1910" s="353"/>
      <c r="J1910" s="353"/>
    </row>
    <row r="1911" spans="6:10" s="410" customFormat="1" x14ac:dyDescent="0.2">
      <c r="F1911" s="353"/>
      <c r="G1911" s="353"/>
      <c r="H1911" s="353"/>
      <c r="I1911" s="353"/>
      <c r="J1911" s="353"/>
    </row>
    <row r="1912" spans="6:10" s="410" customFormat="1" x14ac:dyDescent="0.2">
      <c r="F1912" s="353"/>
      <c r="G1912" s="353"/>
      <c r="H1912" s="353"/>
      <c r="I1912" s="353"/>
      <c r="J1912" s="353"/>
    </row>
    <row r="1913" spans="6:10" s="410" customFormat="1" x14ac:dyDescent="0.2">
      <c r="F1913" s="353"/>
      <c r="G1913" s="353"/>
      <c r="H1913" s="353"/>
      <c r="I1913" s="353"/>
      <c r="J1913" s="353"/>
    </row>
    <row r="1914" spans="6:10" s="410" customFormat="1" x14ac:dyDescent="0.2">
      <c r="F1914" s="353"/>
      <c r="G1914" s="353"/>
      <c r="H1914" s="353"/>
      <c r="I1914" s="353"/>
      <c r="J1914" s="353"/>
    </row>
    <row r="1915" spans="6:10" s="410" customFormat="1" x14ac:dyDescent="0.2">
      <c r="F1915" s="353"/>
      <c r="G1915" s="353"/>
      <c r="H1915" s="353"/>
      <c r="I1915" s="353"/>
      <c r="J1915" s="353"/>
    </row>
    <row r="1916" spans="6:10" s="410" customFormat="1" x14ac:dyDescent="0.2">
      <c r="F1916" s="353"/>
      <c r="G1916" s="353"/>
      <c r="H1916" s="353"/>
      <c r="I1916" s="353"/>
      <c r="J1916" s="353"/>
    </row>
    <row r="1917" spans="6:10" s="410" customFormat="1" x14ac:dyDescent="0.2">
      <c r="F1917" s="353"/>
      <c r="G1917" s="353"/>
      <c r="H1917" s="353"/>
      <c r="I1917" s="353"/>
      <c r="J1917" s="353"/>
    </row>
    <row r="1918" spans="6:10" s="410" customFormat="1" x14ac:dyDescent="0.2">
      <c r="F1918" s="353"/>
      <c r="G1918" s="353"/>
      <c r="H1918" s="353"/>
      <c r="I1918" s="353"/>
      <c r="J1918" s="353"/>
    </row>
    <row r="1919" spans="6:10" s="410" customFormat="1" x14ac:dyDescent="0.2">
      <c r="F1919" s="353"/>
      <c r="G1919" s="353"/>
      <c r="H1919" s="353"/>
      <c r="I1919" s="353"/>
      <c r="J1919" s="353"/>
    </row>
    <row r="1920" spans="6:10" s="410" customFormat="1" x14ac:dyDescent="0.2">
      <c r="F1920" s="353"/>
      <c r="G1920" s="353"/>
      <c r="H1920" s="353"/>
      <c r="I1920" s="353"/>
      <c r="J1920" s="353"/>
    </row>
    <row r="1921" spans="6:10" s="410" customFormat="1" x14ac:dyDescent="0.2">
      <c r="F1921" s="353"/>
      <c r="G1921" s="353"/>
      <c r="H1921" s="353"/>
      <c r="I1921" s="353"/>
      <c r="J1921" s="353"/>
    </row>
    <row r="1922" spans="6:10" s="410" customFormat="1" x14ac:dyDescent="0.2">
      <c r="F1922" s="353"/>
      <c r="G1922" s="353"/>
      <c r="H1922" s="353"/>
      <c r="I1922" s="353"/>
      <c r="J1922" s="353"/>
    </row>
    <row r="1923" spans="6:10" s="410" customFormat="1" x14ac:dyDescent="0.2">
      <c r="F1923" s="353"/>
      <c r="G1923" s="353"/>
      <c r="H1923" s="353"/>
      <c r="I1923" s="353"/>
      <c r="J1923" s="353"/>
    </row>
    <row r="1924" spans="6:10" s="410" customFormat="1" x14ac:dyDescent="0.2">
      <c r="F1924" s="353"/>
      <c r="G1924" s="353"/>
      <c r="H1924" s="353"/>
      <c r="I1924" s="353"/>
      <c r="J1924" s="353"/>
    </row>
    <row r="1925" spans="6:10" s="410" customFormat="1" x14ac:dyDescent="0.2">
      <c r="F1925" s="353"/>
      <c r="G1925" s="353"/>
      <c r="H1925" s="353"/>
      <c r="I1925" s="353"/>
      <c r="J1925" s="353"/>
    </row>
    <row r="1926" spans="6:10" s="410" customFormat="1" x14ac:dyDescent="0.2">
      <c r="F1926" s="353"/>
      <c r="G1926" s="353"/>
      <c r="H1926" s="353"/>
      <c r="I1926" s="353"/>
      <c r="J1926" s="353"/>
    </row>
    <row r="1927" spans="6:10" s="410" customFormat="1" x14ac:dyDescent="0.2">
      <c r="F1927" s="353"/>
      <c r="G1927" s="353"/>
      <c r="H1927" s="353"/>
      <c r="I1927" s="353"/>
      <c r="J1927" s="353"/>
    </row>
    <row r="1928" spans="6:10" s="410" customFormat="1" x14ac:dyDescent="0.2">
      <c r="F1928" s="353"/>
      <c r="G1928" s="353"/>
      <c r="H1928" s="353"/>
      <c r="I1928" s="353"/>
      <c r="J1928" s="353"/>
    </row>
    <row r="1929" spans="6:10" s="410" customFormat="1" x14ac:dyDescent="0.2">
      <c r="F1929" s="353"/>
      <c r="G1929" s="353"/>
      <c r="H1929" s="353"/>
      <c r="I1929" s="353"/>
      <c r="J1929" s="353"/>
    </row>
    <row r="1930" spans="6:10" s="410" customFormat="1" x14ac:dyDescent="0.2">
      <c r="F1930" s="353"/>
      <c r="G1930" s="353"/>
      <c r="H1930" s="353"/>
      <c r="I1930" s="353"/>
      <c r="J1930" s="353"/>
    </row>
    <row r="1931" spans="6:10" s="410" customFormat="1" x14ac:dyDescent="0.2">
      <c r="F1931" s="353"/>
      <c r="G1931" s="353"/>
      <c r="H1931" s="353"/>
      <c r="I1931" s="353"/>
      <c r="J1931" s="353"/>
    </row>
    <row r="1932" spans="6:10" s="410" customFormat="1" x14ac:dyDescent="0.2">
      <c r="F1932" s="353"/>
      <c r="G1932" s="353"/>
      <c r="H1932" s="353"/>
      <c r="I1932" s="353"/>
      <c r="J1932" s="353"/>
    </row>
    <row r="1933" spans="6:10" s="410" customFormat="1" x14ac:dyDescent="0.2">
      <c r="F1933" s="353"/>
      <c r="G1933" s="353"/>
      <c r="H1933" s="353"/>
      <c r="I1933" s="353"/>
      <c r="J1933" s="353"/>
    </row>
    <row r="1934" spans="6:10" s="410" customFormat="1" x14ac:dyDescent="0.2">
      <c r="F1934" s="353"/>
      <c r="G1934" s="353"/>
      <c r="H1934" s="353"/>
      <c r="I1934" s="353"/>
      <c r="J1934" s="353"/>
    </row>
    <row r="1935" spans="6:10" s="410" customFormat="1" x14ac:dyDescent="0.2">
      <c r="F1935" s="353"/>
      <c r="G1935" s="353"/>
      <c r="H1935" s="353"/>
      <c r="I1935" s="353"/>
      <c r="J1935" s="353"/>
    </row>
    <row r="1936" spans="6:10" s="410" customFormat="1" x14ac:dyDescent="0.2">
      <c r="F1936" s="353"/>
      <c r="G1936" s="353"/>
      <c r="H1936" s="353"/>
      <c r="I1936" s="353"/>
      <c r="J1936" s="353"/>
    </row>
    <row r="1937" spans="6:10" s="410" customFormat="1" x14ac:dyDescent="0.2">
      <c r="F1937" s="353"/>
      <c r="G1937" s="353"/>
      <c r="H1937" s="353"/>
      <c r="I1937" s="353"/>
      <c r="J1937" s="353"/>
    </row>
    <row r="1938" spans="6:10" s="410" customFormat="1" x14ac:dyDescent="0.2">
      <c r="F1938" s="353"/>
      <c r="G1938" s="353"/>
      <c r="H1938" s="353"/>
      <c r="I1938" s="353"/>
      <c r="J1938" s="353"/>
    </row>
    <row r="1939" spans="6:10" s="410" customFormat="1" x14ac:dyDescent="0.2">
      <c r="F1939" s="353"/>
      <c r="G1939" s="353"/>
      <c r="H1939" s="353"/>
      <c r="I1939" s="353"/>
      <c r="J1939" s="353"/>
    </row>
    <row r="1940" spans="6:10" s="410" customFormat="1" x14ac:dyDescent="0.2">
      <c r="F1940" s="353"/>
      <c r="G1940" s="353"/>
      <c r="H1940" s="353"/>
      <c r="I1940" s="353"/>
      <c r="J1940" s="353"/>
    </row>
    <row r="1941" spans="6:10" s="410" customFormat="1" x14ac:dyDescent="0.2">
      <c r="F1941" s="353"/>
      <c r="G1941" s="353"/>
      <c r="H1941" s="353"/>
      <c r="I1941" s="353"/>
      <c r="J1941" s="353"/>
    </row>
    <row r="1942" spans="6:10" s="410" customFormat="1" x14ac:dyDescent="0.2">
      <c r="F1942" s="353"/>
      <c r="G1942" s="353"/>
      <c r="H1942" s="353"/>
      <c r="I1942" s="353"/>
      <c r="J1942" s="353"/>
    </row>
    <row r="1943" spans="6:10" s="410" customFormat="1" x14ac:dyDescent="0.2">
      <c r="F1943" s="353"/>
      <c r="G1943" s="353"/>
      <c r="H1943" s="353"/>
      <c r="I1943" s="353"/>
      <c r="J1943" s="353"/>
    </row>
    <row r="1944" spans="6:10" s="410" customFormat="1" x14ac:dyDescent="0.2">
      <c r="F1944" s="353"/>
      <c r="G1944" s="353"/>
      <c r="H1944" s="353"/>
      <c r="I1944" s="353"/>
      <c r="J1944" s="353"/>
    </row>
    <row r="1945" spans="6:10" s="410" customFormat="1" x14ac:dyDescent="0.2">
      <c r="F1945" s="353"/>
      <c r="G1945" s="353"/>
      <c r="H1945" s="353"/>
      <c r="I1945" s="353"/>
      <c r="J1945" s="353"/>
    </row>
    <row r="1946" spans="6:10" s="410" customFormat="1" x14ac:dyDescent="0.2">
      <c r="F1946" s="353"/>
      <c r="G1946" s="353"/>
      <c r="H1946" s="353"/>
      <c r="I1946" s="353"/>
      <c r="J1946" s="353"/>
    </row>
    <row r="1947" spans="6:10" s="410" customFormat="1" x14ac:dyDescent="0.2">
      <c r="F1947" s="353"/>
      <c r="G1947" s="353"/>
      <c r="H1947" s="353"/>
      <c r="I1947" s="353"/>
      <c r="J1947" s="353"/>
    </row>
    <row r="1948" spans="6:10" s="410" customFormat="1" x14ac:dyDescent="0.2">
      <c r="F1948" s="353"/>
      <c r="G1948" s="353"/>
      <c r="H1948" s="353"/>
      <c r="I1948" s="353"/>
      <c r="J1948" s="353"/>
    </row>
    <row r="1949" spans="6:10" s="410" customFormat="1" x14ac:dyDescent="0.2">
      <c r="F1949" s="353"/>
      <c r="G1949" s="353"/>
      <c r="H1949" s="353"/>
      <c r="I1949" s="353"/>
      <c r="J1949" s="353"/>
    </row>
    <row r="1950" spans="6:10" s="410" customFormat="1" x14ac:dyDescent="0.2">
      <c r="F1950" s="353"/>
      <c r="G1950" s="353"/>
      <c r="H1950" s="353"/>
      <c r="I1950" s="353"/>
      <c r="J1950" s="353"/>
    </row>
    <row r="1951" spans="6:10" s="410" customFormat="1" x14ac:dyDescent="0.2">
      <c r="F1951" s="353"/>
      <c r="G1951" s="353"/>
      <c r="H1951" s="353"/>
      <c r="I1951" s="353"/>
      <c r="J1951" s="353"/>
    </row>
    <row r="1952" spans="6:10" s="410" customFormat="1" x14ac:dyDescent="0.2">
      <c r="F1952" s="353"/>
      <c r="G1952" s="353"/>
      <c r="H1952" s="353"/>
      <c r="I1952" s="353"/>
      <c r="J1952" s="353"/>
    </row>
    <row r="1953" spans="6:10" s="410" customFormat="1" x14ac:dyDescent="0.2">
      <c r="F1953" s="353"/>
      <c r="G1953" s="353"/>
      <c r="H1953" s="353"/>
      <c r="I1953" s="353"/>
      <c r="J1953" s="353"/>
    </row>
    <row r="1954" spans="6:10" s="410" customFormat="1" x14ac:dyDescent="0.2">
      <c r="F1954" s="353"/>
      <c r="G1954" s="353"/>
      <c r="H1954" s="353"/>
      <c r="I1954" s="353"/>
      <c r="J1954" s="353"/>
    </row>
    <row r="1955" spans="6:10" s="410" customFormat="1" x14ac:dyDescent="0.2">
      <c r="F1955" s="353"/>
      <c r="G1955" s="353"/>
      <c r="H1955" s="353"/>
      <c r="I1955" s="353"/>
      <c r="J1955" s="353"/>
    </row>
    <row r="1956" spans="6:10" s="410" customFormat="1" x14ac:dyDescent="0.2">
      <c r="F1956" s="353"/>
      <c r="G1956" s="353"/>
      <c r="H1956" s="353"/>
      <c r="I1956" s="353"/>
      <c r="J1956" s="353"/>
    </row>
    <row r="1957" spans="6:10" s="410" customFormat="1" x14ac:dyDescent="0.2">
      <c r="F1957" s="353"/>
      <c r="G1957" s="353"/>
      <c r="H1957" s="353"/>
      <c r="I1957" s="353"/>
      <c r="J1957" s="353"/>
    </row>
    <row r="1958" spans="6:10" s="410" customFormat="1" x14ac:dyDescent="0.2">
      <c r="F1958" s="353"/>
      <c r="G1958" s="353"/>
      <c r="H1958" s="353"/>
      <c r="I1958" s="353"/>
      <c r="J1958" s="353"/>
    </row>
    <row r="1959" spans="6:10" s="410" customFormat="1" x14ac:dyDescent="0.2">
      <c r="F1959" s="353"/>
      <c r="G1959" s="353"/>
      <c r="H1959" s="353"/>
      <c r="I1959" s="353"/>
      <c r="J1959" s="353"/>
    </row>
    <row r="1960" spans="6:10" s="410" customFormat="1" x14ac:dyDescent="0.2">
      <c r="F1960" s="353"/>
      <c r="G1960" s="353"/>
      <c r="H1960" s="353"/>
      <c r="I1960" s="353"/>
      <c r="J1960" s="353"/>
    </row>
    <row r="1961" spans="6:10" s="410" customFormat="1" x14ac:dyDescent="0.2">
      <c r="F1961" s="353"/>
      <c r="G1961" s="353"/>
      <c r="H1961" s="353"/>
      <c r="I1961" s="353"/>
      <c r="J1961" s="353"/>
    </row>
    <row r="1962" spans="6:10" s="410" customFormat="1" x14ac:dyDescent="0.2">
      <c r="F1962" s="353"/>
      <c r="G1962" s="353"/>
      <c r="H1962" s="353"/>
      <c r="I1962" s="353"/>
      <c r="J1962" s="353"/>
    </row>
    <row r="1963" spans="6:10" s="410" customFormat="1" x14ac:dyDescent="0.2">
      <c r="F1963" s="353"/>
      <c r="G1963" s="353"/>
      <c r="H1963" s="353"/>
      <c r="I1963" s="353"/>
      <c r="J1963" s="353"/>
    </row>
    <row r="1964" spans="6:10" s="410" customFormat="1" x14ac:dyDescent="0.2">
      <c r="F1964" s="353"/>
      <c r="G1964" s="353"/>
      <c r="H1964" s="353"/>
      <c r="I1964" s="353"/>
      <c r="J1964" s="353"/>
    </row>
    <row r="1965" spans="6:10" s="410" customFormat="1" x14ac:dyDescent="0.2">
      <c r="F1965" s="353"/>
      <c r="G1965" s="353"/>
      <c r="H1965" s="353"/>
      <c r="I1965" s="353"/>
      <c r="J1965" s="353"/>
    </row>
    <row r="1966" spans="6:10" s="410" customFormat="1" x14ac:dyDescent="0.2">
      <c r="F1966" s="353"/>
      <c r="G1966" s="353"/>
      <c r="H1966" s="353"/>
      <c r="I1966" s="353"/>
      <c r="J1966" s="353"/>
    </row>
    <row r="1967" spans="6:10" s="410" customFormat="1" x14ac:dyDescent="0.2">
      <c r="F1967" s="353"/>
      <c r="G1967" s="353"/>
      <c r="H1967" s="353"/>
      <c r="I1967" s="353"/>
      <c r="J1967" s="353"/>
    </row>
    <row r="1968" spans="6:10" s="410" customFormat="1" x14ac:dyDescent="0.2">
      <c r="F1968" s="353"/>
      <c r="G1968" s="353"/>
      <c r="H1968" s="353"/>
      <c r="I1968" s="353"/>
      <c r="J1968" s="353"/>
    </row>
    <row r="1969" spans="6:10" s="410" customFormat="1" x14ac:dyDescent="0.2">
      <c r="F1969" s="353"/>
      <c r="G1969" s="353"/>
      <c r="H1969" s="353"/>
      <c r="I1969" s="353"/>
      <c r="J1969" s="353"/>
    </row>
    <row r="1970" spans="6:10" s="410" customFormat="1" x14ac:dyDescent="0.2">
      <c r="F1970" s="353"/>
      <c r="G1970" s="353"/>
      <c r="H1970" s="353"/>
      <c r="I1970" s="353"/>
      <c r="J1970" s="353"/>
    </row>
    <row r="1971" spans="6:10" s="410" customFormat="1" x14ac:dyDescent="0.2">
      <c r="F1971" s="353"/>
      <c r="G1971" s="353"/>
      <c r="H1971" s="353"/>
      <c r="I1971" s="353"/>
      <c r="J1971" s="353"/>
    </row>
    <row r="1972" spans="6:10" s="410" customFormat="1" x14ac:dyDescent="0.2">
      <c r="F1972" s="353"/>
      <c r="G1972" s="353"/>
      <c r="H1972" s="353"/>
      <c r="I1972" s="353"/>
      <c r="J1972" s="353"/>
    </row>
    <row r="1973" spans="6:10" s="410" customFormat="1" x14ac:dyDescent="0.2">
      <c r="F1973" s="353"/>
      <c r="G1973" s="353"/>
      <c r="H1973" s="353"/>
      <c r="I1973" s="353"/>
      <c r="J1973" s="353"/>
    </row>
    <row r="1974" spans="6:10" s="410" customFormat="1" x14ac:dyDescent="0.2">
      <c r="F1974" s="353"/>
      <c r="G1974" s="353"/>
      <c r="H1974" s="353"/>
      <c r="I1974" s="353"/>
      <c r="J1974" s="353"/>
    </row>
    <row r="1975" spans="6:10" s="410" customFormat="1" x14ac:dyDescent="0.2">
      <c r="F1975" s="353"/>
      <c r="G1975" s="353"/>
      <c r="H1975" s="353"/>
      <c r="I1975" s="353"/>
      <c r="J1975" s="353"/>
    </row>
    <row r="1976" spans="6:10" s="410" customFormat="1" x14ac:dyDescent="0.2">
      <c r="F1976" s="353"/>
      <c r="G1976" s="353"/>
      <c r="H1976" s="353"/>
      <c r="I1976" s="353"/>
      <c r="J1976" s="353"/>
    </row>
    <row r="1977" spans="6:10" s="410" customFormat="1" x14ac:dyDescent="0.2">
      <c r="F1977" s="353"/>
      <c r="G1977" s="353"/>
      <c r="H1977" s="353"/>
      <c r="I1977" s="353"/>
      <c r="J1977" s="353"/>
    </row>
    <row r="1978" spans="6:10" s="410" customFormat="1" x14ac:dyDescent="0.2">
      <c r="F1978" s="353"/>
      <c r="G1978" s="353"/>
      <c r="H1978" s="353"/>
      <c r="I1978" s="353"/>
      <c r="J1978" s="353"/>
    </row>
    <row r="1979" spans="6:10" s="410" customFormat="1" x14ac:dyDescent="0.2">
      <c r="F1979" s="353"/>
      <c r="G1979" s="353"/>
      <c r="H1979" s="353"/>
      <c r="I1979" s="353"/>
      <c r="J1979" s="353"/>
    </row>
    <row r="1980" spans="6:10" s="410" customFormat="1" x14ac:dyDescent="0.2">
      <c r="F1980" s="353"/>
      <c r="G1980" s="353"/>
      <c r="H1980" s="353"/>
      <c r="I1980" s="353"/>
      <c r="J1980" s="353"/>
    </row>
    <row r="1981" spans="6:10" s="410" customFormat="1" x14ac:dyDescent="0.2">
      <c r="F1981" s="353"/>
      <c r="G1981" s="353"/>
      <c r="H1981" s="353"/>
      <c r="I1981" s="353"/>
      <c r="J1981" s="353"/>
    </row>
    <row r="1982" spans="6:10" s="410" customFormat="1" x14ac:dyDescent="0.2">
      <c r="F1982" s="353"/>
      <c r="G1982" s="353"/>
      <c r="H1982" s="353"/>
      <c r="I1982" s="353"/>
      <c r="J1982" s="353"/>
    </row>
    <row r="1983" spans="6:10" s="410" customFormat="1" x14ac:dyDescent="0.2">
      <c r="F1983" s="353"/>
      <c r="G1983" s="353"/>
      <c r="H1983" s="353"/>
      <c r="I1983" s="353"/>
      <c r="J1983" s="353"/>
    </row>
    <row r="1984" spans="6:10" s="410" customFormat="1" x14ac:dyDescent="0.2">
      <c r="F1984" s="353"/>
      <c r="G1984" s="353"/>
      <c r="H1984" s="353"/>
      <c r="I1984" s="353"/>
      <c r="J1984" s="353"/>
    </row>
    <row r="1985" spans="6:10" s="410" customFormat="1" x14ac:dyDescent="0.2">
      <c r="F1985" s="353"/>
      <c r="G1985" s="353"/>
      <c r="H1985" s="353"/>
      <c r="I1985" s="353"/>
      <c r="J1985" s="353"/>
    </row>
    <row r="1986" spans="6:10" s="410" customFormat="1" x14ac:dyDescent="0.2">
      <c r="F1986" s="353"/>
      <c r="G1986" s="353"/>
      <c r="H1986" s="353"/>
      <c r="I1986" s="353"/>
      <c r="J1986" s="353"/>
    </row>
    <row r="1987" spans="6:10" s="410" customFormat="1" x14ac:dyDescent="0.2">
      <c r="F1987" s="353"/>
      <c r="G1987" s="353"/>
      <c r="H1987" s="353"/>
      <c r="I1987" s="353"/>
      <c r="J1987" s="353"/>
    </row>
    <row r="1988" spans="6:10" s="410" customFormat="1" x14ac:dyDescent="0.2">
      <c r="F1988" s="353"/>
      <c r="G1988" s="353"/>
      <c r="H1988" s="353"/>
      <c r="I1988" s="353"/>
      <c r="J1988" s="353"/>
    </row>
    <row r="1989" spans="6:10" s="410" customFormat="1" x14ac:dyDescent="0.2">
      <c r="F1989" s="353"/>
      <c r="G1989" s="353"/>
      <c r="H1989" s="353"/>
      <c r="I1989" s="353"/>
      <c r="J1989" s="353"/>
    </row>
    <row r="1990" spans="6:10" s="410" customFormat="1" x14ac:dyDescent="0.2">
      <c r="F1990" s="353"/>
      <c r="G1990" s="353"/>
      <c r="H1990" s="353"/>
      <c r="I1990" s="353"/>
      <c r="J1990" s="353"/>
    </row>
    <row r="1991" spans="6:10" s="410" customFormat="1" x14ac:dyDescent="0.2">
      <c r="F1991" s="353"/>
      <c r="G1991" s="353"/>
      <c r="H1991" s="353"/>
      <c r="I1991" s="353"/>
      <c r="J1991" s="353"/>
    </row>
    <row r="1992" spans="6:10" s="410" customFormat="1" x14ac:dyDescent="0.2">
      <c r="F1992" s="353"/>
      <c r="G1992" s="353"/>
      <c r="H1992" s="353"/>
      <c r="I1992" s="353"/>
      <c r="J1992" s="353"/>
    </row>
    <row r="1993" spans="6:10" s="410" customFormat="1" x14ac:dyDescent="0.2">
      <c r="F1993" s="353"/>
      <c r="G1993" s="353"/>
      <c r="H1993" s="353"/>
      <c r="I1993" s="353"/>
      <c r="J1993" s="353"/>
    </row>
    <row r="1994" spans="6:10" s="410" customFormat="1" x14ac:dyDescent="0.2">
      <c r="F1994" s="353"/>
      <c r="G1994" s="353"/>
      <c r="H1994" s="353"/>
      <c r="I1994" s="353"/>
      <c r="J1994" s="353"/>
    </row>
    <row r="1995" spans="6:10" s="410" customFormat="1" x14ac:dyDescent="0.2">
      <c r="F1995" s="353"/>
      <c r="G1995" s="353"/>
      <c r="H1995" s="353"/>
      <c r="I1995" s="353"/>
      <c r="J1995" s="353"/>
    </row>
    <row r="1996" spans="6:10" s="410" customFormat="1" x14ac:dyDescent="0.2">
      <c r="F1996" s="353"/>
      <c r="G1996" s="353"/>
      <c r="H1996" s="353"/>
      <c r="I1996" s="353"/>
      <c r="J1996" s="353"/>
    </row>
    <row r="1997" spans="6:10" s="410" customFormat="1" x14ac:dyDescent="0.2">
      <c r="F1997" s="353"/>
      <c r="G1997" s="353"/>
      <c r="H1997" s="353"/>
      <c r="I1997" s="353"/>
      <c r="J1997" s="353"/>
    </row>
    <row r="1998" spans="6:10" s="410" customFormat="1" x14ac:dyDescent="0.2">
      <c r="F1998" s="353"/>
      <c r="G1998" s="353"/>
      <c r="H1998" s="353"/>
      <c r="I1998" s="353"/>
      <c r="J1998" s="353"/>
    </row>
    <row r="1999" spans="6:10" s="410" customFormat="1" x14ac:dyDescent="0.2">
      <c r="F1999" s="353"/>
      <c r="G1999" s="353"/>
      <c r="H1999" s="353"/>
      <c r="I1999" s="353"/>
      <c r="J1999" s="353"/>
    </row>
    <row r="2000" spans="6:10" s="410" customFormat="1" x14ac:dyDescent="0.2">
      <c r="F2000" s="353"/>
      <c r="G2000" s="353"/>
      <c r="H2000" s="353"/>
      <c r="I2000" s="353"/>
      <c r="J2000" s="353"/>
    </row>
    <row r="2001" spans="6:10" s="410" customFormat="1" x14ac:dyDescent="0.2">
      <c r="F2001" s="353"/>
      <c r="G2001" s="353"/>
      <c r="H2001" s="353"/>
      <c r="I2001" s="353"/>
      <c r="J2001" s="353"/>
    </row>
    <row r="2002" spans="6:10" s="410" customFormat="1" x14ac:dyDescent="0.2">
      <c r="F2002" s="353"/>
      <c r="G2002" s="353"/>
      <c r="H2002" s="353"/>
      <c r="I2002" s="353"/>
      <c r="J2002" s="353"/>
    </row>
    <row r="2003" spans="6:10" s="410" customFormat="1" x14ac:dyDescent="0.2">
      <c r="F2003" s="353"/>
      <c r="G2003" s="353"/>
      <c r="H2003" s="353"/>
      <c r="I2003" s="353"/>
      <c r="J2003" s="353"/>
    </row>
    <row r="2004" spans="6:10" s="410" customFormat="1" x14ac:dyDescent="0.2">
      <c r="F2004" s="353"/>
      <c r="G2004" s="353"/>
      <c r="H2004" s="353"/>
      <c r="I2004" s="353"/>
      <c r="J2004" s="353"/>
    </row>
    <row r="2005" spans="6:10" s="410" customFormat="1" x14ac:dyDescent="0.2">
      <c r="F2005" s="353"/>
      <c r="G2005" s="353"/>
      <c r="H2005" s="353"/>
      <c r="I2005" s="353"/>
      <c r="J2005" s="353"/>
    </row>
    <row r="2006" spans="6:10" s="410" customFormat="1" x14ac:dyDescent="0.2">
      <c r="F2006" s="353"/>
      <c r="G2006" s="353"/>
      <c r="H2006" s="353"/>
      <c r="I2006" s="353"/>
      <c r="J2006" s="353"/>
    </row>
    <row r="2007" spans="6:10" s="410" customFormat="1" x14ac:dyDescent="0.2">
      <c r="F2007" s="353"/>
      <c r="G2007" s="353"/>
      <c r="H2007" s="353"/>
      <c r="I2007" s="353"/>
      <c r="J2007" s="353"/>
    </row>
    <row r="2008" spans="6:10" s="410" customFormat="1" x14ac:dyDescent="0.2">
      <c r="F2008" s="353"/>
      <c r="G2008" s="353"/>
      <c r="H2008" s="353"/>
      <c r="I2008" s="353"/>
      <c r="J2008" s="353"/>
    </row>
    <row r="2009" spans="6:10" s="410" customFormat="1" x14ac:dyDescent="0.2">
      <c r="F2009" s="353"/>
      <c r="G2009" s="353"/>
      <c r="H2009" s="353"/>
      <c r="I2009" s="353"/>
      <c r="J2009" s="353"/>
    </row>
    <row r="2010" spans="6:10" s="410" customFormat="1" x14ac:dyDescent="0.2">
      <c r="F2010" s="353"/>
      <c r="G2010" s="353"/>
      <c r="H2010" s="353"/>
      <c r="I2010" s="353"/>
      <c r="J2010" s="353"/>
    </row>
    <row r="2011" spans="6:10" s="410" customFormat="1" x14ac:dyDescent="0.2">
      <c r="F2011" s="353"/>
      <c r="G2011" s="353"/>
      <c r="H2011" s="353"/>
      <c r="I2011" s="353"/>
      <c r="J2011" s="353"/>
    </row>
    <row r="2012" spans="6:10" s="410" customFormat="1" x14ac:dyDescent="0.2">
      <c r="F2012" s="353"/>
      <c r="G2012" s="353"/>
      <c r="H2012" s="353"/>
      <c r="I2012" s="353"/>
      <c r="J2012" s="353"/>
    </row>
    <row r="2013" spans="6:10" s="410" customFormat="1" x14ac:dyDescent="0.2">
      <c r="F2013" s="353"/>
      <c r="G2013" s="353"/>
      <c r="H2013" s="353"/>
      <c r="I2013" s="353"/>
      <c r="J2013" s="353"/>
    </row>
    <row r="2014" spans="6:10" s="410" customFormat="1" x14ac:dyDescent="0.2">
      <c r="F2014" s="353"/>
      <c r="G2014" s="353"/>
      <c r="H2014" s="353"/>
      <c r="I2014" s="353"/>
      <c r="J2014" s="353"/>
    </row>
    <row r="2015" spans="6:10" s="410" customFormat="1" x14ac:dyDescent="0.2">
      <c r="F2015" s="353"/>
      <c r="G2015" s="353"/>
      <c r="H2015" s="353"/>
      <c r="I2015" s="353"/>
      <c r="J2015" s="353"/>
    </row>
    <row r="2016" spans="6:10" s="410" customFormat="1" x14ac:dyDescent="0.2">
      <c r="F2016" s="353"/>
      <c r="G2016" s="353"/>
      <c r="H2016" s="353"/>
      <c r="I2016" s="353"/>
      <c r="J2016" s="353"/>
    </row>
    <row r="2017" spans="6:10" s="410" customFormat="1" x14ac:dyDescent="0.2">
      <c r="F2017" s="353"/>
      <c r="G2017" s="353"/>
      <c r="H2017" s="353"/>
      <c r="I2017" s="353"/>
      <c r="J2017" s="353"/>
    </row>
    <row r="2018" spans="6:10" s="410" customFormat="1" x14ac:dyDescent="0.2">
      <c r="F2018" s="353"/>
      <c r="G2018" s="353"/>
      <c r="H2018" s="353"/>
      <c r="I2018" s="353"/>
      <c r="J2018" s="353"/>
    </row>
    <row r="2019" spans="6:10" s="410" customFormat="1" x14ac:dyDescent="0.2">
      <c r="F2019" s="353"/>
      <c r="G2019" s="353"/>
      <c r="H2019" s="353"/>
      <c r="I2019" s="353"/>
      <c r="J2019" s="353"/>
    </row>
    <row r="2020" spans="6:10" s="410" customFormat="1" x14ac:dyDescent="0.2">
      <c r="F2020" s="353"/>
      <c r="G2020" s="353"/>
      <c r="H2020" s="353"/>
      <c r="I2020" s="353"/>
      <c r="J2020" s="353"/>
    </row>
    <row r="2021" spans="6:10" s="410" customFormat="1" x14ac:dyDescent="0.2">
      <c r="F2021" s="353"/>
      <c r="G2021" s="353"/>
      <c r="H2021" s="353"/>
      <c r="I2021" s="353"/>
      <c r="J2021" s="353"/>
    </row>
    <row r="2022" spans="6:10" s="410" customFormat="1" x14ac:dyDescent="0.2">
      <c r="F2022" s="353"/>
      <c r="G2022" s="353"/>
      <c r="H2022" s="353"/>
      <c r="I2022" s="353"/>
      <c r="J2022" s="353"/>
    </row>
    <row r="2023" spans="6:10" s="410" customFormat="1" x14ac:dyDescent="0.2">
      <c r="F2023" s="353"/>
      <c r="G2023" s="353"/>
      <c r="H2023" s="353"/>
      <c r="I2023" s="353"/>
      <c r="J2023" s="353"/>
    </row>
    <row r="2024" spans="6:10" s="410" customFormat="1" x14ac:dyDescent="0.2">
      <c r="F2024" s="353"/>
      <c r="G2024" s="353"/>
      <c r="H2024" s="353"/>
      <c r="I2024" s="353"/>
      <c r="J2024" s="353"/>
    </row>
    <row r="2025" spans="6:10" s="410" customFormat="1" x14ac:dyDescent="0.2">
      <c r="F2025" s="353"/>
      <c r="G2025" s="353"/>
      <c r="H2025" s="353"/>
      <c r="I2025" s="353"/>
      <c r="J2025" s="353"/>
    </row>
    <row r="2026" spans="6:10" s="410" customFormat="1" x14ac:dyDescent="0.2">
      <c r="F2026" s="353"/>
      <c r="G2026" s="353"/>
      <c r="H2026" s="353"/>
      <c r="I2026" s="353"/>
      <c r="J2026" s="353"/>
    </row>
    <row r="2027" spans="6:10" s="410" customFormat="1" x14ac:dyDescent="0.2">
      <c r="F2027" s="353"/>
      <c r="G2027" s="353"/>
      <c r="H2027" s="353"/>
      <c r="I2027" s="353"/>
      <c r="J2027" s="353"/>
    </row>
    <row r="2028" spans="6:10" s="410" customFormat="1" x14ac:dyDescent="0.2">
      <c r="F2028" s="353"/>
      <c r="G2028" s="353"/>
      <c r="H2028" s="353"/>
      <c r="I2028" s="353"/>
      <c r="J2028" s="353"/>
    </row>
    <row r="2029" spans="6:10" s="410" customFormat="1" x14ac:dyDescent="0.2">
      <c r="F2029" s="353"/>
      <c r="G2029" s="353"/>
      <c r="H2029" s="353"/>
      <c r="I2029" s="353"/>
      <c r="J2029" s="353"/>
    </row>
    <row r="2030" spans="6:10" s="410" customFormat="1" x14ac:dyDescent="0.2">
      <c r="F2030" s="353"/>
      <c r="G2030" s="353"/>
      <c r="H2030" s="353"/>
      <c r="I2030" s="353"/>
      <c r="J2030" s="353"/>
    </row>
    <row r="2031" spans="6:10" s="410" customFormat="1" x14ac:dyDescent="0.2">
      <c r="F2031" s="353"/>
      <c r="G2031" s="353"/>
      <c r="H2031" s="353"/>
      <c r="I2031" s="353"/>
      <c r="J2031" s="353"/>
    </row>
    <row r="2032" spans="6:10" s="410" customFormat="1" x14ac:dyDescent="0.2">
      <c r="F2032" s="353"/>
      <c r="G2032" s="353"/>
      <c r="H2032" s="353"/>
      <c r="I2032" s="353"/>
      <c r="J2032" s="353"/>
    </row>
    <row r="2033" spans="6:10" s="410" customFormat="1" x14ac:dyDescent="0.2">
      <c r="F2033" s="353"/>
      <c r="G2033" s="353"/>
      <c r="H2033" s="353"/>
      <c r="I2033" s="353"/>
      <c r="J2033" s="353"/>
    </row>
    <row r="2034" spans="6:10" s="410" customFormat="1" x14ac:dyDescent="0.2">
      <c r="F2034" s="353"/>
      <c r="G2034" s="353"/>
      <c r="H2034" s="353"/>
      <c r="I2034" s="353"/>
      <c r="J2034" s="353"/>
    </row>
    <row r="2035" spans="6:10" s="410" customFormat="1" x14ac:dyDescent="0.2">
      <c r="F2035" s="353"/>
      <c r="G2035" s="353"/>
      <c r="H2035" s="353"/>
      <c r="I2035" s="353"/>
      <c r="J2035" s="353"/>
    </row>
    <row r="2036" spans="6:10" s="410" customFormat="1" x14ac:dyDescent="0.2">
      <c r="F2036" s="353"/>
      <c r="G2036" s="353"/>
      <c r="H2036" s="353"/>
      <c r="I2036" s="353"/>
      <c r="J2036" s="353"/>
    </row>
    <row r="2037" spans="6:10" s="410" customFormat="1" x14ac:dyDescent="0.2">
      <c r="F2037" s="353"/>
      <c r="G2037" s="353"/>
      <c r="H2037" s="353"/>
      <c r="I2037" s="353"/>
      <c r="J2037" s="353"/>
    </row>
    <row r="2038" spans="6:10" s="410" customFormat="1" x14ac:dyDescent="0.2">
      <c r="F2038" s="353"/>
      <c r="G2038" s="353"/>
      <c r="H2038" s="353"/>
      <c r="I2038" s="353"/>
      <c r="J2038" s="353"/>
    </row>
    <row r="2039" spans="6:10" s="410" customFormat="1" x14ac:dyDescent="0.2">
      <c r="F2039" s="353"/>
      <c r="G2039" s="353"/>
      <c r="H2039" s="353"/>
      <c r="I2039" s="353"/>
      <c r="J2039" s="353"/>
    </row>
    <row r="2040" spans="6:10" s="410" customFormat="1" x14ac:dyDescent="0.2">
      <c r="F2040" s="353"/>
      <c r="G2040" s="353"/>
      <c r="H2040" s="353"/>
      <c r="I2040" s="353"/>
      <c r="J2040" s="353"/>
    </row>
    <row r="2041" spans="6:10" s="410" customFormat="1" x14ac:dyDescent="0.2">
      <c r="F2041" s="353"/>
      <c r="G2041" s="353"/>
      <c r="H2041" s="353"/>
      <c r="I2041" s="353"/>
      <c r="J2041" s="353"/>
    </row>
    <row r="2042" spans="6:10" s="410" customFormat="1" x14ac:dyDescent="0.2">
      <c r="F2042" s="353"/>
      <c r="G2042" s="353"/>
      <c r="H2042" s="353"/>
      <c r="I2042" s="353"/>
      <c r="J2042" s="353"/>
    </row>
    <row r="2043" spans="6:10" s="410" customFormat="1" x14ac:dyDescent="0.2">
      <c r="F2043" s="353"/>
      <c r="G2043" s="353"/>
      <c r="H2043" s="353"/>
      <c r="I2043" s="353"/>
      <c r="J2043" s="353"/>
    </row>
    <row r="2044" spans="6:10" s="410" customFormat="1" x14ac:dyDescent="0.2">
      <c r="F2044" s="353"/>
      <c r="G2044" s="353"/>
      <c r="H2044" s="353"/>
      <c r="I2044" s="353"/>
      <c r="J2044" s="353"/>
    </row>
    <row r="2045" spans="6:10" s="410" customFormat="1" x14ac:dyDescent="0.2">
      <c r="F2045" s="353"/>
      <c r="G2045" s="353"/>
      <c r="H2045" s="353"/>
      <c r="I2045" s="353"/>
      <c r="J2045" s="353"/>
    </row>
    <row r="2046" spans="6:10" s="410" customFormat="1" x14ac:dyDescent="0.2">
      <c r="F2046" s="353"/>
      <c r="G2046" s="353"/>
      <c r="H2046" s="353"/>
      <c r="I2046" s="353"/>
      <c r="J2046" s="353"/>
    </row>
    <row r="2047" spans="6:10" s="410" customFormat="1" x14ac:dyDescent="0.2">
      <c r="F2047" s="353"/>
      <c r="G2047" s="353"/>
      <c r="H2047" s="353"/>
      <c r="I2047" s="353"/>
      <c r="J2047" s="353"/>
    </row>
    <row r="2048" spans="6:10" s="410" customFormat="1" x14ac:dyDescent="0.2">
      <c r="F2048" s="353"/>
      <c r="G2048" s="353"/>
      <c r="H2048" s="353"/>
      <c r="I2048" s="353"/>
      <c r="J2048" s="353"/>
    </row>
    <row r="2049" spans="6:10" s="410" customFormat="1" x14ac:dyDescent="0.2">
      <c r="F2049" s="353"/>
      <c r="G2049" s="353"/>
      <c r="H2049" s="353"/>
      <c r="I2049" s="353"/>
      <c r="J2049" s="353"/>
    </row>
    <row r="2050" spans="6:10" s="410" customFormat="1" x14ac:dyDescent="0.2">
      <c r="F2050" s="353"/>
      <c r="G2050" s="353"/>
      <c r="H2050" s="353"/>
      <c r="I2050" s="353"/>
      <c r="J2050" s="353"/>
    </row>
    <row r="2051" spans="6:10" s="410" customFormat="1" x14ac:dyDescent="0.2">
      <c r="F2051" s="353"/>
      <c r="G2051" s="353"/>
      <c r="H2051" s="353"/>
      <c r="I2051" s="353"/>
      <c r="J2051" s="353"/>
    </row>
    <row r="2052" spans="6:10" s="410" customFormat="1" x14ac:dyDescent="0.2">
      <c r="F2052" s="353"/>
      <c r="G2052" s="353"/>
      <c r="H2052" s="353"/>
      <c r="I2052" s="353"/>
      <c r="J2052" s="353"/>
    </row>
    <row r="2053" spans="6:10" s="410" customFormat="1" x14ac:dyDescent="0.2">
      <c r="F2053" s="353"/>
      <c r="G2053" s="353"/>
      <c r="H2053" s="353"/>
      <c r="I2053" s="353"/>
      <c r="J2053" s="353"/>
    </row>
    <row r="2054" spans="6:10" s="410" customFormat="1" x14ac:dyDescent="0.2">
      <c r="F2054" s="353"/>
      <c r="G2054" s="353"/>
      <c r="H2054" s="353"/>
      <c r="I2054" s="353"/>
      <c r="J2054" s="353"/>
    </row>
    <row r="2055" spans="6:10" s="410" customFormat="1" x14ac:dyDescent="0.2">
      <c r="F2055" s="353"/>
      <c r="G2055" s="353"/>
      <c r="H2055" s="353"/>
      <c r="I2055" s="353"/>
      <c r="J2055" s="353"/>
    </row>
    <row r="2056" spans="6:10" s="410" customFormat="1" x14ac:dyDescent="0.2">
      <c r="F2056" s="353"/>
      <c r="G2056" s="353"/>
      <c r="H2056" s="353"/>
      <c r="I2056" s="353"/>
      <c r="J2056" s="353"/>
    </row>
    <row r="2057" spans="6:10" s="410" customFormat="1" x14ac:dyDescent="0.2">
      <c r="F2057" s="353"/>
      <c r="G2057" s="353"/>
      <c r="H2057" s="353"/>
      <c r="I2057" s="353"/>
      <c r="J2057" s="353"/>
    </row>
    <row r="2058" spans="6:10" s="410" customFormat="1" x14ac:dyDescent="0.2">
      <c r="F2058" s="353"/>
      <c r="G2058" s="353"/>
      <c r="H2058" s="353"/>
      <c r="I2058" s="353"/>
      <c r="J2058" s="353"/>
    </row>
    <row r="2059" spans="6:10" s="410" customFormat="1" x14ac:dyDescent="0.2">
      <c r="F2059" s="353"/>
      <c r="G2059" s="353"/>
      <c r="H2059" s="353"/>
      <c r="I2059" s="353"/>
      <c r="J2059" s="353"/>
    </row>
    <row r="2060" spans="6:10" s="410" customFormat="1" x14ac:dyDescent="0.2">
      <c r="F2060" s="353"/>
      <c r="G2060" s="353"/>
      <c r="H2060" s="353"/>
      <c r="I2060" s="353"/>
      <c r="J2060" s="353"/>
    </row>
    <row r="2061" spans="6:10" s="410" customFormat="1" x14ac:dyDescent="0.2">
      <c r="F2061" s="353"/>
      <c r="G2061" s="353"/>
      <c r="H2061" s="353"/>
      <c r="I2061" s="353"/>
      <c r="J2061" s="353"/>
    </row>
    <row r="2062" spans="6:10" s="410" customFormat="1" x14ac:dyDescent="0.2">
      <c r="F2062" s="353"/>
      <c r="G2062" s="353"/>
      <c r="H2062" s="353"/>
      <c r="I2062" s="353"/>
      <c r="J2062" s="353"/>
    </row>
    <row r="2063" spans="6:10" s="410" customFormat="1" x14ac:dyDescent="0.2">
      <c r="F2063" s="353"/>
      <c r="G2063" s="353"/>
      <c r="H2063" s="353"/>
      <c r="I2063" s="353"/>
      <c r="J2063" s="353"/>
    </row>
    <row r="2064" spans="6:10" s="410" customFormat="1" x14ac:dyDescent="0.2">
      <c r="F2064" s="353"/>
      <c r="G2064" s="353"/>
      <c r="H2064" s="353"/>
      <c r="I2064" s="353"/>
      <c r="J2064" s="353"/>
    </row>
    <row r="2065" spans="6:10" s="410" customFormat="1" x14ac:dyDescent="0.2">
      <c r="F2065" s="353"/>
      <c r="G2065" s="353"/>
      <c r="H2065" s="353"/>
      <c r="I2065" s="353"/>
      <c r="J2065" s="353"/>
    </row>
    <row r="2066" spans="6:10" s="410" customFormat="1" x14ac:dyDescent="0.2">
      <c r="F2066" s="353"/>
      <c r="G2066" s="353"/>
      <c r="H2066" s="353"/>
      <c r="I2066" s="353"/>
      <c r="J2066" s="353"/>
    </row>
    <row r="2067" spans="6:10" s="410" customFormat="1" x14ac:dyDescent="0.2">
      <c r="F2067" s="353"/>
      <c r="G2067" s="353"/>
      <c r="H2067" s="353"/>
      <c r="I2067" s="353"/>
      <c r="J2067" s="353"/>
    </row>
    <row r="2068" spans="6:10" s="410" customFormat="1" x14ac:dyDescent="0.2">
      <c r="F2068" s="353"/>
      <c r="G2068" s="353"/>
      <c r="H2068" s="353"/>
      <c r="I2068" s="353"/>
      <c r="J2068" s="353"/>
    </row>
    <row r="2069" spans="6:10" s="410" customFormat="1" x14ac:dyDescent="0.2">
      <c r="F2069" s="353"/>
      <c r="G2069" s="353"/>
      <c r="H2069" s="353"/>
      <c r="I2069" s="353"/>
      <c r="J2069" s="353"/>
    </row>
    <row r="2070" spans="6:10" s="410" customFormat="1" x14ac:dyDescent="0.2">
      <c r="F2070" s="353"/>
      <c r="G2070" s="353"/>
      <c r="H2070" s="353"/>
      <c r="I2070" s="353"/>
      <c r="J2070" s="353"/>
    </row>
    <row r="2071" spans="6:10" s="410" customFormat="1" x14ac:dyDescent="0.2">
      <c r="F2071" s="353"/>
      <c r="G2071" s="353"/>
      <c r="H2071" s="353"/>
      <c r="I2071" s="353"/>
      <c r="J2071" s="353"/>
    </row>
    <row r="2072" spans="6:10" s="410" customFormat="1" x14ac:dyDescent="0.2">
      <c r="F2072" s="353"/>
      <c r="G2072" s="353"/>
      <c r="H2072" s="353"/>
      <c r="I2072" s="353"/>
      <c r="J2072" s="353"/>
    </row>
    <row r="2073" spans="6:10" s="410" customFormat="1" x14ac:dyDescent="0.2">
      <c r="F2073" s="353"/>
      <c r="G2073" s="353"/>
      <c r="H2073" s="353"/>
      <c r="I2073" s="353"/>
      <c r="J2073" s="353"/>
    </row>
    <row r="2074" spans="6:10" s="410" customFormat="1" x14ac:dyDescent="0.2">
      <c r="F2074" s="353"/>
      <c r="G2074" s="353"/>
      <c r="H2074" s="353"/>
      <c r="I2074" s="353"/>
      <c r="J2074" s="353"/>
    </row>
    <row r="2075" spans="6:10" s="410" customFormat="1" x14ac:dyDescent="0.2">
      <c r="F2075" s="353"/>
      <c r="G2075" s="353"/>
      <c r="H2075" s="353"/>
      <c r="I2075" s="353"/>
      <c r="J2075" s="353"/>
    </row>
    <row r="2076" spans="6:10" s="410" customFormat="1" x14ac:dyDescent="0.2">
      <c r="F2076" s="353"/>
      <c r="G2076" s="353"/>
      <c r="H2076" s="353"/>
      <c r="I2076" s="353"/>
      <c r="J2076" s="353"/>
    </row>
    <row r="2077" spans="6:10" s="410" customFormat="1" x14ac:dyDescent="0.2">
      <c r="F2077" s="353"/>
      <c r="G2077" s="353"/>
      <c r="H2077" s="353"/>
      <c r="I2077" s="353"/>
      <c r="J2077" s="353"/>
    </row>
    <row r="2078" spans="6:10" s="410" customFormat="1" x14ac:dyDescent="0.2">
      <c r="F2078" s="353"/>
      <c r="G2078" s="353"/>
      <c r="H2078" s="353"/>
      <c r="I2078" s="353"/>
      <c r="J2078" s="353"/>
    </row>
    <row r="2079" spans="6:10" s="410" customFormat="1" x14ac:dyDescent="0.2">
      <c r="F2079" s="353"/>
      <c r="G2079" s="353"/>
      <c r="H2079" s="353"/>
      <c r="I2079" s="353"/>
      <c r="J2079" s="353"/>
    </row>
    <row r="2080" spans="6:10" s="410" customFormat="1" x14ac:dyDescent="0.2">
      <c r="F2080" s="353"/>
      <c r="G2080" s="353"/>
      <c r="H2080" s="353"/>
      <c r="I2080" s="353"/>
      <c r="J2080" s="353"/>
    </row>
    <row r="2081" spans="6:10" s="410" customFormat="1" x14ac:dyDescent="0.2">
      <c r="F2081" s="353"/>
      <c r="G2081" s="353"/>
      <c r="H2081" s="353"/>
      <c r="I2081" s="353"/>
      <c r="J2081" s="353"/>
    </row>
    <row r="2082" spans="6:10" s="410" customFormat="1" x14ac:dyDescent="0.2">
      <c r="F2082" s="353"/>
      <c r="G2082" s="353"/>
      <c r="H2082" s="353"/>
      <c r="I2082" s="353"/>
      <c r="J2082" s="353"/>
    </row>
    <row r="2083" spans="6:10" s="410" customFormat="1" x14ac:dyDescent="0.2">
      <c r="F2083" s="353"/>
      <c r="G2083" s="353"/>
      <c r="H2083" s="353"/>
      <c r="I2083" s="353"/>
      <c r="J2083" s="353"/>
    </row>
    <row r="2084" spans="6:10" s="410" customFormat="1" x14ac:dyDescent="0.2">
      <c r="F2084" s="353"/>
      <c r="G2084" s="353"/>
      <c r="H2084" s="353"/>
      <c r="I2084" s="353"/>
      <c r="J2084" s="353"/>
    </row>
    <row r="2085" spans="6:10" s="410" customFormat="1" x14ac:dyDescent="0.2">
      <c r="F2085" s="353"/>
      <c r="G2085" s="353"/>
      <c r="H2085" s="353"/>
      <c r="I2085" s="353"/>
      <c r="J2085" s="353"/>
    </row>
    <row r="2086" spans="6:10" s="410" customFormat="1" x14ac:dyDescent="0.2">
      <c r="F2086" s="353"/>
      <c r="G2086" s="353"/>
      <c r="H2086" s="353"/>
      <c r="I2086" s="353"/>
      <c r="J2086" s="353"/>
    </row>
    <row r="2087" spans="6:10" s="410" customFormat="1" x14ac:dyDescent="0.2">
      <c r="F2087" s="353"/>
      <c r="G2087" s="353"/>
      <c r="H2087" s="353"/>
      <c r="I2087" s="353"/>
      <c r="J2087" s="353"/>
    </row>
    <row r="2088" spans="6:10" s="410" customFormat="1" x14ac:dyDescent="0.2">
      <c r="F2088" s="353"/>
      <c r="G2088" s="353"/>
      <c r="H2088" s="353"/>
      <c r="I2088" s="353"/>
      <c r="J2088" s="353"/>
    </row>
    <row r="2089" spans="6:10" s="410" customFormat="1" x14ac:dyDescent="0.2">
      <c r="F2089" s="353"/>
      <c r="G2089" s="353"/>
      <c r="H2089" s="353"/>
      <c r="I2089" s="353"/>
      <c r="J2089" s="353"/>
    </row>
    <row r="2090" spans="6:10" s="410" customFormat="1" x14ac:dyDescent="0.2">
      <c r="F2090" s="353"/>
      <c r="G2090" s="353"/>
      <c r="H2090" s="353"/>
      <c r="I2090" s="353"/>
      <c r="J2090" s="353"/>
    </row>
    <row r="2091" spans="6:10" s="410" customFormat="1" x14ac:dyDescent="0.2">
      <c r="F2091" s="353"/>
      <c r="G2091" s="353"/>
      <c r="H2091" s="353"/>
      <c r="I2091" s="353"/>
      <c r="J2091" s="353"/>
    </row>
    <row r="2092" spans="6:10" s="410" customFormat="1" x14ac:dyDescent="0.2">
      <c r="F2092" s="353"/>
      <c r="G2092" s="353"/>
      <c r="H2092" s="353"/>
      <c r="I2092" s="353"/>
      <c r="J2092" s="353"/>
    </row>
    <row r="2093" spans="6:10" s="410" customFormat="1" x14ac:dyDescent="0.2">
      <c r="F2093" s="353"/>
      <c r="G2093" s="353"/>
      <c r="H2093" s="353"/>
      <c r="I2093" s="353"/>
      <c r="J2093" s="353"/>
    </row>
    <row r="2094" spans="6:10" s="410" customFormat="1" x14ac:dyDescent="0.2">
      <c r="F2094" s="353"/>
      <c r="G2094" s="353"/>
      <c r="H2094" s="353"/>
      <c r="I2094" s="353"/>
      <c r="J2094" s="353"/>
    </row>
    <row r="2095" spans="6:10" s="410" customFormat="1" x14ac:dyDescent="0.2">
      <c r="F2095" s="353"/>
      <c r="G2095" s="353"/>
      <c r="H2095" s="353"/>
      <c r="I2095" s="353"/>
      <c r="J2095" s="353"/>
    </row>
    <row r="2096" spans="6:10" s="410" customFormat="1" x14ac:dyDescent="0.2">
      <c r="F2096" s="353"/>
      <c r="G2096" s="353"/>
      <c r="H2096" s="353"/>
      <c r="I2096" s="353"/>
      <c r="J2096" s="353"/>
    </row>
    <row r="2097" spans="6:10" s="410" customFormat="1" x14ac:dyDescent="0.2">
      <c r="F2097" s="353"/>
      <c r="G2097" s="353"/>
      <c r="H2097" s="353"/>
      <c r="I2097" s="353"/>
      <c r="J2097" s="353"/>
    </row>
    <row r="2098" spans="6:10" s="410" customFormat="1" x14ac:dyDescent="0.2">
      <c r="F2098" s="353"/>
      <c r="G2098" s="353"/>
      <c r="H2098" s="353"/>
      <c r="I2098" s="353"/>
      <c r="J2098" s="353"/>
    </row>
    <row r="2099" spans="6:10" s="410" customFormat="1" x14ac:dyDescent="0.2">
      <c r="F2099" s="353"/>
      <c r="G2099" s="353"/>
      <c r="H2099" s="353"/>
      <c r="I2099" s="353"/>
      <c r="J2099" s="353"/>
    </row>
    <row r="2100" spans="6:10" s="410" customFormat="1" x14ac:dyDescent="0.2">
      <c r="F2100" s="353"/>
      <c r="G2100" s="353"/>
      <c r="H2100" s="353"/>
      <c r="I2100" s="353"/>
      <c r="J2100" s="353"/>
    </row>
    <row r="2101" spans="6:10" s="410" customFormat="1" x14ac:dyDescent="0.2">
      <c r="F2101" s="353"/>
      <c r="G2101" s="353"/>
      <c r="H2101" s="353"/>
      <c r="I2101" s="353"/>
      <c r="J2101" s="353"/>
    </row>
    <row r="2102" spans="6:10" s="410" customFormat="1" x14ac:dyDescent="0.2">
      <c r="F2102" s="353"/>
      <c r="G2102" s="353"/>
      <c r="H2102" s="353"/>
      <c r="I2102" s="353"/>
      <c r="J2102" s="353"/>
    </row>
    <row r="2103" spans="6:10" s="410" customFormat="1" x14ac:dyDescent="0.2">
      <c r="F2103" s="353"/>
      <c r="G2103" s="353"/>
      <c r="H2103" s="353"/>
      <c r="I2103" s="353"/>
      <c r="J2103" s="353"/>
    </row>
    <row r="2104" spans="6:10" s="410" customFormat="1" x14ac:dyDescent="0.2">
      <c r="F2104" s="353"/>
      <c r="G2104" s="353"/>
      <c r="H2104" s="353"/>
      <c r="I2104" s="353"/>
      <c r="J2104" s="353"/>
    </row>
    <row r="2105" spans="6:10" s="410" customFormat="1" x14ac:dyDescent="0.2">
      <c r="F2105" s="353"/>
      <c r="G2105" s="353"/>
      <c r="H2105" s="353"/>
      <c r="I2105" s="353"/>
      <c r="J2105" s="353"/>
    </row>
    <row r="2106" spans="6:10" s="410" customFormat="1" x14ac:dyDescent="0.2">
      <c r="F2106" s="353"/>
      <c r="G2106" s="353"/>
      <c r="H2106" s="353"/>
      <c r="I2106" s="353"/>
      <c r="J2106" s="353"/>
    </row>
    <row r="2107" spans="6:10" s="410" customFormat="1" x14ac:dyDescent="0.2">
      <c r="F2107" s="353"/>
      <c r="G2107" s="353"/>
      <c r="H2107" s="353"/>
      <c r="I2107" s="353"/>
      <c r="J2107" s="353"/>
    </row>
    <row r="2108" spans="6:10" s="410" customFormat="1" x14ac:dyDescent="0.2">
      <c r="F2108" s="353"/>
      <c r="G2108" s="353"/>
      <c r="H2108" s="353"/>
      <c r="I2108" s="353"/>
      <c r="J2108" s="353"/>
    </row>
    <row r="2109" spans="6:10" s="410" customFormat="1" x14ac:dyDescent="0.2">
      <c r="F2109" s="353"/>
      <c r="G2109" s="353"/>
      <c r="H2109" s="353"/>
      <c r="I2109" s="353"/>
      <c r="J2109" s="353"/>
    </row>
    <row r="2110" spans="6:10" s="410" customFormat="1" x14ac:dyDescent="0.2">
      <c r="F2110" s="353"/>
      <c r="G2110" s="353"/>
      <c r="H2110" s="353"/>
      <c r="I2110" s="353"/>
      <c r="J2110" s="353"/>
    </row>
    <row r="2111" spans="6:10" s="410" customFormat="1" x14ac:dyDescent="0.2">
      <c r="F2111" s="353"/>
      <c r="G2111" s="353"/>
      <c r="H2111" s="353"/>
      <c r="I2111" s="353"/>
      <c r="J2111" s="353"/>
    </row>
    <row r="2112" spans="6:10" s="410" customFormat="1" x14ac:dyDescent="0.2">
      <c r="F2112" s="353"/>
      <c r="G2112" s="353"/>
      <c r="H2112" s="353"/>
      <c r="I2112" s="353"/>
      <c r="J2112" s="353"/>
    </row>
    <row r="2113" spans="6:12" s="410" customFormat="1" x14ac:dyDescent="0.2">
      <c r="F2113" s="353"/>
      <c r="G2113" s="353"/>
      <c r="H2113" s="353"/>
      <c r="I2113" s="353"/>
      <c r="J2113" s="353"/>
    </row>
    <row r="2114" spans="6:12" s="410" customFormat="1" x14ac:dyDescent="0.2">
      <c r="F2114" s="353"/>
      <c r="G2114" s="353"/>
      <c r="H2114" s="353"/>
      <c r="I2114" s="353"/>
      <c r="J2114" s="353"/>
    </row>
    <row r="2115" spans="6:12" s="410" customFormat="1" x14ac:dyDescent="0.2">
      <c r="F2115" s="353"/>
      <c r="G2115" s="353"/>
      <c r="H2115" s="353"/>
      <c r="I2115" s="353"/>
      <c r="J2115" s="353"/>
    </row>
    <row r="2116" spans="6:12" s="410" customFormat="1" x14ac:dyDescent="0.2">
      <c r="F2116" s="353"/>
      <c r="G2116" s="353"/>
      <c r="H2116" s="353"/>
      <c r="I2116" s="353"/>
      <c r="J2116" s="353"/>
    </row>
    <row r="2117" spans="6:12" s="410" customFormat="1" x14ac:dyDescent="0.2">
      <c r="F2117" s="353"/>
      <c r="G2117" s="353"/>
      <c r="H2117" s="353"/>
      <c r="I2117" s="353"/>
      <c r="J2117" s="353"/>
    </row>
    <row r="2118" spans="6:12" s="410" customFormat="1" x14ac:dyDescent="0.2">
      <c r="F2118" s="353"/>
      <c r="G2118" s="353"/>
      <c r="H2118" s="353"/>
      <c r="I2118" s="353"/>
      <c r="J2118" s="353"/>
    </row>
    <row r="2119" spans="6:12" s="410" customFormat="1" x14ac:dyDescent="0.2">
      <c r="F2119" s="353"/>
      <c r="G2119" s="353"/>
      <c r="H2119" s="353"/>
      <c r="I2119" s="353"/>
      <c r="J2119" s="353"/>
      <c r="L2119" s="411"/>
    </row>
  </sheetData>
  <mergeCells count="3">
    <mergeCell ref="B54:J54"/>
    <mergeCell ref="B55:J55"/>
    <mergeCell ref="B56:J56"/>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K16"/>
  <sheetViews>
    <sheetView showGridLines="0" zoomScaleNormal="100" zoomScaleSheetLayoutView="100" workbookViewId="0">
      <selection activeCell="F9" sqref="F9"/>
    </sheetView>
  </sheetViews>
  <sheetFormatPr defaultRowHeight="12.75" x14ac:dyDescent="0.2"/>
  <cols>
    <col min="2" max="2" width="45.7109375" customWidth="1"/>
    <col min="3" max="3" width="0.5703125" customWidth="1"/>
    <col min="4" max="4" width="7.5703125" customWidth="1"/>
    <col min="5" max="5" width="0.5703125" customWidth="1"/>
    <col min="6" max="6" width="7.5703125" customWidth="1"/>
    <col min="7" max="7" width="0.5703125" customWidth="1"/>
    <col min="8" max="8" width="7.5703125" customWidth="1"/>
    <col min="9" max="9" width="0.7109375" customWidth="1"/>
    <col min="10" max="10" width="7.5703125" customWidth="1"/>
  </cols>
  <sheetData>
    <row r="1" spans="1:11" x14ac:dyDescent="0.2">
      <c r="A1" s="413" t="s">
        <v>246</v>
      </c>
      <c r="B1" s="414"/>
      <c r="C1" s="414"/>
      <c r="D1" s="414"/>
      <c r="E1" s="414"/>
      <c r="F1" s="414"/>
      <c r="G1" s="414"/>
      <c r="H1" s="414"/>
      <c r="I1" s="415"/>
      <c r="J1" s="415"/>
    </row>
    <row r="2" spans="1:11" x14ac:dyDescent="0.2">
      <c r="A2" s="416" t="s">
        <v>44</v>
      </c>
      <c r="B2" s="417"/>
      <c r="C2" s="417"/>
      <c r="D2" s="423" t="s">
        <v>15</v>
      </c>
      <c r="E2" s="423"/>
      <c r="F2" s="423" t="s">
        <v>45</v>
      </c>
      <c r="G2" s="423"/>
      <c r="H2" s="423" t="s">
        <v>17</v>
      </c>
      <c r="I2" s="423"/>
      <c r="J2" s="423" t="s">
        <v>46</v>
      </c>
    </row>
    <row r="3" spans="1:11" ht="6" customHeight="1" x14ac:dyDescent="0.2">
      <c r="A3" s="127"/>
      <c r="B3" s="107"/>
      <c r="C3" s="107"/>
      <c r="D3" s="112"/>
      <c r="E3" s="112"/>
      <c r="F3" s="112"/>
      <c r="G3" s="112"/>
      <c r="H3" s="112"/>
      <c r="I3" s="112"/>
      <c r="J3" s="112"/>
    </row>
    <row r="4" spans="1:11" x14ac:dyDescent="0.2">
      <c r="A4" s="114" t="s">
        <v>47</v>
      </c>
      <c r="B4" s="107"/>
      <c r="C4" s="107"/>
      <c r="D4" s="98">
        <v>181</v>
      </c>
      <c r="E4" s="98"/>
      <c r="F4" s="98">
        <v>396</v>
      </c>
      <c r="G4" s="98"/>
      <c r="H4" s="98">
        <v>406</v>
      </c>
      <c r="J4" s="98">
        <v>983</v>
      </c>
      <c r="K4" s="419"/>
    </row>
    <row r="5" spans="1:11" x14ac:dyDescent="0.2">
      <c r="A5" s="114" t="s">
        <v>247</v>
      </c>
      <c r="B5" s="107"/>
      <c r="C5" s="107"/>
      <c r="D5" s="98">
        <v>69</v>
      </c>
      <c r="E5" s="98"/>
      <c r="F5" s="98">
        <v>71</v>
      </c>
      <c r="G5" s="98"/>
      <c r="H5" s="98">
        <v>74</v>
      </c>
      <c r="J5" s="98">
        <v>214</v>
      </c>
      <c r="K5" s="419"/>
    </row>
    <row r="6" spans="1:11" x14ac:dyDescent="0.2">
      <c r="A6" s="114" t="s">
        <v>48</v>
      </c>
      <c r="B6" s="107"/>
      <c r="C6" s="107"/>
      <c r="D6" s="98">
        <v>11</v>
      </c>
      <c r="E6" s="98"/>
      <c r="F6" s="98">
        <v>47</v>
      </c>
      <c r="G6" s="98"/>
      <c r="H6" s="98">
        <v>47</v>
      </c>
      <c r="J6" s="98">
        <v>105</v>
      </c>
      <c r="K6" s="419"/>
    </row>
    <row r="7" spans="1:11" x14ac:dyDescent="0.2">
      <c r="A7" s="114" t="s">
        <v>49</v>
      </c>
      <c r="B7" s="107"/>
      <c r="C7" s="107"/>
      <c r="D7" s="98">
        <v>27</v>
      </c>
      <c r="E7" s="98"/>
      <c r="F7" s="115">
        <v>33</v>
      </c>
      <c r="G7" s="115"/>
      <c r="H7" s="115">
        <v>33</v>
      </c>
      <c r="J7" s="98">
        <v>93</v>
      </c>
    </row>
    <row r="8" spans="1:11" ht="17.25" x14ac:dyDescent="0.4">
      <c r="A8" s="114" t="s">
        <v>50</v>
      </c>
      <c r="B8" s="107"/>
      <c r="C8" s="107"/>
      <c r="D8" s="129">
        <v>2</v>
      </c>
      <c r="E8" s="129"/>
      <c r="F8" s="130">
        <v>2</v>
      </c>
      <c r="G8" s="130"/>
      <c r="H8" s="130">
        <v>0</v>
      </c>
      <c r="I8" s="420"/>
      <c r="J8" s="129">
        <v>4</v>
      </c>
    </row>
    <row r="9" spans="1:11" ht="14.25" x14ac:dyDescent="0.2">
      <c r="A9" s="421" t="s">
        <v>248</v>
      </c>
      <c r="B9" s="107"/>
      <c r="C9" s="107"/>
      <c r="D9" s="121">
        <v>290</v>
      </c>
      <c r="E9" s="121"/>
      <c r="F9" s="121">
        <v>549</v>
      </c>
      <c r="G9" s="123"/>
      <c r="H9" s="121">
        <v>560</v>
      </c>
      <c r="J9" s="121">
        <v>1399</v>
      </c>
    </row>
    <row r="10" spans="1:11" ht="6" customHeight="1" x14ac:dyDescent="0.2">
      <c r="A10" s="414"/>
      <c r="B10" s="414"/>
      <c r="C10" s="414"/>
      <c r="D10" s="414"/>
      <c r="E10" s="414"/>
      <c r="F10" s="414"/>
      <c r="G10" s="414"/>
      <c r="H10" s="414"/>
      <c r="I10" s="414"/>
      <c r="J10" s="414"/>
    </row>
    <row r="11" spans="1:11" x14ac:dyDescent="0.2">
      <c r="A11" s="415"/>
      <c r="B11" s="415"/>
      <c r="C11" s="415"/>
      <c r="D11" s="415"/>
      <c r="E11" s="415"/>
      <c r="F11" s="415"/>
      <c r="G11" s="415"/>
      <c r="H11" s="415"/>
      <c r="J11" s="415"/>
    </row>
    <row r="12" spans="1:11" x14ac:dyDescent="0.2">
      <c r="A12" s="415"/>
      <c r="B12" s="415"/>
      <c r="C12" s="415"/>
      <c r="D12" s="415"/>
      <c r="E12" s="415"/>
      <c r="F12" s="415"/>
      <c r="G12" s="415"/>
      <c r="H12" s="415"/>
      <c r="I12" s="415"/>
      <c r="J12" s="415"/>
    </row>
    <row r="16" spans="1:11" x14ac:dyDescent="0.2">
      <c r="I16" s="422"/>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K21"/>
  <sheetViews>
    <sheetView showGridLines="0" zoomScaleNormal="100" zoomScaleSheetLayoutView="100" workbookViewId="0"/>
  </sheetViews>
  <sheetFormatPr defaultRowHeight="12.75" x14ac:dyDescent="0.2"/>
  <cols>
    <col min="2" max="2" width="43.5703125" customWidth="1"/>
    <col min="3" max="3" width="0.5703125" customWidth="1"/>
    <col min="4" max="4" width="8" customWidth="1"/>
    <col min="5" max="5" width="0.5703125" customWidth="1"/>
    <col min="6" max="6" width="8" customWidth="1"/>
    <col min="7" max="7" width="0.5703125" customWidth="1"/>
    <col min="8" max="8" width="8" customWidth="1"/>
    <col min="9" max="9" width="0.7109375" customWidth="1"/>
    <col min="10" max="10" width="8" customWidth="1"/>
  </cols>
  <sheetData>
    <row r="1" spans="1:11" x14ac:dyDescent="0.2">
      <c r="A1" s="413" t="s">
        <v>249</v>
      </c>
      <c r="B1" s="414"/>
      <c r="C1" s="414"/>
      <c r="D1" s="414"/>
      <c r="E1" s="414"/>
      <c r="F1" s="414"/>
      <c r="G1" s="414"/>
      <c r="H1" s="414"/>
      <c r="I1" s="415"/>
      <c r="J1" s="415"/>
    </row>
    <row r="2" spans="1:11" x14ac:dyDescent="0.2">
      <c r="A2" s="416" t="s">
        <v>44</v>
      </c>
      <c r="B2" s="417"/>
      <c r="C2" s="417"/>
      <c r="D2" s="423" t="s">
        <v>15</v>
      </c>
      <c r="E2" s="423"/>
      <c r="F2" s="423" t="s">
        <v>45</v>
      </c>
      <c r="G2" s="423"/>
      <c r="H2" s="423" t="s">
        <v>17</v>
      </c>
      <c r="I2" s="423"/>
      <c r="J2" s="423" t="s">
        <v>46</v>
      </c>
    </row>
    <row r="3" spans="1:11" s="424" customFormat="1" ht="12" x14ac:dyDescent="0.2">
      <c r="A3" s="116" t="s">
        <v>250</v>
      </c>
      <c r="B3" s="117"/>
      <c r="C3" s="113"/>
      <c r="D3" s="118"/>
      <c r="E3" s="118"/>
      <c r="F3" s="118"/>
      <c r="G3" s="118"/>
      <c r="H3" s="118"/>
      <c r="I3" s="109"/>
      <c r="J3" s="118"/>
    </row>
    <row r="4" spans="1:11" x14ac:dyDescent="0.2">
      <c r="A4" s="114" t="s">
        <v>251</v>
      </c>
      <c r="B4" s="107"/>
      <c r="C4" s="107"/>
      <c r="D4" s="98">
        <v>182</v>
      </c>
      <c r="E4" s="98"/>
      <c r="F4" s="98">
        <v>357</v>
      </c>
      <c r="G4" s="98"/>
      <c r="H4" s="98">
        <v>464</v>
      </c>
      <c r="J4" s="98">
        <v>1003</v>
      </c>
      <c r="K4" s="419"/>
    </row>
    <row r="5" spans="1:11" s="424" customFormat="1" ht="12" x14ac:dyDescent="0.2">
      <c r="A5" s="116" t="s">
        <v>52</v>
      </c>
      <c r="B5" s="117"/>
      <c r="C5" s="113"/>
      <c r="D5" s="118"/>
      <c r="E5" s="118"/>
      <c r="F5" s="118"/>
      <c r="G5" s="118"/>
      <c r="H5" s="118"/>
      <c r="I5" s="109"/>
      <c r="J5" s="118"/>
    </row>
    <row r="6" spans="1:11" x14ac:dyDescent="0.2">
      <c r="A6" s="114" t="s">
        <v>53</v>
      </c>
      <c r="B6" s="107"/>
      <c r="C6" s="107"/>
      <c r="D6" s="98">
        <v>78</v>
      </c>
      <c r="E6" s="98"/>
      <c r="F6" s="98">
        <v>220</v>
      </c>
      <c r="G6" s="98"/>
      <c r="H6" s="98">
        <v>250</v>
      </c>
      <c r="J6" s="98">
        <v>548</v>
      </c>
    </row>
    <row r="7" spans="1:11" x14ac:dyDescent="0.2">
      <c r="A7" s="114" t="s">
        <v>252</v>
      </c>
      <c r="B7" s="107"/>
      <c r="C7" s="107"/>
      <c r="D7" s="98">
        <v>25</v>
      </c>
      <c r="E7" s="98"/>
      <c r="F7" s="98">
        <v>50</v>
      </c>
      <c r="G7" s="98"/>
      <c r="H7" s="98">
        <v>75</v>
      </c>
      <c r="J7" s="98">
        <v>150</v>
      </c>
      <c r="K7" s="419"/>
    </row>
    <row r="8" spans="1:11" x14ac:dyDescent="0.2">
      <c r="A8" s="114" t="s">
        <v>253</v>
      </c>
      <c r="B8" s="107"/>
      <c r="C8" s="107"/>
      <c r="D8" s="98">
        <v>23.5</v>
      </c>
      <c r="E8" s="98"/>
      <c r="F8" s="115">
        <v>24</v>
      </c>
      <c r="G8" s="115"/>
      <c r="H8" s="115">
        <v>24</v>
      </c>
      <c r="J8" s="98">
        <v>71.5</v>
      </c>
    </row>
    <row r="9" spans="1:11" s="424" customFormat="1" ht="12" x14ac:dyDescent="0.2">
      <c r="A9" s="425" t="s">
        <v>254</v>
      </c>
      <c r="B9" s="426"/>
      <c r="C9" s="427"/>
      <c r="D9" s="428"/>
      <c r="E9" s="428"/>
      <c r="F9" s="428"/>
      <c r="G9" s="428"/>
      <c r="H9" s="428"/>
      <c r="I9" s="429"/>
      <c r="J9" s="428"/>
    </row>
    <row r="10" spans="1:11" x14ac:dyDescent="0.2">
      <c r="A10" s="430" t="s">
        <v>55</v>
      </c>
      <c r="B10" s="431"/>
      <c r="C10" s="431"/>
      <c r="D10" s="94">
        <v>17</v>
      </c>
      <c r="E10" s="94"/>
      <c r="F10" s="133">
        <v>17</v>
      </c>
      <c r="G10" s="133"/>
      <c r="H10" s="133">
        <v>17</v>
      </c>
      <c r="I10" s="432"/>
      <c r="J10" s="94">
        <v>51</v>
      </c>
    </row>
    <row r="11" spans="1:11" x14ac:dyDescent="0.2">
      <c r="A11" s="430" t="s">
        <v>255</v>
      </c>
      <c r="B11" s="431"/>
      <c r="C11" s="431"/>
      <c r="D11" s="94">
        <v>2</v>
      </c>
      <c r="E11" s="94"/>
      <c r="F11" s="133">
        <v>2</v>
      </c>
      <c r="G11" s="133"/>
      <c r="H11" s="133">
        <v>2</v>
      </c>
      <c r="I11" s="432"/>
      <c r="J11" s="94">
        <v>6</v>
      </c>
    </row>
    <row r="12" spans="1:11" x14ac:dyDescent="0.2">
      <c r="A12" s="433" t="s">
        <v>256</v>
      </c>
      <c r="B12" s="107"/>
      <c r="C12" s="107"/>
      <c r="D12" s="98">
        <v>5</v>
      </c>
      <c r="E12" s="98"/>
      <c r="F12" s="115">
        <v>5</v>
      </c>
      <c r="G12" s="115"/>
      <c r="H12" s="115">
        <v>8</v>
      </c>
      <c r="I12" s="108"/>
      <c r="J12" s="98">
        <v>18</v>
      </c>
    </row>
    <row r="13" spans="1:11" x14ac:dyDescent="0.2">
      <c r="A13" s="433" t="s">
        <v>257</v>
      </c>
      <c r="B13" s="107"/>
      <c r="C13" s="107"/>
      <c r="D13" s="98">
        <v>2</v>
      </c>
      <c r="E13" s="98"/>
      <c r="F13" s="115">
        <v>2</v>
      </c>
      <c r="G13" s="115"/>
      <c r="H13" s="115">
        <v>2</v>
      </c>
      <c r="I13" s="108"/>
      <c r="J13" s="98">
        <v>6</v>
      </c>
    </row>
    <row r="14" spans="1:11" x14ac:dyDescent="0.2">
      <c r="A14" s="433" t="s">
        <v>258</v>
      </c>
      <c r="B14" s="107"/>
      <c r="C14" s="107"/>
      <c r="D14" s="98">
        <v>3</v>
      </c>
      <c r="E14" s="98"/>
      <c r="F14" s="115">
        <v>3</v>
      </c>
      <c r="G14" s="115"/>
      <c r="H14" s="115">
        <v>3</v>
      </c>
      <c r="I14" s="108"/>
      <c r="J14" s="98">
        <v>9</v>
      </c>
    </row>
    <row r="15" spans="1:11" x14ac:dyDescent="0.2">
      <c r="A15" s="433" t="s">
        <v>259</v>
      </c>
      <c r="B15" s="107"/>
      <c r="C15" s="107"/>
      <c r="D15" s="98">
        <v>1</v>
      </c>
      <c r="E15" s="98"/>
      <c r="F15" s="115">
        <v>1</v>
      </c>
      <c r="G15" s="115"/>
      <c r="H15" s="115">
        <v>1</v>
      </c>
      <c r="I15" s="108"/>
      <c r="J15" s="98">
        <v>3</v>
      </c>
    </row>
    <row r="16" spans="1:11" s="424" customFormat="1" ht="12" x14ac:dyDescent="0.2">
      <c r="A16" s="116" t="s">
        <v>56</v>
      </c>
      <c r="B16" s="117"/>
      <c r="C16" s="113"/>
      <c r="D16" s="118"/>
      <c r="E16" s="118"/>
      <c r="F16" s="118"/>
      <c r="G16" s="118"/>
      <c r="H16" s="118"/>
      <c r="I16" s="109"/>
      <c r="J16" s="118"/>
    </row>
    <row r="17" spans="1:10" x14ac:dyDescent="0.2">
      <c r="A17" s="433" t="s">
        <v>260</v>
      </c>
      <c r="B17" s="107"/>
      <c r="C17" s="107"/>
      <c r="D17" s="98">
        <v>3</v>
      </c>
      <c r="E17" s="98"/>
      <c r="F17" s="115">
        <v>3</v>
      </c>
      <c r="G17" s="115"/>
      <c r="H17" s="115">
        <v>3</v>
      </c>
      <c r="I17" s="108"/>
      <c r="J17" s="98">
        <v>9</v>
      </c>
    </row>
    <row r="18" spans="1:10" x14ac:dyDescent="0.2">
      <c r="A18" s="433" t="s">
        <v>261</v>
      </c>
      <c r="B18" s="107"/>
      <c r="C18" s="107"/>
      <c r="D18" s="98">
        <v>1</v>
      </c>
      <c r="E18" s="98"/>
      <c r="F18" s="115">
        <v>2</v>
      </c>
      <c r="G18" s="115"/>
      <c r="H18" s="115">
        <v>2</v>
      </c>
      <c r="I18" s="108"/>
      <c r="J18" s="98">
        <v>5</v>
      </c>
    </row>
    <row r="19" spans="1:10" ht="17.25" x14ac:dyDescent="0.4">
      <c r="A19" s="433" t="s">
        <v>262</v>
      </c>
      <c r="B19" s="107"/>
      <c r="C19" s="107"/>
      <c r="D19" s="129">
        <v>2</v>
      </c>
      <c r="E19" s="129"/>
      <c r="F19" s="130">
        <v>2</v>
      </c>
      <c r="G19" s="130"/>
      <c r="H19" s="130">
        <v>2</v>
      </c>
      <c r="I19" s="420"/>
      <c r="J19" s="129">
        <v>6</v>
      </c>
    </row>
    <row r="20" spans="1:10" ht="14.25" x14ac:dyDescent="0.2">
      <c r="A20" s="421" t="s">
        <v>248</v>
      </c>
      <c r="B20" s="107"/>
      <c r="C20" s="107"/>
      <c r="D20" s="121">
        <v>344.5</v>
      </c>
      <c r="E20" s="121"/>
      <c r="F20" s="121">
        <v>688</v>
      </c>
      <c r="G20" s="123"/>
      <c r="H20" s="121">
        <v>853</v>
      </c>
      <c r="J20" s="121">
        <v>1885.5</v>
      </c>
    </row>
    <row r="21" spans="1:10" ht="6" customHeight="1" x14ac:dyDescent="0.2">
      <c r="A21" s="414"/>
      <c r="B21" s="414"/>
      <c r="C21" s="414"/>
      <c r="D21" s="414"/>
      <c r="E21" s="414"/>
      <c r="F21" s="414"/>
      <c r="G21" s="414"/>
      <c r="H21" s="414"/>
      <c r="I21" s="414"/>
      <c r="J21" s="414"/>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K14"/>
  <sheetViews>
    <sheetView showGridLines="0" zoomScaleNormal="100" zoomScaleSheetLayoutView="100" workbookViewId="0"/>
  </sheetViews>
  <sheetFormatPr defaultRowHeight="12.75" x14ac:dyDescent="0.2"/>
  <cols>
    <col min="1" max="1" width="11.5703125" customWidth="1"/>
    <col min="2" max="2" width="9.5703125" customWidth="1"/>
    <col min="3" max="4" width="9.140625" customWidth="1"/>
    <col min="7" max="11" width="8.28515625" customWidth="1"/>
  </cols>
  <sheetData>
    <row r="1" spans="1:11" x14ac:dyDescent="0.2">
      <c r="A1" s="413" t="s">
        <v>263</v>
      </c>
      <c r="B1" s="414"/>
      <c r="C1" s="414"/>
      <c r="D1" s="414"/>
      <c r="E1" s="414"/>
      <c r="F1" s="414"/>
      <c r="G1" s="414"/>
      <c r="H1" s="414"/>
      <c r="I1" s="414"/>
      <c r="J1" s="414"/>
      <c r="K1" s="414"/>
    </row>
    <row r="2" spans="1:11" x14ac:dyDescent="0.2">
      <c r="A2" s="416" t="s">
        <v>44</v>
      </c>
      <c r="B2" s="417"/>
      <c r="C2" s="417"/>
      <c r="D2" s="417"/>
      <c r="E2" s="417"/>
      <c r="F2" s="417"/>
      <c r="G2" s="418" t="s">
        <v>14</v>
      </c>
      <c r="H2" s="418" t="s">
        <v>15</v>
      </c>
      <c r="I2" s="418" t="s">
        <v>264</v>
      </c>
      <c r="J2" s="418" t="s">
        <v>46</v>
      </c>
      <c r="K2" s="418" t="s">
        <v>265</v>
      </c>
    </row>
    <row r="3" spans="1:11" x14ac:dyDescent="0.2">
      <c r="A3" s="434" t="s">
        <v>266</v>
      </c>
      <c r="B3" s="117"/>
      <c r="C3" s="113"/>
      <c r="D3" s="113"/>
      <c r="E3" s="113"/>
      <c r="F3" s="113"/>
      <c r="G3" s="118"/>
      <c r="H3" s="118"/>
      <c r="I3" s="118"/>
      <c r="J3" s="118"/>
      <c r="K3" s="118"/>
    </row>
    <row r="4" spans="1:11" x14ac:dyDescent="0.2">
      <c r="A4" s="114" t="s">
        <v>267</v>
      </c>
      <c r="B4" s="107"/>
      <c r="C4" s="107"/>
      <c r="D4" s="107"/>
      <c r="E4" s="107"/>
      <c r="F4" s="107"/>
      <c r="G4" s="98">
        <v>0</v>
      </c>
      <c r="H4" s="98">
        <v>13.7</v>
      </c>
      <c r="I4" s="98">
        <v>0</v>
      </c>
      <c r="J4" s="98">
        <v>13.7</v>
      </c>
      <c r="K4" s="98">
        <v>0</v>
      </c>
    </row>
    <row r="5" spans="1:11" x14ac:dyDescent="0.2">
      <c r="A5" s="114" t="s">
        <v>268</v>
      </c>
      <c r="B5" s="107"/>
      <c r="C5" s="107"/>
      <c r="D5" s="107"/>
      <c r="E5" s="107"/>
      <c r="F5" s="107"/>
      <c r="G5" s="98">
        <v>0</v>
      </c>
      <c r="H5" s="98">
        <v>30</v>
      </c>
      <c r="I5" s="98">
        <v>30</v>
      </c>
      <c r="J5" s="98">
        <v>60</v>
      </c>
      <c r="K5" s="98">
        <v>30</v>
      </c>
    </row>
    <row r="6" spans="1:11" x14ac:dyDescent="0.2">
      <c r="A6" s="114" t="s">
        <v>269</v>
      </c>
      <c r="B6" s="107"/>
      <c r="C6" s="107"/>
      <c r="D6" s="107"/>
      <c r="E6" s="107"/>
      <c r="F6" s="107"/>
      <c r="G6" s="98">
        <v>10</v>
      </c>
      <c r="H6" s="98">
        <v>6.3</v>
      </c>
      <c r="I6" s="98">
        <v>0</v>
      </c>
      <c r="J6" s="98">
        <v>16.3</v>
      </c>
      <c r="K6" s="98">
        <v>0</v>
      </c>
    </row>
    <row r="7" spans="1:11" x14ac:dyDescent="0.2">
      <c r="A7" s="114" t="s">
        <v>270</v>
      </c>
      <c r="B7" s="107"/>
      <c r="C7" s="107"/>
      <c r="D7" s="107"/>
      <c r="E7" s="107"/>
      <c r="F7" s="107"/>
      <c r="G7" s="98">
        <v>10</v>
      </c>
      <c r="H7" s="98">
        <v>10</v>
      </c>
      <c r="I7" s="98">
        <v>10</v>
      </c>
      <c r="J7" s="98">
        <v>30</v>
      </c>
      <c r="K7" s="98">
        <v>10</v>
      </c>
    </row>
    <row r="8" spans="1:11" x14ac:dyDescent="0.2">
      <c r="A8" s="114" t="s">
        <v>271</v>
      </c>
      <c r="B8" s="107"/>
      <c r="C8" s="107"/>
      <c r="D8" s="107"/>
      <c r="E8" s="107"/>
      <c r="F8" s="107"/>
      <c r="G8" s="98">
        <v>0</v>
      </c>
      <c r="H8" s="98">
        <v>20</v>
      </c>
      <c r="I8" s="98">
        <v>10</v>
      </c>
      <c r="J8" s="98">
        <v>30</v>
      </c>
      <c r="K8" s="98">
        <v>10</v>
      </c>
    </row>
    <row r="9" spans="1:11" ht="14.25" x14ac:dyDescent="0.2">
      <c r="A9" s="114" t="s">
        <v>272</v>
      </c>
      <c r="B9" s="107"/>
      <c r="C9" s="107"/>
      <c r="D9" s="121"/>
      <c r="E9" s="121"/>
      <c r="F9" s="121"/>
      <c r="G9" s="129">
        <v>1</v>
      </c>
      <c r="H9" s="129">
        <v>1</v>
      </c>
      <c r="I9" s="129">
        <v>1</v>
      </c>
      <c r="J9" s="129">
        <v>3</v>
      </c>
      <c r="K9" s="129">
        <v>1</v>
      </c>
    </row>
    <row r="10" spans="1:11" ht="14.25" x14ac:dyDescent="0.2">
      <c r="A10" s="421" t="s">
        <v>248</v>
      </c>
      <c r="B10" s="107"/>
      <c r="C10" s="421"/>
      <c r="D10" s="107"/>
      <c r="E10" s="421"/>
      <c r="F10" s="107"/>
      <c r="G10" s="121">
        <v>21</v>
      </c>
      <c r="H10" s="121">
        <v>81</v>
      </c>
      <c r="I10" s="121">
        <v>51</v>
      </c>
      <c r="J10" s="121">
        <v>153</v>
      </c>
      <c r="K10" s="121">
        <v>51</v>
      </c>
    </row>
    <row r="11" spans="1:11" x14ac:dyDescent="0.2">
      <c r="A11" s="414"/>
      <c r="B11" s="414"/>
      <c r="C11" s="414"/>
      <c r="D11" s="414"/>
      <c r="E11" s="414"/>
      <c r="F11" s="414"/>
      <c r="G11" s="414"/>
      <c r="H11" s="414"/>
      <c r="I11" s="414"/>
      <c r="J11" s="414"/>
      <c r="K11" s="414"/>
    </row>
    <row r="12" spans="1:11" x14ac:dyDescent="0.2">
      <c r="A12" s="435" t="s">
        <v>273</v>
      </c>
      <c r="B12" s="435"/>
      <c r="C12" s="435"/>
      <c r="D12" s="435"/>
      <c r="E12" s="435"/>
      <c r="F12" s="435"/>
      <c r="G12" s="435"/>
      <c r="H12" s="435"/>
      <c r="I12" s="435"/>
      <c r="J12" s="435"/>
      <c r="K12" s="435"/>
    </row>
    <row r="13" spans="1:11" x14ac:dyDescent="0.2">
      <c r="A13" s="435" t="s">
        <v>274</v>
      </c>
      <c r="B13" s="435"/>
      <c r="C13" s="435"/>
      <c r="D13" s="435"/>
      <c r="E13" s="435"/>
      <c r="F13" s="435"/>
      <c r="G13" s="435"/>
      <c r="H13" s="435"/>
      <c r="I13" s="435"/>
      <c r="J13" s="435"/>
      <c r="K13" s="435"/>
    </row>
    <row r="14" spans="1:11" x14ac:dyDescent="0.2">
      <c r="A14" s="435" t="s">
        <v>275</v>
      </c>
      <c r="B14" s="435"/>
      <c r="C14" s="435"/>
      <c r="D14" s="435"/>
      <c r="E14" s="435"/>
      <c r="F14" s="435"/>
      <c r="G14" s="435"/>
      <c r="H14" s="435"/>
      <c r="I14" s="435"/>
      <c r="J14" s="435"/>
      <c r="K14" s="435"/>
    </row>
  </sheetData>
  <printOptions horizontalCentered="1"/>
  <pageMargins left="0.51181102362204722" right="0.11811023622047245" top="0.51181102362204722" bottom="0.35433070866141736" header="0.31496062992125984" footer="0.51181102362204722"/>
  <pageSetup orientation="portrait"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G7"/>
  <sheetViews>
    <sheetView showGridLines="0" zoomScaleNormal="100" zoomScaleSheetLayoutView="100" workbookViewId="0">
      <selection activeCell="A9" sqref="A9"/>
    </sheetView>
  </sheetViews>
  <sheetFormatPr defaultRowHeight="12.75" x14ac:dyDescent="0.2"/>
  <cols>
    <col min="1" max="1" width="1.85546875" customWidth="1"/>
    <col min="2" max="2" width="36.85546875" customWidth="1"/>
    <col min="3" max="7" width="8.28515625" customWidth="1"/>
    <col min="8" max="8" width="1.140625" customWidth="1"/>
  </cols>
  <sheetData>
    <row r="1" spans="1:7" ht="15" x14ac:dyDescent="0.25">
      <c r="B1" s="436" t="s">
        <v>276</v>
      </c>
    </row>
    <row r="2" spans="1:7" ht="30" x14ac:dyDescent="0.2">
      <c r="A2" s="111"/>
      <c r="B2" s="437" t="s">
        <v>277</v>
      </c>
      <c r="C2" s="438" t="s">
        <v>14</v>
      </c>
      <c r="D2" s="438" t="s">
        <v>15</v>
      </c>
      <c r="E2" s="438" t="s">
        <v>16</v>
      </c>
      <c r="F2" s="438" t="s">
        <v>17</v>
      </c>
      <c r="G2" s="438" t="s">
        <v>46</v>
      </c>
    </row>
    <row r="3" spans="1:7" ht="19.5" x14ac:dyDescent="0.2">
      <c r="A3" s="111"/>
      <c r="B3" s="439" t="s">
        <v>278</v>
      </c>
      <c r="C3" s="440">
        <v>20</v>
      </c>
      <c r="D3" s="440">
        <v>182.06</v>
      </c>
      <c r="E3" s="440">
        <v>356.96000000000004</v>
      </c>
      <c r="F3" s="440">
        <v>463.95000000000005</v>
      </c>
      <c r="G3" s="440">
        <v>1022.84</v>
      </c>
    </row>
    <row r="4" spans="1:7" ht="16.5" x14ac:dyDescent="0.35">
      <c r="A4" s="111"/>
      <c r="B4" s="441" t="s">
        <v>279</v>
      </c>
      <c r="C4" s="442">
        <v>21</v>
      </c>
      <c r="D4" s="442">
        <v>81</v>
      </c>
      <c r="E4" s="442">
        <v>51</v>
      </c>
      <c r="F4" s="442">
        <v>51</v>
      </c>
      <c r="G4" s="443">
        <v>204</v>
      </c>
    </row>
    <row r="5" spans="1:7" ht="15" x14ac:dyDescent="0.2">
      <c r="A5" s="111"/>
      <c r="B5" s="444" t="s">
        <v>280</v>
      </c>
      <c r="C5" s="445">
        <v>41</v>
      </c>
      <c r="D5" s="445">
        <v>263.06</v>
      </c>
      <c r="E5" s="445">
        <v>407.96000000000004</v>
      </c>
      <c r="F5" s="445">
        <v>514.95000000000005</v>
      </c>
      <c r="G5" s="445">
        <v>1226.8400000000001</v>
      </c>
    </row>
    <row r="6" spans="1:7" ht="17.25" x14ac:dyDescent="0.2">
      <c r="A6" s="446">
        <v>1</v>
      </c>
      <c r="B6" s="447" t="s">
        <v>281</v>
      </c>
      <c r="C6" s="448"/>
      <c r="D6" s="448"/>
      <c r="E6" s="448"/>
      <c r="F6" s="448"/>
      <c r="G6" s="448"/>
    </row>
    <row r="7" spans="1:7" ht="34.5" customHeight="1" x14ac:dyDescent="0.2">
      <c r="A7" s="446">
        <v>2</v>
      </c>
      <c r="B7" s="907" t="s">
        <v>282</v>
      </c>
      <c r="C7" s="907"/>
      <c r="D7" s="907"/>
      <c r="E7" s="907"/>
      <c r="F7" s="907"/>
      <c r="G7" s="907"/>
    </row>
  </sheetData>
  <mergeCells count="1">
    <mergeCell ref="B7:G7"/>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dimension ref="A1:K27"/>
  <sheetViews>
    <sheetView showGridLines="0" zoomScaleNormal="100" zoomScaleSheetLayoutView="100" workbookViewId="0"/>
  </sheetViews>
  <sheetFormatPr defaultRowHeight="12.75" x14ac:dyDescent="0.2"/>
  <cols>
    <col min="2" max="2" width="41.7109375" customWidth="1"/>
    <col min="3" max="3" width="0.5703125" customWidth="1"/>
    <col min="4" max="4" width="8.140625" customWidth="1"/>
    <col min="5" max="5" width="0.5703125" customWidth="1"/>
    <col min="6" max="6" width="8.140625" customWidth="1"/>
    <col min="7" max="7" width="0.5703125" customWidth="1"/>
    <col min="8" max="8" width="8.140625" customWidth="1"/>
    <col min="9" max="9" width="0.7109375" customWidth="1"/>
    <col min="10" max="10" width="8.140625" customWidth="1"/>
  </cols>
  <sheetData>
    <row r="1" spans="1:11" x14ac:dyDescent="0.2">
      <c r="A1" s="413" t="s">
        <v>283</v>
      </c>
      <c r="B1" s="414"/>
      <c r="C1" s="414"/>
      <c r="D1" s="414"/>
      <c r="E1" s="414"/>
      <c r="F1" s="414"/>
      <c r="G1" s="414"/>
      <c r="H1" s="414"/>
      <c r="I1" s="415"/>
      <c r="J1" s="415"/>
    </row>
    <row r="2" spans="1:11" x14ac:dyDescent="0.2">
      <c r="A2" s="416" t="s">
        <v>44</v>
      </c>
      <c r="B2" s="417"/>
      <c r="C2" s="417"/>
      <c r="D2" s="423" t="s">
        <v>15</v>
      </c>
      <c r="E2" s="423"/>
      <c r="F2" s="423" t="s">
        <v>45</v>
      </c>
      <c r="G2" s="423"/>
      <c r="H2" s="423" t="s">
        <v>17</v>
      </c>
      <c r="I2" s="423"/>
      <c r="J2" s="423" t="s">
        <v>46</v>
      </c>
    </row>
    <row r="3" spans="1:11" s="424" customFormat="1" ht="12" x14ac:dyDescent="0.2">
      <c r="A3" s="116" t="s">
        <v>284</v>
      </c>
      <c r="B3" s="117"/>
      <c r="C3" s="113"/>
      <c r="D3" s="118"/>
      <c r="E3" s="118"/>
      <c r="F3" s="118"/>
      <c r="G3" s="118"/>
      <c r="H3" s="118"/>
      <c r="I3" s="109"/>
      <c r="J3" s="118"/>
    </row>
    <row r="4" spans="1:11" x14ac:dyDescent="0.2">
      <c r="A4" s="114" t="s">
        <v>285</v>
      </c>
      <c r="B4" s="107"/>
      <c r="C4" s="107"/>
      <c r="D4" s="98">
        <v>19</v>
      </c>
      <c r="E4" s="98"/>
      <c r="F4" s="98">
        <v>19</v>
      </c>
      <c r="G4" s="98"/>
      <c r="H4" s="98">
        <v>19</v>
      </c>
      <c r="J4" s="98">
        <v>57</v>
      </c>
    </row>
    <row r="5" spans="1:11" x14ac:dyDescent="0.2">
      <c r="A5" s="114" t="s">
        <v>286</v>
      </c>
      <c r="B5" s="107"/>
      <c r="C5" s="107"/>
      <c r="D5" s="98">
        <v>10</v>
      </c>
      <c r="E5" s="98"/>
      <c r="F5" s="98">
        <v>10</v>
      </c>
      <c r="G5" s="98"/>
      <c r="H5" s="98">
        <v>10</v>
      </c>
      <c r="J5" s="98">
        <v>30</v>
      </c>
      <c r="K5" s="419"/>
    </row>
    <row r="6" spans="1:11" x14ac:dyDescent="0.2">
      <c r="A6" s="114" t="s">
        <v>287</v>
      </c>
      <c r="B6" s="107"/>
      <c r="C6" s="107"/>
      <c r="D6" s="98">
        <v>0</v>
      </c>
      <c r="E6" s="98"/>
      <c r="F6" s="98">
        <v>1</v>
      </c>
      <c r="G6" s="98"/>
      <c r="H6" s="98">
        <v>1</v>
      </c>
      <c r="J6" s="98">
        <v>2</v>
      </c>
    </row>
    <row r="7" spans="1:11" x14ac:dyDescent="0.2">
      <c r="A7" s="114" t="s">
        <v>288</v>
      </c>
      <c r="B7" s="107"/>
      <c r="C7" s="107"/>
      <c r="D7" s="98">
        <v>0</v>
      </c>
      <c r="E7" s="98"/>
      <c r="F7" s="98">
        <v>0</v>
      </c>
      <c r="G7" s="98"/>
      <c r="H7" s="98">
        <v>11</v>
      </c>
      <c r="J7" s="98">
        <v>11</v>
      </c>
    </row>
    <row r="8" spans="1:11" x14ac:dyDescent="0.2">
      <c r="A8" s="114" t="s">
        <v>289</v>
      </c>
      <c r="B8" s="107"/>
      <c r="C8" s="107"/>
      <c r="D8" s="98">
        <v>2</v>
      </c>
      <c r="E8" s="98"/>
      <c r="F8" s="98">
        <v>2</v>
      </c>
      <c r="G8" s="98"/>
      <c r="H8" s="98">
        <v>2</v>
      </c>
      <c r="J8" s="98">
        <v>6</v>
      </c>
    </row>
    <row r="9" spans="1:11" x14ac:dyDescent="0.2">
      <c r="A9" s="114" t="s">
        <v>290</v>
      </c>
      <c r="B9" s="107"/>
      <c r="C9" s="107"/>
      <c r="D9" s="98">
        <v>8</v>
      </c>
      <c r="E9" s="98"/>
      <c r="F9" s="98">
        <v>10</v>
      </c>
      <c r="G9" s="98"/>
      <c r="H9" s="98">
        <v>12</v>
      </c>
      <c r="J9" s="98">
        <v>30</v>
      </c>
    </row>
    <row r="10" spans="1:11" x14ac:dyDescent="0.2">
      <c r="A10" s="114" t="s">
        <v>291</v>
      </c>
      <c r="B10" s="107"/>
      <c r="C10" s="107"/>
      <c r="D10" s="98">
        <v>3</v>
      </c>
      <c r="E10" s="98"/>
      <c r="F10" s="115">
        <v>3</v>
      </c>
      <c r="G10" s="115"/>
      <c r="H10" s="115">
        <v>3</v>
      </c>
      <c r="J10" s="98">
        <v>9</v>
      </c>
    </row>
    <row r="11" spans="1:11" s="424" customFormat="1" ht="12" x14ac:dyDescent="0.2">
      <c r="A11" s="116" t="s">
        <v>51</v>
      </c>
      <c r="B11" s="117"/>
      <c r="C11" s="113"/>
      <c r="D11" s="118"/>
      <c r="E11" s="118"/>
      <c r="F11" s="118"/>
      <c r="G11" s="118"/>
      <c r="H11" s="118"/>
      <c r="I11" s="109"/>
      <c r="J11" s="118"/>
    </row>
    <row r="12" spans="1:11" x14ac:dyDescent="0.2">
      <c r="A12" s="114" t="s">
        <v>292</v>
      </c>
      <c r="B12" s="107"/>
      <c r="C12" s="107"/>
      <c r="D12" s="98">
        <v>10</v>
      </c>
      <c r="E12" s="98"/>
      <c r="F12" s="115">
        <v>20</v>
      </c>
      <c r="G12" s="115"/>
      <c r="H12" s="115">
        <v>20</v>
      </c>
      <c r="J12" s="98">
        <v>50</v>
      </c>
    </row>
    <row r="13" spans="1:11" x14ac:dyDescent="0.2">
      <c r="A13" s="114" t="s">
        <v>293</v>
      </c>
      <c r="B13" s="107"/>
      <c r="C13" s="107"/>
      <c r="D13" s="98">
        <v>5</v>
      </c>
      <c r="E13" s="98"/>
      <c r="F13" s="115">
        <v>7</v>
      </c>
      <c r="G13" s="115"/>
      <c r="H13" s="115">
        <v>10</v>
      </c>
      <c r="J13" s="98">
        <v>22</v>
      </c>
    </row>
    <row r="14" spans="1:11" x14ac:dyDescent="0.2">
      <c r="A14" s="114" t="s">
        <v>294</v>
      </c>
      <c r="B14" s="107"/>
      <c r="C14" s="107"/>
      <c r="D14" s="98">
        <v>2</v>
      </c>
      <c r="E14" s="98"/>
      <c r="F14" s="115">
        <v>2</v>
      </c>
      <c r="G14" s="115"/>
      <c r="H14" s="115">
        <v>2</v>
      </c>
      <c r="J14" s="98">
        <v>6</v>
      </c>
    </row>
    <row r="15" spans="1:11" x14ac:dyDescent="0.2">
      <c r="A15" s="114" t="s">
        <v>295</v>
      </c>
      <c r="B15" s="107"/>
      <c r="C15" s="107"/>
      <c r="D15" s="98">
        <v>2</v>
      </c>
      <c r="E15" s="98"/>
      <c r="F15" s="115">
        <v>5</v>
      </c>
      <c r="G15" s="115"/>
      <c r="H15" s="115">
        <v>8</v>
      </c>
      <c r="J15" s="98">
        <v>15</v>
      </c>
    </row>
    <row r="16" spans="1:11" x14ac:dyDescent="0.2">
      <c r="A16" s="114" t="s">
        <v>296</v>
      </c>
      <c r="B16" s="107"/>
      <c r="C16" s="107"/>
      <c r="D16" s="98">
        <v>1</v>
      </c>
      <c r="E16" s="98"/>
      <c r="F16" s="115">
        <v>3</v>
      </c>
      <c r="G16" s="115"/>
      <c r="H16" s="115">
        <v>10</v>
      </c>
      <c r="J16" s="98">
        <v>14</v>
      </c>
    </row>
    <row r="17" spans="1:10" x14ac:dyDescent="0.2">
      <c r="A17" s="114" t="s">
        <v>297</v>
      </c>
      <c r="B17" s="107"/>
      <c r="C17" s="107"/>
      <c r="D17" s="98">
        <v>1</v>
      </c>
      <c r="E17" s="98"/>
      <c r="F17" s="115">
        <v>2</v>
      </c>
      <c r="G17" s="115"/>
      <c r="H17" s="115">
        <v>2</v>
      </c>
      <c r="J17" s="98">
        <v>5</v>
      </c>
    </row>
    <row r="18" spans="1:10" s="424" customFormat="1" ht="12" x14ac:dyDescent="0.2">
      <c r="A18" s="116" t="s">
        <v>54</v>
      </c>
      <c r="B18" s="117"/>
      <c r="C18" s="113"/>
      <c r="D18" s="118"/>
      <c r="E18" s="118"/>
      <c r="F18" s="118"/>
      <c r="G18" s="118"/>
      <c r="H18" s="118"/>
      <c r="I18" s="109"/>
      <c r="J18" s="118"/>
    </row>
    <row r="19" spans="1:10" x14ac:dyDescent="0.2">
      <c r="A19" s="114" t="s">
        <v>298</v>
      </c>
      <c r="B19" s="107"/>
      <c r="C19" s="107"/>
      <c r="D19" s="98">
        <v>7</v>
      </c>
      <c r="E19" s="98"/>
      <c r="F19" s="115">
        <v>11</v>
      </c>
      <c r="G19" s="115"/>
      <c r="H19" s="115">
        <v>11</v>
      </c>
      <c r="J19" s="98">
        <v>29</v>
      </c>
    </row>
    <row r="20" spans="1:10" x14ac:dyDescent="0.2">
      <c r="A20" s="114" t="s">
        <v>299</v>
      </c>
      <c r="B20" s="107"/>
      <c r="C20" s="107"/>
      <c r="D20" s="98">
        <v>12</v>
      </c>
      <c r="E20" s="98"/>
      <c r="F20" s="115">
        <v>12</v>
      </c>
      <c r="G20" s="115"/>
      <c r="H20" s="115">
        <v>12</v>
      </c>
      <c r="J20" s="98">
        <v>36</v>
      </c>
    </row>
    <row r="21" spans="1:10" ht="17.25" x14ac:dyDescent="0.4">
      <c r="A21" s="114" t="s">
        <v>300</v>
      </c>
      <c r="B21" s="107"/>
      <c r="C21" s="107"/>
      <c r="D21" s="129">
        <v>6</v>
      </c>
      <c r="E21" s="129"/>
      <c r="F21" s="130">
        <v>6</v>
      </c>
      <c r="G21" s="130"/>
      <c r="H21" s="130">
        <v>6</v>
      </c>
      <c r="I21" s="420"/>
      <c r="J21" s="129">
        <v>18</v>
      </c>
    </row>
    <row r="22" spans="1:10" ht="14.25" x14ac:dyDescent="0.2">
      <c r="A22" s="449" t="s">
        <v>301</v>
      </c>
      <c r="B22" s="107"/>
      <c r="C22" s="107"/>
      <c r="D22" s="121">
        <v>88</v>
      </c>
      <c r="E22" s="121">
        <v>0</v>
      </c>
      <c r="F22" s="121">
        <v>113</v>
      </c>
      <c r="G22" s="121">
        <v>0</v>
      </c>
      <c r="H22" s="121">
        <v>139</v>
      </c>
      <c r="I22" s="121">
        <v>0</v>
      </c>
      <c r="J22" s="121">
        <v>340</v>
      </c>
    </row>
    <row r="23" spans="1:10" x14ac:dyDescent="0.2">
      <c r="A23" s="120" t="s">
        <v>302</v>
      </c>
      <c r="B23" s="107"/>
      <c r="C23" s="107"/>
      <c r="D23" s="122">
        <v>24</v>
      </c>
      <c r="E23" s="122"/>
      <c r="F23" s="122">
        <v>27</v>
      </c>
      <c r="G23" s="122"/>
      <c r="H23" s="122">
        <v>38</v>
      </c>
      <c r="I23" s="110"/>
      <c r="J23" s="122">
        <v>89</v>
      </c>
    </row>
    <row r="24" spans="1:10" ht="17.25" x14ac:dyDescent="0.4">
      <c r="A24" s="120" t="s">
        <v>303</v>
      </c>
      <c r="B24" s="107"/>
      <c r="C24" s="107"/>
      <c r="D24" s="123">
        <v>10</v>
      </c>
      <c r="E24" s="123"/>
      <c r="F24" s="123">
        <v>19</v>
      </c>
      <c r="G24" s="123"/>
      <c r="H24" s="123">
        <v>26</v>
      </c>
      <c r="I24" s="124"/>
      <c r="J24" s="123">
        <v>55</v>
      </c>
    </row>
    <row r="25" spans="1:10" ht="14.25" x14ac:dyDescent="0.2">
      <c r="A25" s="449" t="s">
        <v>304</v>
      </c>
      <c r="B25" s="107"/>
      <c r="D25" s="121">
        <v>122</v>
      </c>
      <c r="E25" s="121"/>
      <c r="F25" s="121">
        <v>159</v>
      </c>
      <c r="G25" s="123"/>
      <c r="H25" s="121">
        <v>203</v>
      </c>
      <c r="J25" s="121">
        <v>484</v>
      </c>
    </row>
    <row r="26" spans="1:10" ht="6" customHeight="1" x14ac:dyDescent="0.2">
      <c r="A26" s="414"/>
      <c r="B26" s="414"/>
      <c r="C26" s="414"/>
      <c r="D26" s="414"/>
      <c r="E26" s="414"/>
      <c r="F26" s="414"/>
      <c r="G26" s="414"/>
      <c r="H26" s="414"/>
      <c r="I26" s="414"/>
      <c r="J26" s="414"/>
    </row>
    <row r="27" spans="1:10" x14ac:dyDescent="0.2">
      <c r="A27" s="415"/>
      <c r="B27" s="415"/>
      <c r="C27" s="415"/>
      <c r="D27" s="415"/>
      <c r="E27" s="415"/>
      <c r="F27" s="415"/>
      <c r="G27" s="415"/>
      <c r="H27" s="415"/>
      <c r="J27" s="415"/>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dimension ref="A1:N17"/>
  <sheetViews>
    <sheetView showGridLines="0" zoomScaleNormal="100" zoomScaleSheetLayoutView="100" workbookViewId="0"/>
  </sheetViews>
  <sheetFormatPr defaultRowHeight="12.75" x14ac:dyDescent="0.2"/>
  <cols>
    <col min="5" max="5" width="11.42578125" customWidth="1"/>
    <col min="6" max="6" width="0.5703125" customWidth="1"/>
    <col min="7" max="7" width="7.7109375" customWidth="1"/>
    <col min="8" max="8" width="0.5703125" customWidth="1"/>
    <col min="9" max="9" width="7.7109375" customWidth="1"/>
    <col min="10" max="10" width="0.5703125" customWidth="1"/>
    <col min="11" max="12" width="7.7109375" customWidth="1"/>
  </cols>
  <sheetData>
    <row r="1" spans="1:14" x14ac:dyDescent="0.2">
      <c r="A1" s="413" t="s">
        <v>305</v>
      </c>
      <c r="B1" s="414"/>
      <c r="C1" s="414"/>
      <c r="D1" s="414"/>
      <c r="E1" s="414"/>
      <c r="F1" s="414"/>
      <c r="G1" s="414"/>
      <c r="H1" s="414"/>
      <c r="I1" s="414"/>
      <c r="J1" s="414"/>
      <c r="K1" s="414"/>
      <c r="L1" s="415"/>
    </row>
    <row r="2" spans="1:14" x14ac:dyDescent="0.2">
      <c r="A2" s="416" t="s">
        <v>44</v>
      </c>
      <c r="B2" s="417"/>
      <c r="C2" s="417"/>
      <c r="D2" s="417"/>
      <c r="E2" s="417"/>
      <c r="F2" s="417"/>
      <c r="G2" s="423" t="s">
        <v>15</v>
      </c>
      <c r="H2" s="423"/>
      <c r="I2" s="423" t="s">
        <v>264</v>
      </c>
      <c r="J2" s="423"/>
      <c r="K2" s="423" t="s">
        <v>17</v>
      </c>
      <c r="L2" s="423" t="s">
        <v>46</v>
      </c>
    </row>
    <row r="3" spans="1:14" s="424" customFormat="1" x14ac:dyDescent="0.2">
      <c r="A3" s="434" t="s">
        <v>306</v>
      </c>
      <c r="B3" s="117"/>
      <c r="C3" s="113"/>
      <c r="D3" s="113"/>
      <c r="E3" s="113"/>
      <c r="F3" s="113"/>
      <c r="G3" s="118"/>
      <c r="H3" s="118"/>
      <c r="I3" s="118"/>
      <c r="J3" s="118"/>
      <c r="K3" s="118"/>
      <c r="L3" s="109"/>
      <c r="M3"/>
    </row>
    <row r="4" spans="1:14" x14ac:dyDescent="0.2">
      <c r="A4" s="114" t="s">
        <v>307</v>
      </c>
      <c r="B4" s="107"/>
      <c r="C4" s="107"/>
      <c r="D4" s="107"/>
      <c r="E4" s="107"/>
      <c r="F4" s="107"/>
      <c r="G4" s="450">
        <v>298</v>
      </c>
      <c r="H4" s="450"/>
      <c r="I4" s="450">
        <v>298</v>
      </c>
      <c r="J4" s="450"/>
      <c r="K4" s="450">
        <v>298</v>
      </c>
      <c r="L4" s="451">
        <v>894</v>
      </c>
      <c r="N4" s="419"/>
    </row>
    <row r="5" spans="1:14" ht="15" x14ac:dyDescent="0.35">
      <c r="A5" s="114" t="s">
        <v>308</v>
      </c>
      <c r="B5" s="107"/>
      <c r="C5" s="107"/>
      <c r="D5" s="107"/>
      <c r="E5" s="107"/>
      <c r="F5" s="107"/>
      <c r="G5" s="452">
        <v>24</v>
      </c>
      <c r="H5" s="452"/>
      <c r="I5" s="452">
        <v>27</v>
      </c>
      <c r="J5" s="452"/>
      <c r="K5" s="452">
        <v>38</v>
      </c>
      <c r="L5" s="453">
        <v>89</v>
      </c>
    </row>
    <row r="6" spans="1:14" ht="15" x14ac:dyDescent="0.25">
      <c r="A6" s="454" t="s">
        <v>309</v>
      </c>
      <c r="B6" s="455"/>
      <c r="C6" s="455"/>
      <c r="D6" s="455"/>
      <c r="E6" s="107"/>
      <c r="F6" s="107"/>
      <c r="G6" s="456">
        <v>322</v>
      </c>
      <c r="H6" s="456"/>
      <c r="I6" s="456">
        <v>325</v>
      </c>
      <c r="J6" s="457"/>
      <c r="K6" s="456">
        <v>336</v>
      </c>
      <c r="L6" s="456">
        <v>983</v>
      </c>
    </row>
    <row r="7" spans="1:14" s="424" customFormat="1" x14ac:dyDescent="0.2">
      <c r="A7" s="434" t="s">
        <v>310</v>
      </c>
      <c r="B7" s="117"/>
      <c r="C7" s="113"/>
      <c r="D7" s="113"/>
      <c r="E7" s="113"/>
      <c r="F7" s="113"/>
      <c r="G7" s="458"/>
      <c r="H7" s="458"/>
      <c r="I7" s="458"/>
      <c r="J7" s="458"/>
      <c r="K7" s="458"/>
      <c r="L7" s="459"/>
      <c r="M7"/>
    </row>
    <row r="8" spans="1:14" x14ac:dyDescent="0.2">
      <c r="A8" s="114" t="s">
        <v>311</v>
      </c>
      <c r="B8" s="107"/>
      <c r="C8" s="107"/>
      <c r="D8" s="107"/>
      <c r="E8" s="107"/>
      <c r="F8" s="107"/>
      <c r="G8" s="450">
        <v>96</v>
      </c>
      <c r="H8" s="450"/>
      <c r="I8" s="460">
        <v>95</v>
      </c>
      <c r="J8" s="460"/>
      <c r="K8" s="460">
        <v>94</v>
      </c>
      <c r="L8" s="451">
        <v>285</v>
      </c>
    </row>
    <row r="9" spans="1:14" ht="15" x14ac:dyDescent="0.35">
      <c r="A9" s="114" t="s">
        <v>312</v>
      </c>
      <c r="B9" s="107"/>
      <c r="C9" s="107"/>
      <c r="D9" s="107"/>
      <c r="E9" s="107"/>
      <c r="F9" s="107"/>
      <c r="G9" s="452">
        <v>10</v>
      </c>
      <c r="H9" s="452"/>
      <c r="I9" s="461">
        <v>19</v>
      </c>
      <c r="J9" s="461"/>
      <c r="K9" s="461">
        <v>26</v>
      </c>
      <c r="L9" s="462">
        <v>55</v>
      </c>
    </row>
    <row r="10" spans="1:14" ht="15" x14ac:dyDescent="0.25">
      <c r="A10" s="454" t="s">
        <v>313</v>
      </c>
      <c r="B10" s="455"/>
      <c r="C10" s="455"/>
      <c r="D10" s="455"/>
      <c r="E10" s="107"/>
      <c r="F10" s="107"/>
      <c r="G10" s="456">
        <v>106</v>
      </c>
      <c r="H10" s="456"/>
      <c r="I10" s="456">
        <v>114</v>
      </c>
      <c r="J10" s="457"/>
      <c r="K10" s="456">
        <v>120</v>
      </c>
      <c r="L10" s="456">
        <v>340</v>
      </c>
    </row>
    <row r="11" spans="1:14" ht="6" customHeight="1" x14ac:dyDescent="0.2">
      <c r="A11" s="414"/>
      <c r="B11" s="414"/>
      <c r="C11" s="414"/>
      <c r="D11" s="414"/>
      <c r="E11" s="414"/>
      <c r="F11" s="414"/>
      <c r="G11" s="414"/>
      <c r="H11" s="414"/>
      <c r="I11" s="414"/>
      <c r="J11" s="414"/>
      <c r="K11" s="414"/>
      <c r="L11" s="414"/>
    </row>
    <row r="12" spans="1:14" x14ac:dyDescent="0.2">
      <c r="A12" s="415"/>
      <c r="B12" s="415"/>
      <c r="C12" s="415"/>
      <c r="D12" s="415"/>
      <c r="E12" s="415"/>
      <c r="F12" s="415"/>
      <c r="G12" s="415"/>
      <c r="H12" s="415"/>
      <c r="I12" s="415"/>
      <c r="J12" s="415"/>
      <c r="K12" s="415"/>
      <c r="L12" s="415"/>
    </row>
    <row r="13" spans="1:14" x14ac:dyDescent="0.2">
      <c r="A13" s="415"/>
      <c r="B13" s="415"/>
      <c r="C13" s="415"/>
      <c r="D13" s="415"/>
      <c r="E13" s="415"/>
      <c r="F13" s="415"/>
      <c r="G13" s="415"/>
      <c r="H13" s="415"/>
      <c r="I13" s="415"/>
      <c r="J13" s="415"/>
      <c r="K13" s="415"/>
      <c r="L13" s="415"/>
    </row>
    <row r="17" spans="12:12" x14ac:dyDescent="0.2">
      <c r="L17" s="422"/>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M13"/>
  <sheetViews>
    <sheetView showGridLines="0" zoomScaleNormal="100" zoomScaleSheetLayoutView="100" workbookViewId="0">
      <selection activeCell="A14" sqref="A14"/>
    </sheetView>
  </sheetViews>
  <sheetFormatPr defaultRowHeight="12.75" x14ac:dyDescent="0.2"/>
  <cols>
    <col min="1" max="1" width="6.7109375" customWidth="1"/>
    <col min="2" max="2" width="48" customWidth="1"/>
    <col min="3" max="3" width="0.5703125" customWidth="1"/>
    <col min="4" max="4" width="7.85546875" customWidth="1"/>
    <col min="5" max="5" width="0.5703125" customWidth="1"/>
    <col min="6" max="6" width="0.42578125" customWidth="1"/>
    <col min="7" max="7" width="7.85546875" customWidth="1"/>
    <col min="8" max="8" width="0.5703125" customWidth="1"/>
    <col min="9" max="9" width="7.85546875" customWidth="1"/>
    <col min="10" max="10" width="0.5703125" customWidth="1"/>
    <col min="11" max="11" width="7.85546875" customWidth="1"/>
    <col min="12" max="12" width="0.7109375" customWidth="1"/>
    <col min="13" max="13" width="7.85546875" customWidth="1"/>
  </cols>
  <sheetData>
    <row r="1" spans="1:13" x14ac:dyDescent="0.2">
      <c r="A1" s="413" t="s">
        <v>314</v>
      </c>
      <c r="B1" s="414"/>
      <c r="C1" s="414"/>
      <c r="D1" s="414"/>
      <c r="E1" s="414"/>
      <c r="F1" s="414"/>
      <c r="G1" s="414"/>
      <c r="H1" s="414"/>
      <c r="I1" s="414"/>
      <c r="J1" s="414"/>
      <c r="K1" s="414"/>
      <c r="L1" s="415"/>
      <c r="M1" s="415"/>
    </row>
    <row r="2" spans="1:13" x14ac:dyDescent="0.2">
      <c r="A2" s="416" t="s">
        <v>44</v>
      </c>
      <c r="B2" s="417"/>
      <c r="C2" s="417"/>
      <c r="D2" s="418" t="s">
        <v>14</v>
      </c>
      <c r="E2" s="418"/>
      <c r="F2" s="888"/>
      <c r="G2" s="418" t="s">
        <v>15</v>
      </c>
      <c r="H2" s="418"/>
      <c r="I2" s="418" t="s">
        <v>45</v>
      </c>
      <c r="J2" s="418"/>
      <c r="K2" s="418" t="s">
        <v>17</v>
      </c>
      <c r="L2" s="418"/>
      <c r="M2" s="418" t="s">
        <v>315</v>
      </c>
    </row>
    <row r="3" spans="1:13" x14ac:dyDescent="0.2">
      <c r="A3" s="433" t="s">
        <v>316</v>
      </c>
      <c r="B3" s="107"/>
      <c r="C3" s="107"/>
      <c r="D3" s="98">
        <v>0</v>
      </c>
      <c r="E3" s="98"/>
      <c r="F3" s="463"/>
      <c r="G3" s="98">
        <v>2</v>
      </c>
      <c r="H3" s="98"/>
      <c r="I3" s="115">
        <v>2</v>
      </c>
      <c r="J3" s="115"/>
      <c r="K3" s="115">
        <v>2</v>
      </c>
      <c r="M3" s="98">
        <v>6</v>
      </c>
    </row>
    <row r="4" spans="1:13" x14ac:dyDescent="0.2">
      <c r="A4" s="114" t="s">
        <v>317</v>
      </c>
      <c r="B4" s="107"/>
      <c r="C4" s="107"/>
      <c r="D4" s="98">
        <v>0</v>
      </c>
      <c r="E4" s="98"/>
      <c r="F4" s="463"/>
      <c r="G4" s="98">
        <v>0</v>
      </c>
      <c r="H4" s="98"/>
      <c r="I4" s="98">
        <v>1</v>
      </c>
      <c r="J4" s="98"/>
      <c r="K4" s="98">
        <v>1</v>
      </c>
      <c r="M4" s="98">
        <v>2</v>
      </c>
    </row>
    <row r="5" spans="1:13" x14ac:dyDescent="0.2">
      <c r="A5" s="114" t="s">
        <v>318</v>
      </c>
      <c r="B5" s="107"/>
      <c r="C5" s="107"/>
      <c r="D5" s="98">
        <v>0</v>
      </c>
      <c r="E5" s="98"/>
      <c r="F5" s="463"/>
      <c r="G5" s="98">
        <v>1</v>
      </c>
      <c r="H5" s="98"/>
      <c r="I5" s="115">
        <v>2</v>
      </c>
      <c r="J5" s="115"/>
      <c r="K5" s="115">
        <v>2</v>
      </c>
      <c r="M5" s="98">
        <v>5</v>
      </c>
    </row>
    <row r="6" spans="1:13" x14ac:dyDescent="0.2">
      <c r="A6" s="430" t="s">
        <v>319</v>
      </c>
      <c r="B6" s="431"/>
      <c r="C6" s="431"/>
      <c r="D6" s="98">
        <v>0</v>
      </c>
      <c r="E6" s="98"/>
      <c r="F6" s="464"/>
      <c r="G6" s="94">
        <v>30</v>
      </c>
      <c r="H6" s="94"/>
      <c r="I6" s="133">
        <v>72</v>
      </c>
      <c r="J6" s="133"/>
      <c r="K6" s="133">
        <v>56</v>
      </c>
      <c r="L6" s="432"/>
      <c r="M6" s="94">
        <v>158</v>
      </c>
    </row>
    <row r="7" spans="1:13" x14ac:dyDescent="0.2">
      <c r="A7" s="433" t="s">
        <v>320</v>
      </c>
      <c r="B7" s="107"/>
      <c r="C7" s="107"/>
      <c r="D7" s="98">
        <v>0</v>
      </c>
      <c r="E7" s="98"/>
      <c r="F7" s="463"/>
      <c r="G7" s="98">
        <v>10</v>
      </c>
      <c r="H7" s="98"/>
      <c r="I7" s="115">
        <v>10</v>
      </c>
      <c r="J7" s="115"/>
      <c r="K7" s="115">
        <v>10</v>
      </c>
      <c r="L7" s="108"/>
      <c r="M7" s="98">
        <v>30</v>
      </c>
    </row>
    <row r="8" spans="1:13" x14ac:dyDescent="0.2">
      <c r="A8" s="433" t="s">
        <v>321</v>
      </c>
      <c r="B8" s="107"/>
      <c r="C8" s="107"/>
      <c r="D8" s="98">
        <v>50</v>
      </c>
      <c r="E8" s="98"/>
      <c r="F8" s="463"/>
      <c r="G8" s="98">
        <v>0</v>
      </c>
      <c r="H8" s="98"/>
      <c r="I8" s="115">
        <v>0</v>
      </c>
      <c r="J8" s="115"/>
      <c r="K8" s="115">
        <v>0</v>
      </c>
      <c r="L8" s="108"/>
      <c r="M8" s="98">
        <v>0</v>
      </c>
    </row>
    <row r="9" spans="1:13" ht="14.25" x14ac:dyDescent="0.2">
      <c r="A9" s="421" t="s">
        <v>322</v>
      </c>
      <c r="B9" s="107"/>
      <c r="C9" s="107"/>
      <c r="D9" s="123">
        <v>50</v>
      </c>
      <c r="E9" s="123"/>
      <c r="F9" s="465">
        <v>0</v>
      </c>
      <c r="G9" s="123">
        <v>43</v>
      </c>
      <c r="H9" s="123">
        <v>0</v>
      </c>
      <c r="I9" s="123">
        <v>87</v>
      </c>
      <c r="J9" s="123">
        <v>0</v>
      </c>
      <c r="K9" s="123">
        <v>71</v>
      </c>
      <c r="L9" s="123">
        <v>0</v>
      </c>
      <c r="M9" s="123">
        <v>201</v>
      </c>
    </row>
    <row r="10" spans="1:13" ht="14.25" x14ac:dyDescent="0.2">
      <c r="A10" s="433" t="s">
        <v>323</v>
      </c>
      <c r="B10" s="107"/>
      <c r="C10" s="107"/>
      <c r="D10" s="94">
        <v>10</v>
      </c>
      <c r="E10" s="94"/>
      <c r="F10" s="463"/>
      <c r="G10" s="94">
        <v>10</v>
      </c>
      <c r="H10" s="103"/>
      <c r="I10" s="94">
        <v>10</v>
      </c>
      <c r="J10" s="99"/>
      <c r="K10" s="94">
        <v>10</v>
      </c>
      <c r="L10" s="108"/>
      <c r="M10" s="94">
        <v>30</v>
      </c>
    </row>
    <row r="11" spans="1:13" ht="14.25" x14ac:dyDescent="0.2">
      <c r="A11" s="421" t="s">
        <v>324</v>
      </c>
      <c r="B11" s="107"/>
      <c r="C11" s="107"/>
      <c r="D11" s="121">
        <v>60</v>
      </c>
      <c r="E11" s="121"/>
      <c r="F11" s="466">
        <v>0</v>
      </c>
      <c r="G11" s="121">
        <v>53</v>
      </c>
      <c r="H11" s="121">
        <v>0</v>
      </c>
      <c r="I11" s="121">
        <v>97</v>
      </c>
      <c r="J11" s="121">
        <v>0</v>
      </c>
      <c r="K11" s="121">
        <v>81</v>
      </c>
      <c r="L11" s="121">
        <v>0</v>
      </c>
      <c r="M11" s="121">
        <v>231</v>
      </c>
    </row>
    <row r="12" spans="1:13" ht="6" customHeight="1" x14ac:dyDescent="0.2">
      <c r="A12" s="414"/>
      <c r="B12" s="414"/>
      <c r="C12" s="414"/>
      <c r="D12" s="414"/>
      <c r="E12" s="414"/>
      <c r="F12" s="467"/>
      <c r="G12" s="414"/>
      <c r="H12" s="414"/>
      <c r="I12" s="414"/>
      <c r="J12" s="414"/>
      <c r="K12" s="414"/>
      <c r="L12" s="414"/>
      <c r="M12" s="414"/>
    </row>
    <row r="13" spans="1:13" x14ac:dyDescent="0.2">
      <c r="A13" s="415"/>
      <c r="B13" s="415"/>
      <c r="C13" s="415"/>
      <c r="D13" s="415"/>
      <c r="E13" s="415"/>
      <c r="F13" s="415"/>
      <c r="G13" s="415"/>
      <c r="H13" s="415"/>
      <c r="I13" s="415"/>
      <c r="J13" s="415"/>
      <c r="K13" s="415"/>
      <c r="M13" s="415"/>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dimension ref="A1:K37"/>
  <sheetViews>
    <sheetView showGridLines="0" zoomScaleNormal="100" zoomScaleSheetLayoutView="100" workbookViewId="0">
      <selection activeCell="B33" sqref="B33:K33"/>
    </sheetView>
  </sheetViews>
  <sheetFormatPr defaultColWidth="9.140625" defaultRowHeight="12.75" x14ac:dyDescent="0.2"/>
  <cols>
    <col min="1" max="2" width="1.7109375" style="24" customWidth="1"/>
    <col min="3" max="3" width="38.7109375" style="24" customWidth="1"/>
    <col min="4" max="4" width="1.140625" style="24" customWidth="1"/>
    <col min="5" max="5" width="8.140625" style="24" customWidth="1"/>
    <col min="6" max="6" width="0.85546875" style="24" customWidth="1"/>
    <col min="7" max="7" width="8.28515625" style="24" customWidth="1"/>
    <col min="8" max="8" width="0.85546875" style="24" customWidth="1"/>
    <col min="9" max="9" width="8.28515625" style="24" customWidth="1"/>
    <col min="10" max="10" width="0.85546875" style="24" customWidth="1"/>
    <col min="11" max="11" width="8.28515625" style="24" customWidth="1"/>
    <col min="12" max="16384" width="9.140625" style="24"/>
  </cols>
  <sheetData>
    <row r="1" spans="1:11" x14ac:dyDescent="0.2">
      <c r="A1" s="26" t="s">
        <v>325</v>
      </c>
      <c r="B1" s="210"/>
      <c r="C1" s="210"/>
      <c r="F1" s="210"/>
      <c r="G1" s="210"/>
      <c r="H1" s="210"/>
      <c r="I1" s="468"/>
      <c r="J1" s="210"/>
      <c r="K1" s="468"/>
    </row>
    <row r="2" spans="1:11" s="18" customFormat="1" ht="33.75" x14ac:dyDescent="0.2">
      <c r="A2" s="469"/>
      <c r="B2" s="470" t="s">
        <v>277</v>
      </c>
      <c r="C2" s="471"/>
      <c r="D2" s="472"/>
      <c r="E2" s="69" t="s">
        <v>22</v>
      </c>
      <c r="F2" s="473"/>
      <c r="G2" s="68" t="s">
        <v>23</v>
      </c>
      <c r="H2" s="473"/>
      <c r="I2" s="474" t="s">
        <v>326</v>
      </c>
      <c r="J2" s="475"/>
      <c r="K2" s="474" t="s">
        <v>327</v>
      </c>
    </row>
    <row r="3" spans="1:11" s="18" customFormat="1" ht="3" customHeight="1" x14ac:dyDescent="0.2">
      <c r="A3" s="477"/>
      <c r="B3" s="478"/>
      <c r="C3" s="478"/>
      <c r="D3" s="479"/>
      <c r="E3" s="298"/>
      <c r="F3" s="480"/>
      <c r="G3" s="300"/>
      <c r="H3" s="480"/>
      <c r="I3" s="302"/>
      <c r="J3" s="480"/>
      <c r="K3" s="302"/>
    </row>
    <row r="4" spans="1:11" s="18" customFormat="1" ht="6" customHeight="1" x14ac:dyDescent="0.2">
      <c r="B4" s="482"/>
      <c r="C4" s="482"/>
      <c r="D4" s="476"/>
      <c r="E4" s="306"/>
      <c r="F4" s="483"/>
      <c r="G4" s="307"/>
      <c r="H4" s="483"/>
      <c r="I4" s="309"/>
      <c r="J4" s="483"/>
      <c r="K4" s="309"/>
    </row>
    <row r="5" spans="1:11" s="11" customFormat="1" ht="12" x14ac:dyDescent="0.2">
      <c r="A5" s="12" t="s">
        <v>328</v>
      </c>
      <c r="D5" s="484"/>
      <c r="E5" s="485"/>
      <c r="F5" s="485"/>
      <c r="G5" s="486"/>
      <c r="H5" s="484"/>
      <c r="I5" s="487"/>
      <c r="J5" s="484"/>
    </row>
    <row r="6" spans="1:11" s="11" customFormat="1" ht="12" customHeight="1" x14ac:dyDescent="0.2">
      <c r="B6" s="10" t="s">
        <v>329</v>
      </c>
      <c r="G6" s="486"/>
    </row>
    <row r="7" spans="1:11" s="11" customFormat="1" ht="13.5" x14ac:dyDescent="0.2">
      <c r="B7" s="10"/>
      <c r="C7" s="10" t="s">
        <v>330</v>
      </c>
      <c r="D7" s="488"/>
      <c r="E7" s="14">
        <v>557</v>
      </c>
      <c r="F7" s="485"/>
      <c r="G7" s="489">
        <v>557</v>
      </c>
      <c r="H7" s="481"/>
      <c r="I7" s="14">
        <v>678</v>
      </c>
      <c r="J7" s="14"/>
      <c r="K7" s="14">
        <v>766</v>
      </c>
    </row>
    <row r="8" spans="1:11" s="11" customFormat="1" ht="13.5" x14ac:dyDescent="0.2">
      <c r="B8" s="10"/>
      <c r="C8" s="10" t="s">
        <v>331</v>
      </c>
      <c r="D8" s="488"/>
      <c r="E8" s="14">
        <v>791</v>
      </c>
      <c r="F8" s="485"/>
      <c r="G8" s="489">
        <v>902</v>
      </c>
      <c r="H8" s="481"/>
      <c r="I8" s="14">
        <v>899</v>
      </c>
      <c r="J8" s="14"/>
      <c r="K8" s="14">
        <v>809</v>
      </c>
    </row>
    <row r="9" spans="1:11" s="11" customFormat="1" ht="13.5" x14ac:dyDescent="0.2">
      <c r="B9" s="10" t="s">
        <v>332</v>
      </c>
      <c r="D9" s="488"/>
      <c r="E9" s="14">
        <v>1113</v>
      </c>
      <c r="F9" s="481"/>
      <c r="G9" s="489">
        <v>1107</v>
      </c>
      <c r="H9" s="481"/>
      <c r="I9" s="14">
        <v>944</v>
      </c>
      <c r="J9" s="14"/>
      <c r="K9" s="14">
        <v>1025</v>
      </c>
    </row>
    <row r="10" spans="1:11" s="11" customFormat="1" ht="13.5" x14ac:dyDescent="0.2">
      <c r="B10" s="10" t="s">
        <v>333</v>
      </c>
      <c r="D10" s="490"/>
      <c r="E10" s="14">
        <v>844</v>
      </c>
      <c r="F10" s="485"/>
      <c r="G10" s="489">
        <v>1371</v>
      </c>
      <c r="H10" s="484"/>
      <c r="I10" s="14">
        <v>1714</v>
      </c>
      <c r="J10" s="14"/>
      <c r="K10" s="14">
        <v>1729</v>
      </c>
    </row>
    <row r="11" spans="1:11" s="11" customFormat="1" ht="13.5" x14ac:dyDescent="0.2">
      <c r="B11" s="10" t="s">
        <v>334</v>
      </c>
      <c r="D11" s="490"/>
      <c r="E11" s="14">
        <v>135</v>
      </c>
      <c r="F11" s="485"/>
      <c r="G11" s="489">
        <v>158</v>
      </c>
      <c r="H11" s="484"/>
      <c r="I11" s="14">
        <v>137</v>
      </c>
      <c r="J11" s="14"/>
      <c r="K11" s="14">
        <v>103</v>
      </c>
    </row>
    <row r="12" spans="1:11" s="11" customFormat="1" ht="12" customHeight="1" x14ac:dyDescent="0.2">
      <c r="B12" s="10" t="s">
        <v>335</v>
      </c>
      <c r="D12" s="14"/>
      <c r="E12" s="14">
        <v>493</v>
      </c>
      <c r="F12" s="491"/>
      <c r="G12" s="56">
        <v>549</v>
      </c>
      <c r="H12" s="484"/>
      <c r="I12" s="14">
        <v>504</v>
      </c>
      <c r="J12" s="14"/>
      <c r="K12" s="14">
        <v>445</v>
      </c>
    </row>
    <row r="13" spans="1:11" s="11" customFormat="1" ht="12" x14ac:dyDescent="0.2">
      <c r="B13" s="10" t="s">
        <v>336</v>
      </c>
      <c r="D13" s="14"/>
      <c r="E13" s="14">
        <v>188</v>
      </c>
      <c r="F13" s="491"/>
      <c r="G13" s="56">
        <v>450</v>
      </c>
      <c r="H13" s="484"/>
      <c r="I13" s="14">
        <v>228</v>
      </c>
      <c r="J13" s="14"/>
      <c r="K13" s="14">
        <v>524</v>
      </c>
    </row>
    <row r="14" spans="1:11" s="11" customFormat="1" ht="14.25" x14ac:dyDescent="0.2">
      <c r="B14" s="10" t="s">
        <v>337</v>
      </c>
      <c r="D14" s="492"/>
      <c r="E14" s="37">
        <v>76</v>
      </c>
      <c r="F14" s="485"/>
      <c r="G14" s="57">
        <v>80</v>
      </c>
      <c r="H14" s="493"/>
      <c r="I14" s="37">
        <v>56</v>
      </c>
      <c r="J14" s="14"/>
      <c r="K14" s="37">
        <v>41</v>
      </c>
    </row>
    <row r="15" spans="1:11" s="11" customFormat="1" ht="3.75" customHeight="1" x14ac:dyDescent="0.2">
      <c r="B15" s="10"/>
      <c r="D15" s="14"/>
      <c r="E15" s="14"/>
      <c r="F15" s="485"/>
      <c r="G15" s="489"/>
      <c r="H15" s="484"/>
      <c r="I15" s="14"/>
      <c r="J15" s="14"/>
      <c r="K15" s="14"/>
    </row>
    <row r="16" spans="1:11" s="11" customFormat="1" ht="14.25" x14ac:dyDescent="0.2">
      <c r="B16" s="12" t="s">
        <v>338</v>
      </c>
      <c r="D16" s="14"/>
      <c r="E16" s="76">
        <v>4197</v>
      </c>
      <c r="F16" s="494"/>
      <c r="G16" s="495">
        <v>5174</v>
      </c>
      <c r="H16" s="484"/>
      <c r="I16" s="76">
        <v>5160</v>
      </c>
      <c r="J16" s="14"/>
      <c r="K16" s="76">
        <v>5442</v>
      </c>
    </row>
    <row r="17" spans="1:11" s="11" customFormat="1" ht="6" customHeight="1" x14ac:dyDescent="0.2">
      <c r="D17" s="484"/>
      <c r="E17" s="484"/>
      <c r="F17" s="485"/>
      <c r="G17" s="486"/>
      <c r="H17" s="484"/>
      <c r="I17" s="484"/>
      <c r="J17" s="484"/>
      <c r="K17" s="484"/>
    </row>
    <row r="18" spans="1:11" s="11" customFormat="1" ht="12" x14ac:dyDescent="0.2">
      <c r="A18" s="12" t="s">
        <v>339</v>
      </c>
      <c r="B18" s="10"/>
      <c r="C18" s="10"/>
      <c r="D18" s="14"/>
      <c r="E18" s="14"/>
      <c r="F18" s="94"/>
      <c r="G18" s="489"/>
      <c r="H18" s="484"/>
      <c r="I18" s="484"/>
      <c r="J18" s="484"/>
      <c r="K18" s="484"/>
    </row>
    <row r="19" spans="1:11" s="11" customFormat="1" ht="12" customHeight="1" x14ac:dyDescent="0.2">
      <c r="A19" s="10"/>
      <c r="B19" s="10" t="s">
        <v>340</v>
      </c>
      <c r="C19" s="10"/>
      <c r="D19" s="14"/>
      <c r="E19" s="14">
        <v>2386</v>
      </c>
      <c r="F19" s="94"/>
      <c r="G19" s="489">
        <v>3744</v>
      </c>
      <c r="H19" s="484"/>
      <c r="I19" s="14">
        <v>2875</v>
      </c>
      <c r="J19" s="14"/>
      <c r="K19" s="14">
        <v>3123</v>
      </c>
    </row>
    <row r="20" spans="1:11" s="11" customFormat="1" ht="12" customHeight="1" x14ac:dyDescent="0.2">
      <c r="B20" s="10" t="s">
        <v>341</v>
      </c>
      <c r="D20" s="14"/>
      <c r="E20" s="14">
        <v>7</v>
      </c>
      <c r="F20" s="485"/>
      <c r="G20" s="489">
        <v>5</v>
      </c>
      <c r="H20" s="491"/>
      <c r="I20" s="14">
        <v>4</v>
      </c>
      <c r="J20" s="14"/>
      <c r="K20" s="14">
        <v>3</v>
      </c>
    </row>
    <row r="21" spans="1:11" s="11" customFormat="1" ht="13.5" x14ac:dyDescent="0.2">
      <c r="B21" s="10" t="s">
        <v>342</v>
      </c>
      <c r="D21" s="490"/>
      <c r="E21" s="14">
        <v>3</v>
      </c>
      <c r="F21" s="485"/>
      <c r="G21" s="489">
        <v>0</v>
      </c>
      <c r="H21" s="484"/>
      <c r="I21" s="14">
        <v>0</v>
      </c>
      <c r="J21" s="14"/>
      <c r="K21" s="14">
        <v>0</v>
      </c>
    </row>
    <row r="22" spans="1:11" s="11" customFormat="1" ht="12" customHeight="1" x14ac:dyDescent="0.2">
      <c r="A22" s="10"/>
      <c r="B22" s="10" t="s">
        <v>343</v>
      </c>
      <c r="C22" s="10"/>
      <c r="D22" s="14"/>
      <c r="E22" s="14">
        <v>12</v>
      </c>
      <c r="F22" s="94"/>
      <c r="G22" s="489">
        <v>42</v>
      </c>
      <c r="H22" s="491"/>
      <c r="I22" s="14">
        <v>3</v>
      </c>
      <c r="J22" s="14"/>
      <c r="K22" s="14">
        <v>2</v>
      </c>
    </row>
    <row r="23" spans="1:11" s="11" customFormat="1" ht="12" customHeight="1" x14ac:dyDescent="0.2">
      <c r="A23" s="10"/>
      <c r="B23" s="10" t="s">
        <v>344</v>
      </c>
      <c r="C23" s="10"/>
      <c r="D23" s="14"/>
      <c r="E23" s="14">
        <v>60</v>
      </c>
      <c r="F23" s="94"/>
      <c r="G23" s="489">
        <v>105</v>
      </c>
      <c r="H23" s="484"/>
      <c r="I23" s="14">
        <v>65</v>
      </c>
      <c r="J23" s="14"/>
      <c r="K23" s="14">
        <v>40</v>
      </c>
    </row>
    <row r="24" spans="1:11" s="11" customFormat="1" ht="13.5" x14ac:dyDescent="0.2">
      <c r="A24" s="10"/>
      <c r="B24" s="10" t="s">
        <v>345</v>
      </c>
      <c r="C24" s="10"/>
      <c r="D24" s="488"/>
      <c r="E24" s="14">
        <v>90</v>
      </c>
      <c r="F24" s="94"/>
      <c r="G24" s="489">
        <v>105</v>
      </c>
      <c r="H24" s="484"/>
      <c r="I24" s="14">
        <v>105</v>
      </c>
      <c r="J24" s="14"/>
      <c r="K24" s="14">
        <v>90</v>
      </c>
    </row>
    <row r="25" spans="1:11" s="11" customFormat="1" ht="14.25" x14ac:dyDescent="0.2">
      <c r="A25" s="10"/>
      <c r="B25" s="10" t="s">
        <v>346</v>
      </c>
      <c r="C25" s="10"/>
      <c r="D25" s="14"/>
      <c r="E25" s="37">
        <v>56</v>
      </c>
      <c r="F25" s="94"/>
      <c r="G25" s="496">
        <v>60</v>
      </c>
      <c r="H25" s="484"/>
      <c r="I25" s="37">
        <v>27</v>
      </c>
      <c r="J25" s="14"/>
      <c r="K25" s="37">
        <v>27</v>
      </c>
    </row>
    <row r="26" spans="1:11" s="11" customFormat="1" ht="14.25" hidden="1" x14ac:dyDescent="0.2">
      <c r="A26" s="10"/>
      <c r="B26" s="10" t="s">
        <v>347</v>
      </c>
      <c r="C26" s="10"/>
      <c r="D26" s="14"/>
      <c r="E26" s="37">
        <v>0</v>
      </c>
      <c r="F26" s="94"/>
      <c r="G26" s="496">
        <v>0</v>
      </c>
      <c r="H26" s="484"/>
      <c r="I26" s="37">
        <v>0</v>
      </c>
      <c r="J26" s="14"/>
      <c r="K26" s="37">
        <v>0</v>
      </c>
    </row>
    <row r="27" spans="1:11" s="11" customFormat="1" ht="3.75" customHeight="1" x14ac:dyDescent="0.2">
      <c r="A27" s="10"/>
      <c r="B27" s="10"/>
      <c r="C27" s="10"/>
      <c r="D27" s="14"/>
      <c r="E27" s="14"/>
      <c r="F27" s="94"/>
      <c r="G27" s="489"/>
      <c r="H27" s="484"/>
      <c r="I27" s="14"/>
      <c r="J27" s="14"/>
      <c r="K27" s="14"/>
    </row>
    <row r="28" spans="1:11" s="11" customFormat="1" ht="14.25" x14ac:dyDescent="0.2">
      <c r="A28" s="10"/>
      <c r="B28" s="12" t="s">
        <v>348</v>
      </c>
      <c r="C28" s="10"/>
      <c r="D28" s="14"/>
      <c r="E28" s="76">
        <v>2614</v>
      </c>
      <c r="F28" s="122"/>
      <c r="G28" s="495">
        <v>4061</v>
      </c>
      <c r="H28" s="484"/>
      <c r="I28" s="76">
        <v>3079</v>
      </c>
      <c r="J28" s="14"/>
      <c r="K28" s="76">
        <v>3285</v>
      </c>
    </row>
    <row r="29" spans="1:11" s="11" customFormat="1" ht="3.75" customHeight="1" x14ac:dyDescent="0.2">
      <c r="A29" s="10"/>
      <c r="B29" s="10"/>
      <c r="C29" s="10"/>
      <c r="D29" s="14"/>
      <c r="E29" s="14"/>
      <c r="F29" s="94"/>
      <c r="G29" s="489"/>
      <c r="H29" s="484"/>
      <c r="I29" s="14"/>
      <c r="J29" s="14"/>
      <c r="K29" s="14"/>
    </row>
    <row r="30" spans="1:11" s="11" customFormat="1" ht="14.25" x14ac:dyDescent="0.2">
      <c r="A30" s="10"/>
      <c r="B30" s="12" t="s">
        <v>349</v>
      </c>
      <c r="C30" s="10"/>
      <c r="D30" s="14"/>
      <c r="E30" s="38">
        <v>6811</v>
      </c>
      <c r="F30" s="122"/>
      <c r="G30" s="497">
        <v>9235</v>
      </c>
      <c r="H30" s="484"/>
      <c r="I30" s="38">
        <v>8239</v>
      </c>
      <c r="J30" s="14"/>
      <c r="K30" s="38">
        <v>8727</v>
      </c>
    </row>
    <row r="31" spans="1:11" s="11" customFormat="1" ht="6" customHeight="1" x14ac:dyDescent="0.2">
      <c r="A31" s="498"/>
      <c r="B31" s="498"/>
      <c r="C31" s="498"/>
      <c r="D31" s="499"/>
      <c r="E31" s="499"/>
      <c r="F31" s="499"/>
      <c r="G31" s="500"/>
      <c r="H31" s="499"/>
      <c r="I31" s="499"/>
      <c r="J31" s="499"/>
      <c r="K31" s="499"/>
    </row>
    <row r="32" spans="1:11" x14ac:dyDescent="0.2">
      <c r="A32" s="17"/>
      <c r="B32" s="18"/>
    </row>
    <row r="33" spans="1:11" ht="16.5" customHeight="1" x14ac:dyDescent="0.2">
      <c r="A33" s="501">
        <v>1</v>
      </c>
      <c r="B33" s="908" t="s">
        <v>350</v>
      </c>
      <c r="C33" s="908"/>
      <c r="D33" s="908"/>
      <c r="E33" s="908"/>
      <c r="F33" s="908"/>
      <c r="G33" s="908"/>
      <c r="H33" s="908"/>
      <c r="I33" s="908"/>
      <c r="J33" s="908"/>
      <c r="K33" s="908"/>
    </row>
    <row r="34" spans="1:11" x14ac:dyDescent="0.2">
      <c r="A34" s="501">
        <v>2</v>
      </c>
      <c r="B34" s="908" t="s">
        <v>351</v>
      </c>
      <c r="C34" s="908"/>
      <c r="D34" s="908"/>
      <c r="E34" s="908"/>
      <c r="F34" s="908"/>
      <c r="G34" s="908"/>
      <c r="H34" s="908"/>
      <c r="I34" s="908"/>
      <c r="J34" s="908"/>
      <c r="K34" s="908"/>
    </row>
    <row r="35" spans="1:11" ht="18.75" customHeight="1" x14ac:dyDescent="0.2">
      <c r="A35" s="501">
        <v>3</v>
      </c>
      <c r="B35" s="903" t="s">
        <v>352</v>
      </c>
      <c r="C35" s="903"/>
      <c r="D35" s="903"/>
      <c r="E35" s="903"/>
      <c r="F35" s="903"/>
      <c r="G35" s="903"/>
      <c r="H35" s="903"/>
      <c r="I35" s="903"/>
      <c r="J35" s="903"/>
      <c r="K35" s="903"/>
    </row>
    <row r="36" spans="1:11" x14ac:dyDescent="0.2">
      <c r="A36" s="501">
        <v>4</v>
      </c>
      <c r="B36" s="18" t="s">
        <v>353</v>
      </c>
      <c r="C36" s="502"/>
      <c r="D36" s="502"/>
      <c r="E36" s="502"/>
      <c r="F36" s="502"/>
      <c r="G36" s="502"/>
      <c r="H36" s="502"/>
      <c r="I36" s="502"/>
      <c r="J36" s="502"/>
      <c r="K36" s="502"/>
    </row>
    <row r="37" spans="1:11" x14ac:dyDescent="0.2">
      <c r="A37" s="501">
        <v>5</v>
      </c>
      <c r="B37" s="18" t="s">
        <v>354</v>
      </c>
    </row>
  </sheetData>
  <mergeCells count="3">
    <mergeCell ref="B33:K33"/>
    <mergeCell ref="B34:K34"/>
    <mergeCell ref="B35:K35"/>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F23"/>
  <sheetViews>
    <sheetView showGridLines="0" zoomScaleNormal="100" zoomScaleSheetLayoutView="100" workbookViewId="0">
      <selection activeCell="A27" sqref="A27"/>
    </sheetView>
  </sheetViews>
  <sheetFormatPr defaultColWidth="8.85546875" defaultRowHeight="12.75" x14ac:dyDescent="0.2"/>
  <cols>
    <col min="1" max="2" width="1.7109375" style="119" customWidth="1"/>
    <col min="3" max="3" width="56.140625" style="119" customWidth="1"/>
    <col min="4" max="6" width="7.7109375" style="24" customWidth="1"/>
    <col min="7" max="7" width="8.85546875" style="24"/>
    <col min="8" max="8" width="30.7109375" style="24" customWidth="1"/>
    <col min="9" max="16384" width="8.85546875" style="24"/>
  </cols>
  <sheetData>
    <row r="1" spans="1:6" s="82" customFormat="1" ht="19.5" customHeight="1" x14ac:dyDescent="0.2">
      <c r="A1" s="79" t="s">
        <v>57</v>
      </c>
      <c r="B1" s="80"/>
      <c r="C1" s="80"/>
      <c r="D1" s="26"/>
      <c r="E1" s="26"/>
      <c r="F1" s="26"/>
    </row>
    <row r="2" spans="1:6" s="88" customFormat="1" ht="11.25" x14ac:dyDescent="0.2">
      <c r="A2" s="83"/>
      <c r="B2" s="83" t="s">
        <v>0</v>
      </c>
      <c r="C2" s="84"/>
      <c r="D2" s="85" t="s">
        <v>15</v>
      </c>
      <c r="E2" s="85" t="s">
        <v>16</v>
      </c>
      <c r="F2" s="85" t="s">
        <v>17</v>
      </c>
    </row>
    <row r="3" spans="1:6" s="88" customFormat="1" ht="3.75" customHeight="1" x14ac:dyDescent="0.2">
      <c r="A3" s="89"/>
      <c r="B3" s="89"/>
      <c r="C3" s="90"/>
      <c r="D3" s="91"/>
      <c r="E3" s="91"/>
      <c r="F3" s="91"/>
    </row>
    <row r="4" spans="1:6" s="12" customFormat="1" ht="12.95" customHeight="1" x14ac:dyDescent="0.2">
      <c r="A4" s="92" t="s">
        <v>26</v>
      </c>
      <c r="B4" s="93"/>
      <c r="C4" s="93"/>
      <c r="D4" s="94"/>
      <c r="E4" s="94"/>
      <c r="F4" s="94"/>
    </row>
    <row r="5" spans="1:6" s="10" customFormat="1" ht="12.95" customHeight="1" x14ac:dyDescent="0.2">
      <c r="A5" s="95"/>
      <c r="B5" s="93" t="s">
        <v>27</v>
      </c>
      <c r="C5" s="93"/>
      <c r="D5" s="94">
        <v>181</v>
      </c>
      <c r="E5" s="94">
        <v>396</v>
      </c>
      <c r="F5" s="94">
        <v>406</v>
      </c>
    </row>
    <row r="6" spans="1:6" s="10" customFormat="1" ht="12.95" customHeight="1" x14ac:dyDescent="0.2">
      <c r="A6" s="93"/>
      <c r="B6" s="93" t="s">
        <v>28</v>
      </c>
      <c r="C6" s="93"/>
      <c r="D6" s="94">
        <v>96</v>
      </c>
      <c r="E6" s="94">
        <v>104</v>
      </c>
      <c r="F6" s="94">
        <v>107</v>
      </c>
    </row>
    <row r="7" spans="1:6" s="10" customFormat="1" ht="12.95" customHeight="1" x14ac:dyDescent="0.2">
      <c r="B7" s="93" t="s">
        <v>29</v>
      </c>
      <c r="D7" s="37">
        <v>13</v>
      </c>
      <c r="E7" s="37">
        <v>49</v>
      </c>
      <c r="F7" s="37">
        <v>47</v>
      </c>
    </row>
    <row r="8" spans="1:6" s="10" customFormat="1" ht="12.95" customHeight="1" x14ac:dyDescent="0.2">
      <c r="A8" s="93" t="s">
        <v>30</v>
      </c>
      <c r="B8" s="93"/>
      <c r="D8" s="96">
        <v>290</v>
      </c>
      <c r="E8" s="96">
        <v>549</v>
      </c>
      <c r="F8" s="96">
        <v>560</v>
      </c>
    </row>
    <row r="9" spans="1:6" s="10" customFormat="1" ht="14.25" customHeight="1" x14ac:dyDescent="0.2">
      <c r="A9" s="92" t="s">
        <v>31</v>
      </c>
      <c r="B9" s="97"/>
      <c r="C9" s="93"/>
      <c r="D9" s="94"/>
      <c r="E9" s="94"/>
      <c r="F9" s="94"/>
    </row>
    <row r="10" spans="1:6" s="10" customFormat="1" ht="12.95" customHeight="1" x14ac:dyDescent="0.2">
      <c r="A10" s="93"/>
      <c r="B10" s="93" t="s">
        <v>32</v>
      </c>
      <c r="C10" s="97"/>
      <c r="D10" s="98">
        <v>182</v>
      </c>
      <c r="E10" s="98">
        <v>357</v>
      </c>
      <c r="F10" s="98">
        <v>464</v>
      </c>
    </row>
    <row r="11" spans="1:6" s="10" customFormat="1" ht="12.95" customHeight="1" x14ac:dyDescent="0.2">
      <c r="A11" s="93"/>
      <c r="B11" s="93" t="s">
        <v>33</v>
      </c>
      <c r="C11" s="93"/>
      <c r="D11" s="94">
        <v>127</v>
      </c>
      <c r="E11" s="94">
        <v>294</v>
      </c>
      <c r="F11" s="94">
        <v>349</v>
      </c>
    </row>
    <row r="12" spans="1:6" s="10" customFormat="1" ht="12.95" customHeight="1" x14ac:dyDescent="0.2">
      <c r="A12" s="93"/>
      <c r="B12" s="93" t="s">
        <v>34</v>
      </c>
      <c r="C12" s="93"/>
      <c r="D12" s="94">
        <v>30</v>
      </c>
      <c r="E12" s="94">
        <v>30</v>
      </c>
      <c r="F12" s="94">
        <v>33</v>
      </c>
    </row>
    <row r="13" spans="1:6" s="10" customFormat="1" ht="12.95" customHeight="1" x14ac:dyDescent="0.2">
      <c r="A13" s="93"/>
      <c r="B13" s="93" t="s">
        <v>35</v>
      </c>
      <c r="C13" s="93"/>
      <c r="D13" s="99">
        <v>6</v>
      </c>
      <c r="E13" s="99">
        <v>7</v>
      </c>
      <c r="F13" s="99">
        <v>7</v>
      </c>
    </row>
    <row r="14" spans="1:6" s="10" customFormat="1" ht="12.95" customHeight="1" x14ac:dyDescent="0.2">
      <c r="A14" s="93" t="s">
        <v>36</v>
      </c>
      <c r="B14" s="93"/>
      <c r="C14" s="93"/>
      <c r="D14" s="100">
        <v>345</v>
      </c>
      <c r="E14" s="100">
        <v>688</v>
      </c>
      <c r="F14" s="100">
        <v>853</v>
      </c>
    </row>
    <row r="15" spans="1:6" s="10" customFormat="1" ht="14.25" customHeight="1" x14ac:dyDescent="0.2">
      <c r="A15" s="92" t="s">
        <v>37</v>
      </c>
      <c r="B15" s="97"/>
      <c r="C15" s="93"/>
      <c r="D15" s="94"/>
      <c r="E15" s="94"/>
      <c r="F15" s="94"/>
    </row>
    <row r="16" spans="1:6" s="10" customFormat="1" ht="12.95" customHeight="1" x14ac:dyDescent="0.2">
      <c r="A16" s="93"/>
      <c r="B16" s="93" t="s">
        <v>38</v>
      </c>
      <c r="C16" s="93"/>
      <c r="D16" s="94">
        <v>42</v>
      </c>
      <c r="E16" s="94">
        <v>45</v>
      </c>
      <c r="F16" s="94">
        <v>58</v>
      </c>
    </row>
    <row r="17" spans="1:6" s="14" customFormat="1" ht="12.95" customHeight="1" x14ac:dyDescent="0.2">
      <c r="A17" s="93"/>
      <c r="B17" s="93" t="s">
        <v>39</v>
      </c>
      <c r="C17" s="93"/>
      <c r="D17" s="94">
        <v>21</v>
      </c>
      <c r="E17" s="94">
        <v>39</v>
      </c>
      <c r="F17" s="94">
        <v>52</v>
      </c>
    </row>
    <row r="18" spans="1:6" s="14" customFormat="1" ht="12.95" customHeight="1" x14ac:dyDescent="0.2">
      <c r="A18" s="93"/>
      <c r="B18" s="93" t="s">
        <v>40</v>
      </c>
      <c r="C18" s="93"/>
      <c r="D18" s="99">
        <v>25</v>
      </c>
      <c r="E18" s="99">
        <v>29</v>
      </c>
      <c r="F18" s="99">
        <v>29</v>
      </c>
    </row>
    <row r="19" spans="1:6" s="14" customFormat="1" ht="12.95" customHeight="1" x14ac:dyDescent="0.2">
      <c r="A19" s="93" t="s">
        <v>41</v>
      </c>
      <c r="B19" s="93"/>
      <c r="C19" s="93"/>
      <c r="D19" s="101">
        <v>88</v>
      </c>
      <c r="E19" s="101">
        <v>113</v>
      </c>
      <c r="F19" s="101">
        <v>139</v>
      </c>
    </row>
    <row r="20" spans="1:6" s="14" customFormat="1" ht="18" customHeight="1" x14ac:dyDescent="0.2">
      <c r="A20" s="93" t="s">
        <v>42</v>
      </c>
      <c r="B20" s="93"/>
      <c r="C20" s="93"/>
      <c r="D20" s="99">
        <v>289</v>
      </c>
      <c r="E20" s="99">
        <v>326</v>
      </c>
      <c r="F20" s="99">
        <v>1112</v>
      </c>
    </row>
    <row r="21" spans="1:6" s="14" customFormat="1" ht="12.95" customHeight="1" x14ac:dyDescent="0.2">
      <c r="A21" s="95" t="s">
        <v>43</v>
      </c>
      <c r="B21" s="93"/>
      <c r="C21" s="93"/>
      <c r="D21" s="103">
        <v>1012</v>
      </c>
      <c r="E21" s="103">
        <v>1676</v>
      </c>
      <c r="F21" s="103">
        <v>2664</v>
      </c>
    </row>
    <row r="22" spans="1:6" s="14" customFormat="1" ht="6.75" customHeight="1" x14ac:dyDescent="0.2">
      <c r="A22" s="104"/>
      <c r="B22" s="105"/>
      <c r="C22" s="105"/>
      <c r="D22" s="106"/>
      <c r="E22" s="106"/>
      <c r="F22" s="106"/>
    </row>
    <row r="23" spans="1:6" s="14" customFormat="1" ht="12" x14ac:dyDescent="0.2">
      <c r="A23" s="95"/>
      <c r="B23" s="93"/>
      <c r="C23" s="93"/>
      <c r="D23" s="94"/>
      <c r="E23" s="94"/>
      <c r="F23" s="94"/>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dimension ref="A1:AD37"/>
  <sheetViews>
    <sheetView showGridLines="0" zoomScaleNormal="100" zoomScaleSheetLayoutView="100" workbookViewId="0"/>
  </sheetViews>
  <sheetFormatPr defaultColWidth="9" defaultRowHeight="12.75" x14ac:dyDescent="0.2"/>
  <cols>
    <col min="1" max="1" width="1.42578125" style="506" customWidth="1"/>
    <col min="2" max="2" width="53.140625" style="506" customWidth="1"/>
    <col min="3" max="3" width="8" style="506" customWidth="1"/>
    <col min="4" max="4" width="0.42578125" style="548" customWidth="1"/>
    <col min="5" max="5" width="7.42578125" style="506" customWidth="1"/>
    <col min="6" max="6" width="0.42578125" style="548" customWidth="1"/>
    <col min="7" max="7" width="7.42578125" style="506" customWidth="1"/>
    <col min="8" max="8" width="0.42578125" style="548" customWidth="1"/>
    <col min="9" max="9" width="7.42578125" style="506" customWidth="1"/>
    <col min="10" max="10" width="0.42578125" style="548" customWidth="1"/>
    <col min="11" max="11" width="7.42578125" style="506" customWidth="1"/>
    <col min="12" max="16384" width="9" style="506"/>
  </cols>
  <sheetData>
    <row r="1" spans="1:12" x14ac:dyDescent="0.2">
      <c r="A1" s="503" t="s">
        <v>355</v>
      </c>
      <c r="B1" s="504"/>
      <c r="C1" s="504"/>
      <c r="D1" s="505"/>
      <c r="E1" s="504"/>
      <c r="F1" s="505"/>
      <c r="G1" s="504"/>
      <c r="H1" s="505"/>
      <c r="I1" s="504"/>
      <c r="J1" s="505"/>
      <c r="K1" s="504"/>
    </row>
    <row r="2" spans="1:12" x14ac:dyDescent="0.2">
      <c r="A2" s="507"/>
      <c r="B2" s="911" t="s">
        <v>0</v>
      </c>
      <c r="C2" s="909" t="s">
        <v>356</v>
      </c>
      <c r="D2" s="508"/>
      <c r="E2" s="913" t="s">
        <v>15</v>
      </c>
      <c r="F2" s="509"/>
      <c r="G2" s="913" t="s">
        <v>16</v>
      </c>
      <c r="H2" s="509"/>
      <c r="I2" s="913" t="s">
        <v>17</v>
      </c>
      <c r="J2" s="509"/>
      <c r="K2" s="909" t="s">
        <v>357</v>
      </c>
    </row>
    <row r="3" spans="1:12" x14ac:dyDescent="0.2">
      <c r="B3" s="912"/>
      <c r="C3" s="910"/>
      <c r="D3" s="510"/>
      <c r="E3" s="914"/>
      <c r="F3" s="511"/>
      <c r="G3" s="914"/>
      <c r="H3" s="511"/>
      <c r="I3" s="914"/>
      <c r="J3" s="511"/>
      <c r="K3" s="910"/>
    </row>
    <row r="4" spans="1:12" ht="3.75" customHeight="1" x14ac:dyDescent="0.2">
      <c r="A4" s="504"/>
      <c r="B4" s="512"/>
      <c r="C4" s="513"/>
      <c r="D4" s="514"/>
      <c r="E4" s="515"/>
      <c r="F4" s="516"/>
      <c r="G4" s="515"/>
      <c r="H4" s="516"/>
      <c r="I4" s="515"/>
      <c r="J4" s="516"/>
      <c r="K4" s="513"/>
    </row>
    <row r="5" spans="1:12" ht="3.75" customHeight="1" x14ac:dyDescent="0.2">
      <c r="B5" s="517"/>
      <c r="C5" s="518"/>
      <c r="D5" s="519"/>
      <c r="E5" s="520"/>
      <c r="F5" s="521"/>
      <c r="G5" s="520"/>
      <c r="H5" s="521"/>
      <c r="I5" s="520"/>
      <c r="J5" s="521"/>
      <c r="K5" s="518"/>
    </row>
    <row r="6" spans="1:12" s="523" customFormat="1" ht="12" x14ac:dyDescent="0.2">
      <c r="A6" s="522" t="s">
        <v>358</v>
      </c>
      <c r="C6" s="524"/>
      <c r="D6" s="525"/>
      <c r="E6" s="524"/>
      <c r="F6" s="526"/>
      <c r="G6" s="524"/>
      <c r="H6" s="526"/>
      <c r="I6" s="524"/>
      <c r="J6" s="526"/>
      <c r="K6" s="524"/>
    </row>
    <row r="7" spans="1:12" s="523" customFormat="1" ht="12" x14ac:dyDescent="0.2">
      <c r="A7" s="523" t="s">
        <v>359</v>
      </c>
      <c r="C7" s="524">
        <v>195</v>
      </c>
      <c r="D7" s="525"/>
      <c r="E7" s="524">
        <v>196</v>
      </c>
      <c r="F7" s="524"/>
      <c r="G7" s="524">
        <v>193</v>
      </c>
      <c r="H7" s="524"/>
      <c r="I7" s="524">
        <v>204</v>
      </c>
      <c r="J7" s="526"/>
      <c r="K7" s="524">
        <v>593</v>
      </c>
      <c r="L7" s="527"/>
    </row>
    <row r="8" spans="1:12" s="523" customFormat="1" ht="12" x14ac:dyDescent="0.2">
      <c r="A8" s="523" t="s">
        <v>360</v>
      </c>
      <c r="C8" s="524">
        <v>119</v>
      </c>
      <c r="D8" s="525"/>
      <c r="E8" s="524">
        <v>110</v>
      </c>
      <c r="F8" s="524"/>
      <c r="G8" s="524">
        <v>110</v>
      </c>
      <c r="H8" s="524"/>
      <c r="I8" s="524">
        <v>110</v>
      </c>
      <c r="J8" s="526"/>
      <c r="K8" s="524">
        <v>330</v>
      </c>
      <c r="L8" s="527"/>
    </row>
    <row r="9" spans="1:12" s="523" customFormat="1" ht="12" x14ac:dyDescent="0.2">
      <c r="A9" s="523" t="s">
        <v>361</v>
      </c>
      <c r="C9" s="524">
        <v>4</v>
      </c>
      <c r="D9" s="525"/>
      <c r="E9" s="524">
        <v>44</v>
      </c>
      <c r="F9" s="524"/>
      <c r="G9" s="524">
        <v>230</v>
      </c>
      <c r="H9" s="524"/>
      <c r="I9" s="524">
        <v>331</v>
      </c>
      <c r="J9" s="526"/>
      <c r="K9" s="524">
        <v>605</v>
      </c>
      <c r="L9" s="527"/>
    </row>
    <row r="10" spans="1:12" s="523" customFormat="1" ht="12" x14ac:dyDescent="0.2">
      <c r="A10" s="523" t="s">
        <v>362</v>
      </c>
      <c r="C10" s="524">
        <v>44</v>
      </c>
      <c r="D10" s="525"/>
      <c r="E10" s="524">
        <v>86</v>
      </c>
      <c r="F10" s="526"/>
      <c r="G10" s="524">
        <v>170</v>
      </c>
      <c r="H10" s="526"/>
      <c r="I10" s="524">
        <v>208</v>
      </c>
      <c r="J10" s="526"/>
      <c r="K10" s="524">
        <v>464</v>
      </c>
      <c r="L10" s="527"/>
    </row>
    <row r="11" spans="1:12" s="523" customFormat="1" ht="12" x14ac:dyDescent="0.2">
      <c r="A11" s="523" t="s">
        <v>363</v>
      </c>
      <c r="C11" s="524">
        <v>166</v>
      </c>
      <c r="D11" s="525"/>
      <c r="E11" s="524">
        <v>318</v>
      </c>
      <c r="F11" s="526"/>
      <c r="G11" s="524">
        <v>474</v>
      </c>
      <c r="H11" s="526"/>
      <c r="I11" s="524">
        <v>387</v>
      </c>
      <c r="J11" s="526"/>
      <c r="K11" s="524">
        <v>1179</v>
      </c>
      <c r="L11" s="527"/>
    </row>
    <row r="12" spans="1:12" s="523" customFormat="1" ht="12" x14ac:dyDescent="0.2">
      <c r="A12" s="523" t="s">
        <v>364</v>
      </c>
      <c r="C12" s="524">
        <v>301</v>
      </c>
      <c r="D12" s="525"/>
      <c r="E12" s="526">
        <v>329</v>
      </c>
      <c r="F12" s="526"/>
      <c r="G12" s="526">
        <v>230</v>
      </c>
      <c r="H12" s="526"/>
      <c r="I12" s="524">
        <v>127</v>
      </c>
      <c r="J12" s="526"/>
      <c r="K12" s="526">
        <v>686</v>
      </c>
      <c r="L12" s="527"/>
    </row>
    <row r="13" spans="1:12" s="523" customFormat="1" ht="12" x14ac:dyDescent="0.2">
      <c r="A13" s="523" t="s">
        <v>365</v>
      </c>
      <c r="C13" s="524">
        <v>40</v>
      </c>
      <c r="D13" s="525"/>
      <c r="E13" s="524">
        <v>46</v>
      </c>
      <c r="F13" s="526"/>
      <c r="G13" s="524">
        <v>30</v>
      </c>
      <c r="H13" s="526"/>
      <c r="I13" s="524">
        <v>30</v>
      </c>
      <c r="J13" s="526"/>
      <c r="K13" s="526">
        <v>106</v>
      </c>
      <c r="L13" s="527"/>
    </row>
    <row r="14" spans="1:12" s="523" customFormat="1" ht="14.25" x14ac:dyDescent="0.2">
      <c r="A14" s="523" t="s">
        <v>366</v>
      </c>
      <c r="C14" s="528">
        <v>33</v>
      </c>
      <c r="D14" s="525"/>
      <c r="E14" s="529">
        <v>34</v>
      </c>
      <c r="F14" s="524"/>
      <c r="G14" s="528">
        <v>21</v>
      </c>
      <c r="H14" s="524"/>
      <c r="I14" s="528">
        <v>22</v>
      </c>
      <c r="J14" s="530"/>
      <c r="K14" s="529">
        <v>77</v>
      </c>
      <c r="L14" s="527"/>
    </row>
    <row r="15" spans="1:12" s="523" customFormat="1" ht="3.75" customHeight="1" x14ac:dyDescent="0.2">
      <c r="C15" s="524"/>
      <c r="D15" s="525"/>
      <c r="E15" s="524"/>
      <c r="F15" s="524"/>
      <c r="G15" s="524"/>
      <c r="H15" s="524"/>
      <c r="I15" s="526"/>
      <c r="J15" s="530"/>
      <c r="K15" s="526"/>
      <c r="L15" s="527"/>
    </row>
    <row r="16" spans="1:12" s="523" customFormat="1" ht="12" x14ac:dyDescent="0.2">
      <c r="B16" s="531" t="s">
        <v>367</v>
      </c>
      <c r="C16" s="532">
        <v>902</v>
      </c>
      <c r="D16" s="533"/>
      <c r="E16" s="532">
        <v>1163</v>
      </c>
      <c r="F16" s="534"/>
      <c r="G16" s="532">
        <v>1458</v>
      </c>
      <c r="H16" s="534"/>
      <c r="I16" s="534">
        <v>1419</v>
      </c>
      <c r="J16" s="534"/>
      <c r="K16" s="534">
        <v>4040</v>
      </c>
      <c r="L16" s="527"/>
    </row>
    <row r="17" spans="1:30" s="523" customFormat="1" ht="3.75" customHeight="1" x14ac:dyDescent="0.2">
      <c r="C17" s="524"/>
      <c r="D17" s="525"/>
      <c r="E17" s="524"/>
      <c r="F17" s="526"/>
      <c r="G17" s="524"/>
      <c r="H17" s="526"/>
      <c r="I17" s="526"/>
      <c r="J17" s="526"/>
      <c r="K17" s="526"/>
    </row>
    <row r="18" spans="1:30" s="523" customFormat="1" ht="14.25" x14ac:dyDescent="0.2">
      <c r="A18" s="522" t="s">
        <v>368</v>
      </c>
      <c r="C18" s="528">
        <v>164</v>
      </c>
      <c r="D18" s="525"/>
      <c r="E18" s="528">
        <v>382</v>
      </c>
      <c r="F18" s="526"/>
      <c r="G18" s="528">
        <v>407</v>
      </c>
      <c r="H18" s="526"/>
      <c r="I18" s="529">
        <v>455</v>
      </c>
      <c r="J18" s="526"/>
      <c r="K18" s="529">
        <v>1244</v>
      </c>
      <c r="L18" s="527"/>
    </row>
    <row r="19" spans="1:30" s="535" customFormat="1" ht="3.75" customHeight="1" x14ac:dyDescent="0.2">
      <c r="B19" s="536"/>
      <c r="C19" s="537"/>
      <c r="D19" s="533"/>
      <c r="E19" s="537"/>
      <c r="F19" s="532"/>
      <c r="G19" s="537"/>
      <c r="H19" s="532"/>
      <c r="I19" s="538"/>
      <c r="J19" s="534"/>
      <c r="K19" s="538"/>
      <c r="L19" s="506"/>
      <c r="M19" s="539"/>
      <c r="N19" s="539"/>
      <c r="O19" s="539"/>
      <c r="P19" s="539"/>
      <c r="Q19" s="539"/>
      <c r="R19" s="539"/>
      <c r="S19" s="540"/>
      <c r="T19" s="540"/>
      <c r="U19" s="540"/>
      <c r="V19" s="540"/>
      <c r="W19" s="540"/>
      <c r="X19" s="540"/>
      <c r="Y19" s="540"/>
      <c r="Z19" s="540"/>
      <c r="AA19" s="540"/>
      <c r="AB19" s="540"/>
      <c r="AC19" s="540"/>
      <c r="AD19" s="540"/>
    </row>
    <row r="20" spans="1:30" s="535" customFormat="1" ht="14.25" x14ac:dyDescent="0.2">
      <c r="A20" s="541" t="s">
        <v>369</v>
      </c>
      <c r="B20" s="536"/>
      <c r="C20" s="537">
        <v>1066</v>
      </c>
      <c r="D20" s="533"/>
      <c r="E20" s="537">
        <v>1545</v>
      </c>
      <c r="F20" s="532"/>
      <c r="G20" s="537">
        <v>1865</v>
      </c>
      <c r="H20" s="532"/>
      <c r="I20" s="538">
        <v>1874</v>
      </c>
      <c r="J20" s="534"/>
      <c r="K20" s="538">
        <v>5284</v>
      </c>
      <c r="L20" s="506"/>
      <c r="M20" s="539"/>
      <c r="N20" s="539"/>
      <c r="O20" s="539"/>
      <c r="P20" s="539"/>
      <c r="Q20" s="539"/>
      <c r="R20" s="539"/>
      <c r="S20" s="540"/>
      <c r="T20" s="540"/>
      <c r="U20" s="540"/>
      <c r="V20" s="540"/>
      <c r="W20" s="540"/>
      <c r="X20" s="540"/>
      <c r="Y20" s="540"/>
      <c r="Z20" s="540"/>
      <c r="AA20" s="540"/>
      <c r="AB20" s="540"/>
      <c r="AC20" s="540"/>
      <c r="AD20" s="540"/>
    </row>
    <row r="21" spans="1:30" s="523" customFormat="1" ht="3.75" customHeight="1" x14ac:dyDescent="0.2">
      <c r="A21" s="542"/>
      <c r="B21" s="542"/>
      <c r="C21" s="542"/>
      <c r="D21" s="543"/>
      <c r="E21" s="542"/>
      <c r="F21" s="544"/>
      <c r="G21" s="542"/>
      <c r="H21" s="544"/>
      <c r="I21" s="544"/>
      <c r="J21" s="544"/>
      <c r="K21" s="544"/>
    </row>
    <row r="22" spans="1:30" s="523" customFormat="1" ht="3.75" customHeight="1" x14ac:dyDescent="0.2">
      <c r="D22" s="533"/>
      <c r="F22" s="545"/>
      <c r="H22" s="545"/>
      <c r="I22" s="545"/>
      <c r="J22" s="545"/>
      <c r="K22" s="545"/>
    </row>
    <row r="23" spans="1:30" s="523" customFormat="1" ht="12" x14ac:dyDescent="0.2">
      <c r="A23" s="522" t="s">
        <v>370</v>
      </c>
      <c r="C23" s="524"/>
      <c r="D23" s="533"/>
      <c r="E23" s="524"/>
      <c r="F23" s="526"/>
      <c r="G23" s="524"/>
      <c r="H23" s="526"/>
      <c r="I23" s="526"/>
      <c r="J23" s="526"/>
      <c r="K23" s="526"/>
    </row>
    <row r="24" spans="1:30" s="523" customFormat="1" ht="12" x14ac:dyDescent="0.2">
      <c r="A24" s="523" t="s">
        <v>371</v>
      </c>
      <c r="C24" s="526">
        <v>44</v>
      </c>
      <c r="D24" s="533"/>
      <c r="E24" s="526">
        <v>0</v>
      </c>
      <c r="F24" s="526"/>
      <c r="G24" s="526">
        <v>0</v>
      </c>
      <c r="H24" s="526"/>
      <c r="I24" s="526">
        <v>0</v>
      </c>
      <c r="J24" s="545"/>
      <c r="K24" s="526">
        <v>0</v>
      </c>
      <c r="L24" s="527"/>
    </row>
    <row r="25" spans="1:30" s="523" customFormat="1" ht="14.25" x14ac:dyDescent="0.2">
      <c r="A25" s="523" t="s">
        <v>372</v>
      </c>
      <c r="C25" s="529">
        <v>3</v>
      </c>
      <c r="D25" s="533"/>
      <c r="E25" s="529">
        <v>0</v>
      </c>
      <c r="F25" s="526"/>
      <c r="G25" s="529">
        <v>0</v>
      </c>
      <c r="H25" s="526"/>
      <c r="I25" s="529">
        <v>0</v>
      </c>
      <c r="J25" s="530"/>
      <c r="K25" s="529">
        <v>0</v>
      </c>
      <c r="L25" s="527"/>
    </row>
    <row r="26" spans="1:30" s="523" customFormat="1" ht="14.25" x14ac:dyDescent="0.2">
      <c r="B26" s="531" t="s">
        <v>373</v>
      </c>
      <c r="C26" s="537">
        <v>47</v>
      </c>
      <c r="D26" s="533"/>
      <c r="E26" s="537">
        <v>0</v>
      </c>
      <c r="F26" s="532"/>
      <c r="G26" s="537">
        <v>0</v>
      </c>
      <c r="H26" s="532"/>
      <c r="I26" s="538">
        <v>0</v>
      </c>
      <c r="J26" s="534"/>
      <c r="K26" s="538">
        <v>0</v>
      </c>
      <c r="L26" s="527"/>
    </row>
    <row r="27" spans="1:30" s="535" customFormat="1" ht="3.75" customHeight="1" x14ac:dyDescent="0.2">
      <c r="B27" s="536"/>
      <c r="C27" s="537"/>
      <c r="D27" s="533"/>
      <c r="E27" s="537"/>
      <c r="F27" s="532"/>
      <c r="G27" s="537"/>
      <c r="H27" s="532"/>
      <c r="I27" s="538"/>
      <c r="J27" s="534"/>
      <c r="K27" s="538"/>
      <c r="L27" s="506"/>
      <c r="M27" s="539"/>
      <c r="N27" s="539"/>
      <c r="O27" s="539"/>
      <c r="P27" s="539"/>
      <c r="Q27" s="539"/>
      <c r="R27" s="539"/>
      <c r="S27" s="540"/>
      <c r="T27" s="540"/>
      <c r="U27" s="540"/>
      <c r="V27" s="540"/>
      <c r="W27" s="540"/>
      <c r="X27" s="540"/>
      <c r="Y27" s="540"/>
      <c r="Z27" s="540"/>
      <c r="AA27" s="540"/>
      <c r="AB27" s="540"/>
      <c r="AC27" s="540"/>
      <c r="AD27" s="540"/>
    </row>
    <row r="28" spans="1:30" s="535" customFormat="1" ht="14.25" x14ac:dyDescent="0.2">
      <c r="A28" s="541" t="s">
        <v>374</v>
      </c>
      <c r="B28" s="536"/>
      <c r="C28" s="537"/>
      <c r="D28" s="533"/>
      <c r="E28" s="537"/>
      <c r="F28" s="532"/>
      <c r="G28" s="537"/>
      <c r="H28" s="532"/>
      <c r="I28" s="538"/>
      <c r="J28" s="534"/>
      <c r="K28" s="538"/>
      <c r="L28" s="506"/>
      <c r="M28" s="539"/>
      <c r="N28" s="539"/>
      <c r="O28" s="539"/>
      <c r="P28" s="539"/>
      <c r="Q28" s="539"/>
      <c r="R28" s="539"/>
      <c r="S28" s="540"/>
      <c r="T28" s="540"/>
      <c r="U28" s="540"/>
      <c r="V28" s="540"/>
      <c r="W28" s="540"/>
      <c r="X28" s="540"/>
      <c r="Y28" s="540"/>
      <c r="Z28" s="540"/>
      <c r="AA28" s="540"/>
      <c r="AB28" s="540"/>
      <c r="AC28" s="540"/>
      <c r="AD28" s="540"/>
    </row>
    <row r="29" spans="1:30" s="535" customFormat="1" ht="14.25" x14ac:dyDescent="0.2">
      <c r="A29" s="536" t="s">
        <v>375</v>
      </c>
      <c r="B29" s="536" t="s">
        <v>376</v>
      </c>
      <c r="C29" s="537">
        <v>1113</v>
      </c>
      <c r="D29" s="533"/>
      <c r="E29" s="537">
        <v>1545</v>
      </c>
      <c r="F29" s="532"/>
      <c r="G29" s="537">
        <v>1865</v>
      </c>
      <c r="H29" s="532"/>
      <c r="I29" s="538">
        <v>1874</v>
      </c>
      <c r="J29" s="534"/>
      <c r="K29" s="538">
        <v>5284</v>
      </c>
      <c r="L29" s="506"/>
      <c r="M29" s="539"/>
      <c r="N29" s="539"/>
      <c r="O29" s="539"/>
      <c r="P29" s="539"/>
      <c r="Q29" s="539"/>
      <c r="R29" s="539"/>
      <c r="S29" s="540"/>
      <c r="T29" s="540"/>
      <c r="U29" s="540"/>
      <c r="V29" s="540"/>
      <c r="W29" s="540"/>
      <c r="X29" s="540"/>
      <c r="Y29" s="540"/>
      <c r="Z29" s="540"/>
      <c r="AA29" s="540"/>
      <c r="AB29" s="540"/>
      <c r="AC29" s="540"/>
      <c r="AD29" s="540"/>
    </row>
    <row r="30" spans="1:30" s="523" customFormat="1" ht="3.75" customHeight="1" x14ac:dyDescent="0.2">
      <c r="A30" s="542"/>
      <c r="B30" s="542"/>
      <c r="C30" s="542"/>
      <c r="D30" s="543"/>
      <c r="E30" s="542"/>
      <c r="F30" s="544"/>
      <c r="G30" s="542"/>
      <c r="H30" s="544"/>
      <c r="I30" s="542"/>
      <c r="J30" s="544"/>
      <c r="K30" s="542"/>
    </row>
    <row r="31" spans="1:30" s="523" customFormat="1" ht="12" x14ac:dyDescent="0.2">
      <c r="D31" s="545"/>
      <c r="F31" s="545"/>
      <c r="H31" s="545"/>
      <c r="J31" s="545"/>
    </row>
    <row r="32" spans="1:30" x14ac:dyDescent="0.2">
      <c r="A32" s="546" t="s">
        <v>377</v>
      </c>
      <c r="B32" s="547" t="s">
        <v>378</v>
      </c>
    </row>
    <row r="33" spans="1:11" x14ac:dyDescent="0.2">
      <c r="A33" s="546"/>
    </row>
    <row r="35" spans="1:11" x14ac:dyDescent="0.2">
      <c r="C35" s="549"/>
      <c r="E35" s="549"/>
      <c r="G35" s="549"/>
      <c r="I35" s="549"/>
      <c r="K35" s="549"/>
    </row>
    <row r="36" spans="1:11" x14ac:dyDescent="0.2">
      <c r="C36" s="549"/>
      <c r="E36" s="549"/>
      <c r="G36" s="549"/>
      <c r="I36" s="549"/>
      <c r="K36" s="549"/>
    </row>
    <row r="37" spans="1:11" x14ac:dyDescent="0.2">
      <c r="C37" s="549"/>
      <c r="D37" s="549"/>
      <c r="E37" s="549"/>
      <c r="F37" s="549"/>
      <c r="G37" s="549"/>
      <c r="H37" s="549"/>
      <c r="I37" s="549"/>
      <c r="J37" s="549"/>
      <c r="K37" s="549"/>
    </row>
  </sheetData>
  <mergeCells count="6">
    <mergeCell ref="K2:K3"/>
    <mergeCell ref="B2:B3"/>
    <mergeCell ref="C2:C3"/>
    <mergeCell ref="E2:E3"/>
    <mergeCell ref="G2:G3"/>
    <mergeCell ref="I2:I3"/>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dimension ref="A1:DK170"/>
  <sheetViews>
    <sheetView showGridLines="0" zoomScaleNormal="100" zoomScaleSheetLayoutView="100" workbookViewId="0">
      <selection activeCell="A147" sqref="A147"/>
    </sheetView>
  </sheetViews>
  <sheetFormatPr defaultColWidth="8.85546875" defaultRowHeight="12.75" x14ac:dyDescent="0.2"/>
  <cols>
    <col min="1" max="2" width="1.140625" style="111" customWidth="1"/>
    <col min="3" max="3" width="8.85546875" style="111"/>
    <col min="4" max="4" width="12.7109375" style="111" customWidth="1"/>
    <col min="5" max="5" width="12.42578125" style="111" customWidth="1"/>
    <col min="6" max="6" width="2.5703125" style="111" customWidth="1"/>
    <col min="7" max="7" width="5" style="111" customWidth="1"/>
    <col min="8" max="8" width="2.42578125" style="111" customWidth="1"/>
    <col min="9" max="9" width="7.28515625" style="111" customWidth="1"/>
    <col min="10" max="10" width="0.7109375" style="111" customWidth="1"/>
    <col min="11" max="11" width="7.28515625" style="111" customWidth="1"/>
    <col min="12" max="12" width="0.5703125" style="111" customWidth="1"/>
    <col min="13" max="13" width="7.28515625" style="111" customWidth="1"/>
    <col min="14" max="14" width="0.42578125" style="111" customWidth="1"/>
    <col min="15" max="15" width="6.7109375" style="111" customWidth="1"/>
    <col min="16" max="16" width="0.5703125" style="111" customWidth="1"/>
    <col min="17" max="17" width="6" style="111" customWidth="1"/>
    <col min="18" max="18" width="0.5703125" style="111" customWidth="1"/>
    <col min="19" max="19" width="6" style="111" bestFit="1" customWidth="1"/>
    <col min="20" max="20" width="0.7109375" style="111" customWidth="1"/>
    <col min="21" max="21" width="6.7109375" style="111" customWidth="1"/>
    <col min="22" max="22" width="1.5703125" style="550" customWidth="1"/>
    <col min="23" max="23" width="19.85546875" style="551" hidden="1" customWidth="1"/>
    <col min="24" max="16384" width="8.85546875" style="551"/>
  </cols>
  <sheetData>
    <row r="1" spans="1:23" x14ac:dyDescent="0.2">
      <c r="A1" s="223" t="s">
        <v>379</v>
      </c>
      <c r="B1" s="431"/>
      <c r="C1" s="431"/>
    </row>
    <row r="2" spans="1:23" ht="12.75" customHeight="1" x14ac:dyDescent="0.2">
      <c r="A2" s="552" t="s">
        <v>380</v>
      </c>
      <c r="B2" s="553"/>
      <c r="C2" s="553"/>
      <c r="D2" s="553"/>
      <c r="E2" s="553"/>
      <c r="F2" s="553"/>
      <c r="G2" s="553"/>
      <c r="H2" s="553"/>
      <c r="I2" s="553"/>
      <c r="J2" s="553"/>
      <c r="K2" s="553"/>
      <c r="L2" s="553"/>
      <c r="M2" s="553"/>
      <c r="N2" s="554"/>
      <c r="O2" s="553"/>
    </row>
    <row r="3" spans="1:23" s="562" customFormat="1" ht="9.9499999999999993" customHeight="1" x14ac:dyDescent="0.2">
      <c r="A3" s="555"/>
      <c r="B3" s="555"/>
      <c r="C3" s="555"/>
      <c r="D3" s="555"/>
      <c r="E3" s="555"/>
      <c r="F3" s="556"/>
      <c r="G3" s="556"/>
      <c r="H3" s="556"/>
      <c r="I3" s="557" t="s">
        <v>381</v>
      </c>
      <c r="J3" s="555"/>
      <c r="K3" s="557" t="s">
        <v>382</v>
      </c>
      <c r="L3" s="556"/>
      <c r="M3" s="557" t="s">
        <v>383</v>
      </c>
      <c r="N3" s="558"/>
      <c r="O3" s="559"/>
      <c r="P3" s="560"/>
      <c r="Q3" s="559"/>
      <c r="R3" s="561" t="s">
        <v>384</v>
      </c>
      <c r="S3" s="559"/>
      <c r="T3" s="559"/>
      <c r="U3" s="559"/>
      <c r="V3" s="550"/>
    </row>
    <row r="4" spans="1:23" s="562" customFormat="1" ht="9.6" customHeight="1" x14ac:dyDescent="0.2">
      <c r="A4" s="563"/>
      <c r="B4" s="563"/>
      <c r="C4" s="563"/>
      <c r="D4" s="563"/>
      <c r="E4" s="563"/>
      <c r="F4" s="564"/>
      <c r="G4" s="565" t="s">
        <v>385</v>
      </c>
      <c r="H4" s="564"/>
      <c r="I4" s="476" t="s">
        <v>386</v>
      </c>
      <c r="J4" s="563"/>
      <c r="K4" s="476" t="s">
        <v>386</v>
      </c>
      <c r="L4" s="566"/>
      <c r="M4" s="565" t="s">
        <v>46</v>
      </c>
      <c r="N4" s="567"/>
      <c r="O4" s="565" t="s">
        <v>387</v>
      </c>
      <c r="P4" s="563"/>
      <c r="Q4" s="565" t="s">
        <v>388</v>
      </c>
      <c r="R4" s="568"/>
      <c r="S4" s="565" t="s">
        <v>389</v>
      </c>
      <c r="T4" s="566"/>
      <c r="U4" s="569" t="s">
        <v>390</v>
      </c>
      <c r="V4" s="550"/>
    </row>
    <row r="5" spans="1:23" s="562" customFormat="1" ht="13.15" customHeight="1" x14ac:dyDescent="0.2">
      <c r="A5" s="570"/>
      <c r="B5" s="571" t="s">
        <v>0</v>
      </c>
      <c r="C5" s="570"/>
      <c r="D5" s="570"/>
      <c r="E5" s="570"/>
      <c r="F5" s="572"/>
      <c r="G5" s="573" t="s">
        <v>391</v>
      </c>
      <c r="H5" s="572"/>
      <c r="I5" s="573" t="s">
        <v>392</v>
      </c>
      <c r="J5" s="570"/>
      <c r="K5" s="573" t="s">
        <v>393</v>
      </c>
      <c r="L5" s="574"/>
      <c r="M5" s="573" t="s">
        <v>394</v>
      </c>
      <c r="N5" s="575"/>
      <c r="O5" s="573" t="s">
        <v>395</v>
      </c>
      <c r="P5" s="570"/>
      <c r="Q5" s="573" t="s">
        <v>396</v>
      </c>
      <c r="R5" s="576"/>
      <c r="S5" s="573" t="s">
        <v>397</v>
      </c>
      <c r="T5" s="577"/>
      <c r="U5" s="573" t="s">
        <v>398</v>
      </c>
      <c r="V5" s="550"/>
    </row>
    <row r="6" spans="1:23" ht="2.4500000000000002" customHeight="1" x14ac:dyDescent="0.2">
      <c r="A6" s="578"/>
      <c r="B6" s="578"/>
      <c r="C6" s="578"/>
      <c r="D6" s="578"/>
      <c r="E6" s="578"/>
      <c r="F6" s="578"/>
      <c r="G6" s="579"/>
      <c r="H6" s="578"/>
      <c r="I6" s="578"/>
      <c r="J6" s="578"/>
      <c r="K6" s="578"/>
      <c r="L6" s="578"/>
      <c r="N6" s="580"/>
      <c r="P6" s="578"/>
      <c r="Q6" s="578"/>
      <c r="R6" s="578"/>
      <c r="S6" s="578"/>
      <c r="T6" s="578"/>
      <c r="U6" s="578"/>
    </row>
    <row r="7" spans="1:23" ht="10.15" customHeight="1" x14ac:dyDescent="0.2">
      <c r="A7" s="581"/>
      <c r="B7" s="582"/>
      <c r="C7" s="583"/>
      <c r="D7" s="584"/>
      <c r="E7" s="585"/>
      <c r="F7" s="586"/>
      <c r="G7" s="587"/>
      <c r="H7" s="586"/>
      <c r="I7" s="586"/>
      <c r="J7" s="588" t="s">
        <v>328</v>
      </c>
      <c r="K7" s="589"/>
      <c r="L7" s="589"/>
      <c r="M7" s="589"/>
      <c r="N7" s="590"/>
      <c r="O7" s="589"/>
      <c r="P7" s="589"/>
      <c r="Q7" s="589"/>
      <c r="R7" s="589"/>
      <c r="S7" s="589"/>
      <c r="T7" s="589"/>
      <c r="U7" s="589"/>
    </row>
    <row r="8" spans="1:23" ht="11.25" customHeight="1" x14ac:dyDescent="0.2">
      <c r="A8" s="591" t="s">
        <v>399</v>
      </c>
      <c r="B8" s="592"/>
      <c r="C8" s="592"/>
      <c r="D8" s="592"/>
      <c r="E8" s="592"/>
      <c r="F8" s="586"/>
      <c r="G8" s="587"/>
      <c r="H8" s="586"/>
      <c r="I8" s="586"/>
      <c r="J8" s="582"/>
      <c r="K8" s="589"/>
      <c r="L8" s="589"/>
      <c r="M8" s="589"/>
      <c r="N8" s="590"/>
      <c r="O8" s="589"/>
      <c r="P8" s="589"/>
      <c r="Q8" s="589"/>
      <c r="R8" s="589"/>
      <c r="S8" s="589"/>
      <c r="T8" s="589"/>
      <c r="U8" s="589"/>
    </row>
    <row r="9" spans="1:23" s="582" customFormat="1" ht="11.25" customHeight="1" x14ac:dyDescent="0.2">
      <c r="A9" s="11"/>
      <c r="B9" s="11" t="s">
        <v>400</v>
      </c>
      <c r="C9" s="11"/>
      <c r="D9" s="11"/>
      <c r="E9" s="11"/>
      <c r="F9" s="593" t="s">
        <v>79</v>
      </c>
      <c r="G9" s="594" t="s">
        <v>75</v>
      </c>
      <c r="H9" s="595"/>
      <c r="I9" s="596">
        <v>47</v>
      </c>
      <c r="J9" s="586"/>
      <c r="K9" s="597">
        <v>14</v>
      </c>
      <c r="L9" s="597"/>
      <c r="M9" s="596">
        <v>61</v>
      </c>
      <c r="N9" s="598"/>
      <c r="O9" s="597">
        <v>61</v>
      </c>
      <c r="P9" s="597"/>
      <c r="Q9" s="597">
        <v>0</v>
      </c>
      <c r="R9" s="597"/>
      <c r="S9" s="597">
        <v>0</v>
      </c>
      <c r="T9" s="599"/>
      <c r="U9" s="597">
        <v>0</v>
      </c>
      <c r="V9" s="596"/>
      <c r="W9" s="600"/>
    </row>
    <row r="10" spans="1:23" s="603" customFormat="1" ht="11.25" customHeight="1" x14ac:dyDescent="0.2">
      <c r="A10" s="11"/>
      <c r="B10" s="601" t="s">
        <v>401</v>
      </c>
      <c r="C10" s="601"/>
      <c r="D10" s="601"/>
      <c r="E10" s="11"/>
      <c r="F10" s="593" t="s">
        <v>79</v>
      </c>
      <c r="G10" s="594" t="s">
        <v>75</v>
      </c>
      <c r="H10" s="595"/>
      <c r="I10" s="597">
        <v>58</v>
      </c>
      <c r="J10" s="586"/>
      <c r="K10" s="597">
        <v>7</v>
      </c>
      <c r="L10" s="597"/>
      <c r="M10" s="597">
        <v>65</v>
      </c>
      <c r="N10" s="598"/>
      <c r="O10" s="597">
        <v>61</v>
      </c>
      <c r="P10" s="597"/>
      <c r="Q10" s="597">
        <v>0</v>
      </c>
      <c r="R10" s="597"/>
      <c r="S10" s="597">
        <v>0</v>
      </c>
      <c r="T10" s="599"/>
      <c r="U10" s="597">
        <v>4</v>
      </c>
      <c r="V10" s="550"/>
      <c r="W10" s="602" t="s">
        <v>402</v>
      </c>
    </row>
    <row r="11" spans="1:23" s="603" customFormat="1" ht="11.25" customHeight="1" x14ac:dyDescent="0.2">
      <c r="A11" s="11"/>
      <c r="B11" s="601" t="s">
        <v>403</v>
      </c>
      <c r="C11" s="601"/>
      <c r="D11" s="601"/>
      <c r="E11" s="11"/>
      <c r="F11" s="593" t="s">
        <v>79</v>
      </c>
      <c r="G11" s="594" t="s">
        <v>75</v>
      </c>
      <c r="H11" s="595"/>
      <c r="I11" s="597">
        <v>42</v>
      </c>
      <c r="J11" s="586">
        <v>42</v>
      </c>
      <c r="K11" s="597">
        <v>13</v>
      </c>
      <c r="L11" s="597"/>
      <c r="M11" s="597">
        <v>55</v>
      </c>
      <c r="N11" s="598"/>
      <c r="O11" s="597">
        <v>45</v>
      </c>
      <c r="P11" s="597"/>
      <c r="Q11" s="597">
        <v>0</v>
      </c>
      <c r="R11" s="597"/>
      <c r="S11" s="597">
        <v>0</v>
      </c>
      <c r="T11" s="599"/>
      <c r="U11" s="597">
        <v>10</v>
      </c>
      <c r="V11" s="550"/>
      <c r="W11" s="602"/>
    </row>
    <row r="12" spans="1:23" s="603" customFormat="1" ht="11.25" customHeight="1" x14ac:dyDescent="0.2">
      <c r="A12" s="11"/>
      <c r="B12" s="601" t="s">
        <v>404</v>
      </c>
      <c r="C12" s="601"/>
      <c r="D12" s="601"/>
      <c r="E12" s="11"/>
      <c r="F12" s="593" t="s">
        <v>79</v>
      </c>
      <c r="G12" s="604" t="s">
        <v>77</v>
      </c>
      <c r="H12" s="595"/>
      <c r="I12" s="597">
        <v>1</v>
      </c>
      <c r="J12" s="586"/>
      <c r="K12" s="597">
        <v>60</v>
      </c>
      <c r="L12" s="597"/>
      <c r="M12" s="597">
        <v>61</v>
      </c>
      <c r="N12" s="598"/>
      <c r="O12" s="597">
        <v>46</v>
      </c>
      <c r="P12" s="597"/>
      <c r="Q12" s="597">
        <v>0</v>
      </c>
      <c r="R12" s="597"/>
      <c r="S12" s="597">
        <v>0</v>
      </c>
      <c r="T12" s="599"/>
      <c r="U12" s="597">
        <v>15</v>
      </c>
      <c r="V12" s="596"/>
      <c r="W12" s="605" t="s">
        <v>405</v>
      </c>
    </row>
    <row r="13" spans="1:23" s="603" customFormat="1" ht="11.25" customHeight="1" x14ac:dyDescent="0.2">
      <c r="A13" s="11"/>
      <c r="B13" s="601" t="s">
        <v>406</v>
      </c>
      <c r="C13" s="601"/>
      <c r="D13" s="601"/>
      <c r="E13" s="11"/>
      <c r="F13" s="593" t="s">
        <v>79</v>
      </c>
      <c r="G13" s="604" t="s">
        <v>407</v>
      </c>
      <c r="H13" s="595"/>
      <c r="I13" s="597">
        <v>5</v>
      </c>
      <c r="J13" s="586"/>
      <c r="K13" s="597">
        <v>102</v>
      </c>
      <c r="L13" s="597"/>
      <c r="M13" s="597">
        <v>107</v>
      </c>
      <c r="N13" s="598"/>
      <c r="O13" s="597">
        <v>107</v>
      </c>
      <c r="P13" s="597"/>
      <c r="Q13" s="597">
        <v>0</v>
      </c>
      <c r="R13" s="597"/>
      <c r="S13" s="597">
        <v>0</v>
      </c>
      <c r="T13" s="599"/>
      <c r="U13" s="597">
        <v>0</v>
      </c>
      <c r="V13" s="550"/>
      <c r="W13" s="602"/>
    </row>
    <row r="14" spans="1:23" s="603" customFormat="1" ht="11.25" customHeight="1" x14ac:dyDescent="0.2">
      <c r="A14" s="11"/>
      <c r="B14" s="601" t="s">
        <v>408</v>
      </c>
      <c r="C14" s="601"/>
      <c r="D14" s="601"/>
      <c r="E14" s="11"/>
      <c r="F14" s="593" t="s">
        <v>79</v>
      </c>
      <c r="G14" s="604" t="s">
        <v>76</v>
      </c>
      <c r="H14" s="595"/>
      <c r="I14" s="597">
        <v>6</v>
      </c>
      <c r="J14" s="586"/>
      <c r="K14" s="597">
        <v>49</v>
      </c>
      <c r="L14" s="597"/>
      <c r="M14" s="597">
        <v>55</v>
      </c>
      <c r="N14" s="598"/>
      <c r="O14" s="597">
        <v>35</v>
      </c>
      <c r="P14" s="597"/>
      <c r="Q14" s="597">
        <v>0</v>
      </c>
      <c r="R14" s="597"/>
      <c r="S14" s="597">
        <v>0</v>
      </c>
      <c r="T14" s="599"/>
      <c r="U14" s="597">
        <v>20</v>
      </c>
      <c r="V14" s="596"/>
      <c r="W14" s="602"/>
    </row>
    <row r="15" spans="1:23" s="603" customFormat="1" ht="11.25" customHeight="1" x14ac:dyDescent="0.2">
      <c r="A15" s="552"/>
      <c r="B15" s="606" t="s">
        <v>409</v>
      </c>
      <c r="C15" s="606"/>
      <c r="D15" s="606"/>
      <c r="E15" s="552"/>
      <c r="F15" s="593" t="s">
        <v>79</v>
      </c>
      <c r="G15" s="594" t="s">
        <v>407</v>
      </c>
      <c r="H15" s="607"/>
      <c r="I15" s="608">
        <v>0</v>
      </c>
      <c r="J15" s="609"/>
      <c r="K15" s="608">
        <v>62</v>
      </c>
      <c r="L15" s="608"/>
      <c r="M15" s="608">
        <v>62</v>
      </c>
      <c r="N15" s="610"/>
      <c r="O15" s="608">
        <v>62</v>
      </c>
      <c r="P15" s="608"/>
      <c r="Q15" s="608">
        <v>0</v>
      </c>
      <c r="R15" s="608"/>
      <c r="S15" s="608">
        <v>0</v>
      </c>
      <c r="T15" s="611"/>
      <c r="U15" s="608">
        <v>0</v>
      </c>
      <c r="V15" s="596"/>
      <c r="W15" s="602"/>
    </row>
    <row r="16" spans="1:23" s="603" customFormat="1" ht="11.25" customHeight="1" x14ac:dyDescent="0.35">
      <c r="A16" s="11"/>
      <c r="B16" s="601" t="s">
        <v>410</v>
      </c>
      <c r="C16" s="601"/>
      <c r="D16" s="601"/>
      <c r="E16" s="11"/>
      <c r="F16" s="593" t="s">
        <v>79</v>
      </c>
      <c r="G16" s="604" t="s">
        <v>411</v>
      </c>
      <c r="H16" s="595"/>
      <c r="I16" s="612">
        <v>225</v>
      </c>
      <c r="J16" s="586"/>
      <c r="K16" s="612">
        <v>1075</v>
      </c>
      <c r="L16" s="597"/>
      <c r="M16" s="612">
        <v>1300</v>
      </c>
      <c r="N16" s="598"/>
      <c r="O16" s="612">
        <v>1300</v>
      </c>
      <c r="P16" s="597"/>
      <c r="Q16" s="612">
        <v>0</v>
      </c>
      <c r="R16" s="597"/>
      <c r="S16" s="612">
        <v>0</v>
      </c>
      <c r="T16" s="599"/>
      <c r="U16" s="612">
        <v>0</v>
      </c>
      <c r="V16" s="596"/>
      <c r="W16" s="602"/>
    </row>
    <row r="17" spans="1:23" ht="1.1499999999999999" customHeight="1" x14ac:dyDescent="0.2">
      <c r="A17" s="582"/>
      <c r="B17" s="582"/>
      <c r="C17" s="582"/>
      <c r="D17" s="582"/>
      <c r="E17" s="582"/>
      <c r="F17" s="586"/>
      <c r="G17" s="565"/>
      <c r="H17" s="593"/>
      <c r="I17" s="597"/>
      <c r="J17" s="586"/>
      <c r="K17" s="597"/>
      <c r="L17" s="597"/>
      <c r="M17" s="597"/>
      <c r="N17" s="598"/>
      <c r="O17" s="597"/>
      <c r="P17" s="597"/>
      <c r="Q17" s="597"/>
      <c r="R17" s="597"/>
      <c r="S17" s="597"/>
      <c r="T17" s="597"/>
      <c r="U17" s="597"/>
      <c r="W17" s="613"/>
    </row>
    <row r="18" spans="1:23" ht="11.45" customHeight="1" x14ac:dyDescent="0.2">
      <c r="A18" s="614"/>
      <c r="B18" s="614"/>
      <c r="C18" s="614" t="s">
        <v>412</v>
      </c>
      <c r="D18" s="614"/>
      <c r="E18" s="614"/>
      <c r="F18" s="615" t="s">
        <v>79</v>
      </c>
      <c r="G18" s="573" t="s">
        <v>79</v>
      </c>
      <c r="H18" s="616"/>
      <c r="I18" s="617">
        <v>384</v>
      </c>
      <c r="J18" s="617"/>
      <c r="K18" s="617">
        <v>1382</v>
      </c>
      <c r="L18" s="617"/>
      <c r="M18" s="617">
        <v>1766</v>
      </c>
      <c r="N18" s="598"/>
      <c r="O18" s="617">
        <v>1717</v>
      </c>
      <c r="P18" s="617"/>
      <c r="Q18" s="617">
        <v>0</v>
      </c>
      <c r="R18" s="617"/>
      <c r="S18" s="617">
        <v>0</v>
      </c>
      <c r="T18" s="617"/>
      <c r="U18" s="617">
        <v>49</v>
      </c>
      <c r="W18" s="613"/>
    </row>
    <row r="19" spans="1:23" ht="11.45" customHeight="1" x14ac:dyDescent="0.2">
      <c r="A19" s="591" t="s">
        <v>413</v>
      </c>
      <c r="B19" s="592"/>
      <c r="C19" s="592"/>
      <c r="D19" s="592"/>
      <c r="E19" s="592"/>
      <c r="F19" s="586"/>
      <c r="G19" s="579"/>
      <c r="H19" s="586"/>
      <c r="I19" s="586"/>
      <c r="J19" s="582"/>
      <c r="K19" s="589"/>
      <c r="L19" s="589"/>
      <c r="M19" s="589"/>
      <c r="N19" s="598"/>
      <c r="O19" s="589"/>
      <c r="P19" s="589"/>
      <c r="Q19" s="589"/>
      <c r="R19" s="589"/>
      <c r="S19" s="589"/>
      <c r="T19" s="589"/>
      <c r="U19" s="589"/>
    </row>
    <row r="20" spans="1:23" ht="11.25" customHeight="1" x14ac:dyDescent="0.2">
      <c r="A20" s="582"/>
      <c r="B20" s="582" t="s">
        <v>414</v>
      </c>
      <c r="C20" s="582"/>
      <c r="D20" s="582"/>
      <c r="E20" s="582"/>
      <c r="F20" s="586"/>
      <c r="G20" s="579"/>
      <c r="H20" s="618"/>
      <c r="I20" s="586"/>
      <c r="J20" s="582"/>
      <c r="K20" s="589"/>
      <c r="L20" s="589"/>
      <c r="M20" s="589"/>
      <c r="N20" s="598"/>
      <c r="O20" s="589"/>
      <c r="P20" s="589"/>
      <c r="Q20" s="589"/>
      <c r="R20" s="589"/>
      <c r="S20" s="589"/>
      <c r="T20" s="589"/>
      <c r="U20" s="589"/>
    </row>
    <row r="21" spans="1:23" ht="11.25" customHeight="1" x14ac:dyDescent="0.2">
      <c r="A21" s="582"/>
      <c r="B21" s="582" t="s">
        <v>415</v>
      </c>
      <c r="C21" s="582"/>
      <c r="D21" s="582"/>
      <c r="E21" s="582"/>
      <c r="F21" s="586"/>
      <c r="G21" s="579"/>
      <c r="H21" s="618"/>
      <c r="I21" s="586"/>
      <c r="J21" s="600"/>
      <c r="K21" s="619"/>
      <c r="L21" s="619"/>
      <c r="M21" s="619"/>
      <c r="N21" s="598"/>
      <c r="O21" s="619"/>
      <c r="P21" s="619"/>
      <c r="Q21" s="619"/>
      <c r="R21" s="619"/>
      <c r="S21" s="619"/>
      <c r="T21" s="620"/>
      <c r="U21" s="619"/>
    </row>
    <row r="22" spans="1:23" s="624" customFormat="1" ht="11.25" customHeight="1" x14ac:dyDescent="0.2">
      <c r="A22" s="582"/>
      <c r="B22" s="11" t="s">
        <v>416</v>
      </c>
      <c r="C22" s="582"/>
      <c r="D22" s="582"/>
      <c r="E22" s="582"/>
      <c r="F22" s="586" t="s">
        <v>79</v>
      </c>
      <c r="G22" s="621" t="s">
        <v>74</v>
      </c>
      <c r="H22" s="618"/>
      <c r="I22" s="622">
        <v>15</v>
      </c>
      <c r="J22" s="470"/>
      <c r="K22" s="622">
        <v>4</v>
      </c>
      <c r="L22" s="622"/>
      <c r="M22" s="622">
        <v>19</v>
      </c>
      <c r="N22" s="598"/>
      <c r="O22" s="622">
        <v>15</v>
      </c>
      <c r="P22" s="622"/>
      <c r="Q22" s="622">
        <v>0</v>
      </c>
      <c r="R22" s="622"/>
      <c r="S22" s="622">
        <v>0</v>
      </c>
      <c r="T22" s="623"/>
      <c r="U22" s="622">
        <v>4</v>
      </c>
      <c r="V22" s="550"/>
      <c r="W22" s="603"/>
    </row>
    <row r="23" spans="1:23" s="624" customFormat="1" ht="11.25" customHeight="1" x14ac:dyDescent="0.2">
      <c r="A23" s="582"/>
      <c r="B23" s="11" t="s">
        <v>417</v>
      </c>
      <c r="C23" s="11"/>
      <c r="D23" s="582"/>
      <c r="E23" s="582"/>
      <c r="F23" s="586" t="s">
        <v>79</v>
      </c>
      <c r="G23" s="621" t="s">
        <v>74</v>
      </c>
      <c r="H23" s="618"/>
      <c r="I23" s="622">
        <v>104</v>
      </c>
      <c r="J23" s="470"/>
      <c r="K23" s="622">
        <v>0</v>
      </c>
      <c r="L23" s="622"/>
      <c r="M23" s="622">
        <v>104</v>
      </c>
      <c r="N23" s="598"/>
      <c r="O23" s="622">
        <v>27</v>
      </c>
      <c r="P23" s="622"/>
      <c r="Q23" s="622">
        <v>60</v>
      </c>
      <c r="R23" s="622"/>
      <c r="S23" s="622">
        <v>0</v>
      </c>
      <c r="T23" s="623"/>
      <c r="U23" s="622">
        <v>17</v>
      </c>
      <c r="V23" s="550"/>
      <c r="W23" s="603"/>
    </row>
    <row r="24" spans="1:23" s="624" customFormat="1" ht="11.25" customHeight="1" x14ac:dyDescent="0.2">
      <c r="A24" s="582"/>
      <c r="B24" s="11" t="s">
        <v>418</v>
      </c>
      <c r="C24" s="11"/>
      <c r="D24" s="582"/>
      <c r="E24" s="582"/>
      <c r="F24" s="586"/>
      <c r="G24" s="621"/>
      <c r="H24" s="618"/>
      <c r="I24" s="622"/>
      <c r="J24" s="470"/>
      <c r="K24" s="622"/>
      <c r="L24" s="622"/>
      <c r="M24" s="622"/>
      <c r="N24" s="598"/>
      <c r="O24" s="622"/>
      <c r="P24" s="622"/>
      <c r="Q24" s="622"/>
      <c r="R24" s="622"/>
      <c r="S24" s="622"/>
      <c r="T24" s="623"/>
      <c r="U24" s="622"/>
      <c r="V24" s="550"/>
    </row>
    <row r="25" spans="1:23" ht="11.25" customHeight="1" x14ac:dyDescent="0.2">
      <c r="A25" s="582"/>
      <c r="B25" s="582"/>
      <c r="C25" s="582" t="s">
        <v>419</v>
      </c>
      <c r="D25" s="582"/>
      <c r="E25" s="582"/>
      <c r="F25" s="586"/>
      <c r="G25" s="625"/>
      <c r="H25" s="618"/>
      <c r="I25" s="622"/>
      <c r="J25" s="470"/>
      <c r="K25" s="622"/>
      <c r="L25" s="622"/>
      <c r="M25" s="622"/>
      <c r="N25" s="598"/>
      <c r="O25" s="622"/>
      <c r="P25" s="622"/>
      <c r="Q25" s="622"/>
      <c r="R25" s="622"/>
      <c r="S25" s="622"/>
      <c r="T25" s="622"/>
      <c r="U25" s="622"/>
    </row>
    <row r="26" spans="1:23" ht="11.25" customHeight="1" x14ac:dyDescent="0.2">
      <c r="A26" s="582"/>
      <c r="B26" s="582"/>
      <c r="C26" s="582" t="s">
        <v>420</v>
      </c>
      <c r="D26" s="582"/>
      <c r="E26" s="582"/>
      <c r="F26" s="586" t="s">
        <v>79</v>
      </c>
      <c r="G26" s="625" t="s">
        <v>75</v>
      </c>
      <c r="H26" s="618"/>
      <c r="I26" s="622">
        <v>31</v>
      </c>
      <c r="J26" s="600"/>
      <c r="K26" s="622">
        <v>49</v>
      </c>
      <c r="L26" s="619"/>
      <c r="M26" s="622">
        <v>80</v>
      </c>
      <c r="N26" s="598"/>
      <c r="O26" s="622">
        <v>12</v>
      </c>
      <c r="P26" s="622"/>
      <c r="Q26" s="622">
        <v>0</v>
      </c>
      <c r="R26" s="622"/>
      <c r="S26" s="622">
        <v>32</v>
      </c>
      <c r="T26" s="622"/>
      <c r="U26" s="622">
        <v>36</v>
      </c>
    </row>
    <row r="27" spans="1:23" ht="11.25" customHeight="1" x14ac:dyDescent="0.2">
      <c r="A27" s="582"/>
      <c r="B27" s="582" t="s">
        <v>421</v>
      </c>
      <c r="C27" s="582"/>
      <c r="D27" s="582"/>
      <c r="E27" s="582"/>
      <c r="F27" s="586"/>
      <c r="G27" s="625"/>
      <c r="H27" s="618"/>
      <c r="I27" s="622"/>
      <c r="J27" s="600"/>
      <c r="K27" s="622"/>
      <c r="L27" s="619"/>
      <c r="M27" s="622"/>
      <c r="N27" s="598"/>
      <c r="O27" s="622"/>
      <c r="P27" s="622"/>
      <c r="Q27" s="622"/>
      <c r="R27" s="622"/>
      <c r="S27" s="622"/>
      <c r="T27" s="622"/>
      <c r="U27" s="622"/>
    </row>
    <row r="28" spans="1:23" ht="11.25" customHeight="1" x14ac:dyDescent="0.2">
      <c r="A28" s="582"/>
      <c r="B28" s="582"/>
      <c r="C28" s="11" t="s">
        <v>422</v>
      </c>
      <c r="D28" s="582"/>
      <c r="E28" s="582"/>
      <c r="F28" s="586" t="s">
        <v>79</v>
      </c>
      <c r="G28" s="625" t="s">
        <v>76</v>
      </c>
      <c r="H28" s="618"/>
      <c r="I28" s="622">
        <v>50</v>
      </c>
      <c r="J28" s="600"/>
      <c r="K28" s="622">
        <v>76</v>
      </c>
      <c r="L28" s="619"/>
      <c r="M28" s="622">
        <v>126</v>
      </c>
      <c r="N28" s="598"/>
      <c r="O28" s="622">
        <v>45</v>
      </c>
      <c r="P28" s="622"/>
      <c r="Q28" s="622">
        <v>0</v>
      </c>
      <c r="R28" s="622"/>
      <c r="S28" s="622">
        <v>45</v>
      </c>
      <c r="T28" s="622"/>
      <c r="U28" s="622">
        <v>36</v>
      </c>
    </row>
    <row r="29" spans="1:23" ht="11.25" customHeight="1" x14ac:dyDescent="0.2">
      <c r="A29" s="582"/>
      <c r="B29" s="626" t="s">
        <v>423</v>
      </c>
      <c r="C29" s="626"/>
      <c r="D29" s="626"/>
      <c r="E29" s="626"/>
      <c r="F29" s="627"/>
      <c r="G29" s="628"/>
      <c r="H29" s="629"/>
      <c r="I29" s="630"/>
      <c r="J29" s="631"/>
      <c r="K29" s="622"/>
      <c r="L29" s="632"/>
      <c r="M29" s="630"/>
      <c r="N29" s="633"/>
      <c r="O29" s="634"/>
      <c r="P29" s="630"/>
      <c r="Q29" s="630"/>
      <c r="R29" s="630"/>
      <c r="S29" s="630"/>
      <c r="T29" s="630"/>
      <c r="U29" s="630"/>
    </row>
    <row r="30" spans="1:23" ht="11.25" customHeight="1" x14ac:dyDescent="0.2">
      <c r="A30" s="582"/>
      <c r="B30" s="626"/>
      <c r="C30" s="626" t="s">
        <v>424</v>
      </c>
      <c r="D30" s="626"/>
      <c r="E30" s="626"/>
      <c r="F30" s="627" t="s">
        <v>79</v>
      </c>
      <c r="G30" s="628" t="s">
        <v>77</v>
      </c>
      <c r="H30" s="629"/>
      <c r="I30" s="630">
        <v>0</v>
      </c>
      <c r="J30" s="631"/>
      <c r="K30" s="630">
        <v>78</v>
      </c>
      <c r="L30" s="632"/>
      <c r="M30" s="630">
        <v>78</v>
      </c>
      <c r="N30" s="633"/>
      <c r="O30" s="630">
        <v>66</v>
      </c>
      <c r="P30" s="630"/>
      <c r="Q30" s="630">
        <v>0</v>
      </c>
      <c r="R30" s="630"/>
      <c r="S30" s="630">
        <v>0</v>
      </c>
      <c r="T30" s="630"/>
      <c r="U30" s="630">
        <v>12</v>
      </c>
      <c r="W30" s="551" t="s">
        <v>425</v>
      </c>
    </row>
    <row r="31" spans="1:23" ht="11.25" x14ac:dyDescent="0.2">
      <c r="A31" s="582"/>
      <c r="B31" s="582"/>
      <c r="C31" s="582" t="s">
        <v>426</v>
      </c>
      <c r="D31" s="582"/>
      <c r="E31" s="582"/>
      <c r="F31" s="586" t="s">
        <v>79</v>
      </c>
      <c r="G31" s="625" t="s">
        <v>79</v>
      </c>
      <c r="H31" s="618"/>
      <c r="I31" s="619">
        <v>200</v>
      </c>
      <c r="J31" s="619"/>
      <c r="K31" s="619">
        <v>207</v>
      </c>
      <c r="L31" s="619"/>
      <c r="M31" s="619">
        <v>407</v>
      </c>
      <c r="N31" s="598"/>
      <c r="O31" s="619">
        <v>165</v>
      </c>
      <c r="P31" s="619"/>
      <c r="Q31" s="619">
        <v>60</v>
      </c>
      <c r="R31" s="619"/>
      <c r="S31" s="619">
        <v>77</v>
      </c>
      <c r="T31" s="619"/>
      <c r="U31" s="619">
        <v>105</v>
      </c>
    </row>
    <row r="32" spans="1:23" ht="3" customHeight="1" x14ac:dyDescent="0.2">
      <c r="A32" s="583"/>
      <c r="B32" s="583"/>
      <c r="C32" s="583"/>
      <c r="D32" s="583"/>
      <c r="E32" s="583"/>
      <c r="F32" s="583"/>
      <c r="G32" s="583"/>
      <c r="H32" s="583"/>
      <c r="I32" s="583"/>
      <c r="J32" s="583"/>
      <c r="K32" s="583"/>
      <c r="L32" s="583"/>
      <c r="M32" s="583"/>
      <c r="N32" s="598"/>
      <c r="O32" s="583"/>
      <c r="P32" s="583"/>
      <c r="Q32" s="583"/>
      <c r="R32" s="583"/>
      <c r="S32" s="583"/>
      <c r="T32" s="583"/>
      <c r="U32" s="583"/>
    </row>
    <row r="33" spans="1:23" ht="11.45" customHeight="1" x14ac:dyDescent="0.2">
      <c r="A33" s="635" t="s">
        <v>427</v>
      </c>
      <c r="B33" s="636"/>
      <c r="C33" s="636"/>
      <c r="D33" s="636"/>
      <c r="E33" s="636"/>
      <c r="F33" s="637"/>
      <c r="G33" s="638"/>
      <c r="H33" s="639"/>
      <c r="I33" s="637"/>
      <c r="J33" s="640"/>
      <c r="K33" s="641"/>
      <c r="L33" s="641"/>
      <c r="M33" s="641"/>
      <c r="N33" s="598"/>
      <c r="O33" s="641"/>
      <c r="P33" s="641"/>
      <c r="Q33" s="641"/>
      <c r="R33" s="641"/>
      <c r="S33" s="641"/>
      <c r="T33" s="641"/>
      <c r="U33" s="641"/>
    </row>
    <row r="34" spans="1:23" s="603" customFormat="1" ht="11.25" customHeight="1" x14ac:dyDescent="0.2">
      <c r="A34" s="582"/>
      <c r="B34" s="11" t="s">
        <v>428</v>
      </c>
      <c r="C34" s="582"/>
      <c r="D34" s="582"/>
      <c r="E34" s="582"/>
      <c r="F34" s="586" t="s">
        <v>79</v>
      </c>
      <c r="G34" s="642" t="s">
        <v>429</v>
      </c>
      <c r="H34" s="618"/>
      <c r="I34" s="622">
        <v>48</v>
      </c>
      <c r="J34" s="470"/>
      <c r="K34" s="622">
        <v>2</v>
      </c>
      <c r="L34" s="619"/>
      <c r="M34" s="622">
        <v>50</v>
      </c>
      <c r="N34" s="598"/>
      <c r="O34" s="619">
        <v>31</v>
      </c>
      <c r="P34" s="619"/>
      <c r="Q34" s="619">
        <v>0</v>
      </c>
      <c r="R34" s="619"/>
      <c r="S34" s="619">
        <v>0</v>
      </c>
      <c r="T34" s="620"/>
      <c r="U34" s="619">
        <v>19</v>
      </c>
      <c r="V34" s="550"/>
    </row>
    <row r="35" spans="1:23" s="603" customFormat="1" ht="11.25" customHeight="1" x14ac:dyDescent="0.2">
      <c r="A35" s="582"/>
      <c r="B35" s="11" t="s">
        <v>430</v>
      </c>
      <c r="C35" s="582"/>
      <c r="D35" s="582"/>
      <c r="E35" s="582"/>
      <c r="F35" s="586"/>
      <c r="G35" s="643"/>
      <c r="H35" s="618"/>
      <c r="I35" s="622"/>
      <c r="J35" s="470"/>
      <c r="K35" s="622"/>
      <c r="L35" s="619"/>
      <c r="M35" s="622"/>
      <c r="N35" s="598"/>
      <c r="O35" s="619"/>
      <c r="P35" s="619"/>
      <c r="Q35" s="619"/>
      <c r="R35" s="619"/>
      <c r="S35" s="619"/>
      <c r="T35" s="620"/>
      <c r="U35" s="619"/>
      <c r="V35" s="550"/>
    </row>
    <row r="36" spans="1:23" s="624" customFormat="1" ht="11.25" customHeight="1" x14ac:dyDescent="0.2">
      <c r="A36" s="582"/>
      <c r="B36" s="11" t="s">
        <v>416</v>
      </c>
      <c r="C36" s="582"/>
      <c r="D36" s="582"/>
      <c r="E36" s="582"/>
      <c r="F36" s="586" t="s">
        <v>79</v>
      </c>
      <c r="G36" s="642" t="s">
        <v>75</v>
      </c>
      <c r="H36" s="618"/>
      <c r="I36" s="622">
        <v>160</v>
      </c>
      <c r="J36" s="470"/>
      <c r="K36" s="622">
        <v>34</v>
      </c>
      <c r="L36" s="619"/>
      <c r="M36" s="622">
        <v>194</v>
      </c>
      <c r="N36" s="598"/>
      <c r="O36" s="619">
        <v>174</v>
      </c>
      <c r="P36" s="619"/>
      <c r="Q36" s="619">
        <v>0</v>
      </c>
      <c r="R36" s="619"/>
      <c r="S36" s="619">
        <v>0</v>
      </c>
      <c r="T36" s="620"/>
      <c r="U36" s="619">
        <v>20</v>
      </c>
      <c r="V36" s="550"/>
    </row>
    <row r="37" spans="1:23" s="624" customFormat="1" ht="11.25" customHeight="1" x14ac:dyDescent="0.2">
      <c r="A37" s="582"/>
      <c r="B37" s="11" t="s">
        <v>417</v>
      </c>
      <c r="C37" s="11"/>
      <c r="D37" s="582"/>
      <c r="E37" s="582"/>
      <c r="F37" s="586" t="s">
        <v>79</v>
      </c>
      <c r="G37" s="644" t="s">
        <v>431</v>
      </c>
      <c r="H37" s="618"/>
      <c r="I37" s="622">
        <v>318</v>
      </c>
      <c r="J37" s="470"/>
      <c r="K37" s="622">
        <v>0</v>
      </c>
      <c r="L37" s="619"/>
      <c r="M37" s="622">
        <v>318</v>
      </c>
      <c r="N37" s="598"/>
      <c r="O37" s="619">
        <v>139</v>
      </c>
      <c r="P37" s="619"/>
      <c r="Q37" s="619">
        <v>179</v>
      </c>
      <c r="R37" s="619"/>
      <c r="S37" s="619">
        <v>0</v>
      </c>
      <c r="T37" s="620"/>
      <c r="U37" s="619">
        <v>0</v>
      </c>
      <c r="V37" s="550"/>
    </row>
    <row r="38" spans="1:23" s="603" customFormat="1" ht="11.25" customHeight="1" x14ac:dyDescent="0.2">
      <c r="A38" s="582"/>
      <c r="B38" s="11" t="s">
        <v>432</v>
      </c>
      <c r="C38" s="582"/>
      <c r="D38" s="582"/>
      <c r="E38" s="582"/>
      <c r="F38" s="586" t="s">
        <v>79</v>
      </c>
      <c r="G38" s="592"/>
      <c r="H38" s="582"/>
      <c r="I38" s="592"/>
      <c r="J38" s="582"/>
      <c r="K38" s="622"/>
      <c r="L38" s="582"/>
      <c r="M38" s="592"/>
      <c r="N38" s="598"/>
      <c r="O38" s="619"/>
      <c r="P38" s="582"/>
      <c r="Q38" s="582"/>
      <c r="R38" s="582"/>
      <c r="S38" s="582"/>
      <c r="T38" s="582"/>
      <c r="U38" s="582"/>
      <c r="V38" s="550"/>
    </row>
    <row r="39" spans="1:23" s="603" customFormat="1" ht="11.25" customHeight="1" x14ac:dyDescent="0.2">
      <c r="A39" s="582"/>
      <c r="B39" s="11"/>
      <c r="C39" s="11" t="s">
        <v>433</v>
      </c>
      <c r="D39" s="582"/>
      <c r="E39" s="582"/>
      <c r="F39" s="586" t="s">
        <v>79</v>
      </c>
      <c r="G39" s="642" t="s">
        <v>429</v>
      </c>
      <c r="H39" s="618"/>
      <c r="I39" s="622">
        <v>60</v>
      </c>
      <c r="J39" s="470"/>
      <c r="K39" s="622">
        <v>3</v>
      </c>
      <c r="L39" s="619"/>
      <c r="M39" s="622">
        <v>63</v>
      </c>
      <c r="N39" s="598"/>
      <c r="O39" s="619">
        <v>38</v>
      </c>
      <c r="P39" s="619"/>
      <c r="Q39" s="619">
        <v>0</v>
      </c>
      <c r="R39" s="619"/>
      <c r="S39" s="619">
        <v>0</v>
      </c>
      <c r="T39" s="620"/>
      <c r="U39" s="622">
        <v>25</v>
      </c>
      <c r="V39" s="550"/>
      <c r="W39" s="603" t="s">
        <v>434</v>
      </c>
    </row>
    <row r="40" spans="1:23" s="603" customFormat="1" ht="11.25" customHeight="1" x14ac:dyDescent="0.2">
      <c r="A40" s="600"/>
      <c r="B40" s="600" t="s">
        <v>435</v>
      </c>
      <c r="C40" s="600"/>
      <c r="D40" s="470"/>
      <c r="E40" s="470"/>
      <c r="F40" s="618" t="s">
        <v>79</v>
      </c>
      <c r="G40" s="642" t="s">
        <v>436</v>
      </c>
      <c r="H40" s="618"/>
      <c r="I40" s="622">
        <v>1</v>
      </c>
      <c r="J40" s="470"/>
      <c r="K40" s="622">
        <v>416</v>
      </c>
      <c r="L40" s="622"/>
      <c r="M40" s="622">
        <v>417</v>
      </c>
      <c r="N40" s="598"/>
      <c r="O40" s="619">
        <v>202</v>
      </c>
      <c r="P40" s="622"/>
      <c r="Q40" s="622">
        <v>0</v>
      </c>
      <c r="R40" s="622"/>
      <c r="S40" s="622">
        <v>0</v>
      </c>
      <c r="T40" s="623"/>
      <c r="U40" s="622">
        <v>215</v>
      </c>
      <c r="V40" s="550"/>
    </row>
    <row r="41" spans="1:23" s="603" customFormat="1" ht="11.25" customHeight="1" x14ac:dyDescent="0.2">
      <c r="A41" s="600"/>
      <c r="B41" s="600" t="s">
        <v>437</v>
      </c>
      <c r="C41" s="600"/>
      <c r="D41" s="470"/>
      <c r="E41" s="470"/>
      <c r="F41" s="618" t="s">
        <v>79</v>
      </c>
      <c r="G41" s="642"/>
      <c r="H41" s="618"/>
      <c r="I41" s="622"/>
      <c r="J41" s="470"/>
      <c r="K41" s="622"/>
      <c r="L41" s="622"/>
      <c r="M41" s="622"/>
      <c r="N41" s="598"/>
      <c r="O41" s="619"/>
      <c r="P41" s="622"/>
      <c r="Q41" s="622"/>
      <c r="R41" s="622"/>
      <c r="S41" s="622"/>
      <c r="T41" s="623"/>
      <c r="U41" s="622"/>
      <c r="V41" s="550"/>
    </row>
    <row r="42" spans="1:23" s="624" customFormat="1" ht="11.25" customHeight="1" x14ac:dyDescent="0.2">
      <c r="A42" s="600"/>
      <c r="B42" s="600"/>
      <c r="C42" s="11" t="s">
        <v>438</v>
      </c>
      <c r="D42" s="470"/>
      <c r="E42" s="470"/>
      <c r="F42" s="618" t="s">
        <v>79</v>
      </c>
      <c r="G42" s="642" t="s">
        <v>407</v>
      </c>
      <c r="H42" s="618"/>
      <c r="I42" s="622">
        <v>2</v>
      </c>
      <c r="J42" s="470"/>
      <c r="K42" s="622">
        <v>100</v>
      </c>
      <c r="L42" s="622"/>
      <c r="M42" s="622">
        <v>102</v>
      </c>
      <c r="N42" s="598"/>
      <c r="O42" s="619">
        <v>35</v>
      </c>
      <c r="P42" s="622"/>
      <c r="Q42" s="622">
        <v>0</v>
      </c>
      <c r="R42" s="622"/>
      <c r="S42" s="622">
        <v>0</v>
      </c>
      <c r="T42" s="623"/>
      <c r="U42" s="622">
        <v>67</v>
      </c>
      <c r="V42" s="645"/>
    </row>
    <row r="43" spans="1:23" s="603" customFormat="1" ht="11.25" customHeight="1" x14ac:dyDescent="0.2">
      <c r="A43" s="582"/>
      <c r="B43" s="11" t="s">
        <v>439</v>
      </c>
      <c r="C43" s="582"/>
      <c r="D43" s="582"/>
      <c r="E43" s="582"/>
      <c r="F43" s="586" t="s">
        <v>440</v>
      </c>
      <c r="G43" s="642"/>
      <c r="H43" s="618"/>
      <c r="I43" s="622"/>
      <c r="J43" s="470"/>
      <c r="K43" s="622"/>
      <c r="L43" s="619"/>
      <c r="M43" s="622"/>
      <c r="N43" s="598"/>
      <c r="O43" s="619"/>
      <c r="P43" s="619"/>
      <c r="Q43" s="619"/>
      <c r="R43" s="619"/>
      <c r="S43" s="619"/>
      <c r="T43" s="620"/>
      <c r="U43" s="622"/>
      <c r="V43" s="550"/>
    </row>
    <row r="44" spans="1:23" s="603" customFormat="1" ht="11.25" customHeight="1" x14ac:dyDescent="0.2">
      <c r="A44" s="582"/>
      <c r="B44" s="11" t="s">
        <v>416</v>
      </c>
      <c r="C44" s="582"/>
      <c r="D44" s="582"/>
      <c r="E44" s="582"/>
      <c r="F44" s="586" t="s">
        <v>79</v>
      </c>
      <c r="G44" s="642" t="s">
        <v>74</v>
      </c>
      <c r="H44" s="618"/>
      <c r="I44" s="622">
        <v>76</v>
      </c>
      <c r="J44" s="470"/>
      <c r="K44" s="622">
        <v>50</v>
      </c>
      <c r="L44" s="619"/>
      <c r="M44" s="622">
        <v>126</v>
      </c>
      <c r="N44" s="598"/>
      <c r="O44" s="619">
        <v>73</v>
      </c>
      <c r="P44" s="619"/>
      <c r="Q44" s="619">
        <v>0</v>
      </c>
      <c r="R44" s="619"/>
      <c r="S44" s="619">
        <v>0</v>
      </c>
      <c r="T44" s="620"/>
      <c r="U44" s="622">
        <v>53</v>
      </c>
      <c r="V44" s="550"/>
    </row>
    <row r="45" spans="1:23" s="603" customFormat="1" ht="11.25" customHeight="1" x14ac:dyDescent="0.2">
      <c r="A45" s="582"/>
      <c r="B45" s="11" t="s">
        <v>417</v>
      </c>
      <c r="C45" s="11"/>
      <c r="D45" s="582"/>
      <c r="E45" s="582"/>
      <c r="F45" s="586" t="s">
        <v>440</v>
      </c>
      <c r="G45" s="642" t="s">
        <v>74</v>
      </c>
      <c r="H45" s="618"/>
      <c r="I45" s="622">
        <v>475</v>
      </c>
      <c r="J45" s="470"/>
      <c r="K45" s="622">
        <v>5</v>
      </c>
      <c r="L45" s="619"/>
      <c r="M45" s="622">
        <v>480</v>
      </c>
      <c r="N45" s="598"/>
      <c r="O45" s="619">
        <v>60</v>
      </c>
      <c r="P45" s="619"/>
      <c r="Q45" s="619">
        <v>232</v>
      </c>
      <c r="R45" s="619"/>
      <c r="S45" s="619">
        <v>0</v>
      </c>
      <c r="T45" s="620"/>
      <c r="U45" s="622">
        <v>188</v>
      </c>
      <c r="V45" s="550"/>
    </row>
    <row r="46" spans="1:23" s="603" customFormat="1" ht="11.25" customHeight="1" x14ac:dyDescent="0.2">
      <c r="A46" s="582"/>
      <c r="B46" s="11" t="s">
        <v>441</v>
      </c>
      <c r="C46" s="582"/>
      <c r="D46" s="582"/>
      <c r="E46" s="582"/>
      <c r="F46" s="586"/>
      <c r="G46" s="643"/>
      <c r="H46" s="618"/>
      <c r="I46" s="622"/>
      <c r="J46" s="470"/>
      <c r="K46" s="622"/>
      <c r="L46" s="619"/>
      <c r="M46" s="622"/>
      <c r="N46" s="598"/>
      <c r="O46" s="619"/>
      <c r="P46" s="619"/>
      <c r="Q46" s="619"/>
      <c r="R46" s="619"/>
      <c r="S46" s="619"/>
      <c r="T46" s="620"/>
      <c r="U46" s="622"/>
      <c r="V46" s="550"/>
    </row>
    <row r="47" spans="1:23" s="603" customFormat="1" ht="11.25" customHeight="1" x14ac:dyDescent="0.2">
      <c r="A47" s="582"/>
      <c r="B47" s="11" t="s">
        <v>416</v>
      </c>
      <c r="C47" s="582"/>
      <c r="D47" s="582"/>
      <c r="E47" s="582"/>
      <c r="F47" s="586" t="s">
        <v>79</v>
      </c>
      <c r="G47" s="642" t="s">
        <v>75</v>
      </c>
      <c r="H47" s="618"/>
      <c r="I47" s="622">
        <v>157</v>
      </c>
      <c r="J47" s="470"/>
      <c r="K47" s="622">
        <v>91</v>
      </c>
      <c r="L47" s="619"/>
      <c r="M47" s="622">
        <v>248</v>
      </c>
      <c r="N47" s="598"/>
      <c r="O47" s="619">
        <v>213</v>
      </c>
      <c r="P47" s="619"/>
      <c r="Q47" s="619">
        <v>0</v>
      </c>
      <c r="R47" s="619"/>
      <c r="S47" s="619">
        <v>0</v>
      </c>
      <c r="T47" s="620"/>
      <c r="U47" s="622">
        <v>35</v>
      </c>
      <c r="V47" s="550"/>
    </row>
    <row r="48" spans="1:23" s="603" customFormat="1" ht="11.25" customHeight="1" x14ac:dyDescent="0.2">
      <c r="A48" s="582"/>
      <c r="B48" s="11" t="s">
        <v>417</v>
      </c>
      <c r="C48" s="11"/>
      <c r="D48" s="582"/>
      <c r="E48" s="582"/>
      <c r="F48" s="586" t="s">
        <v>79</v>
      </c>
      <c r="G48" s="642" t="s">
        <v>442</v>
      </c>
      <c r="H48" s="618"/>
      <c r="I48" s="622">
        <v>133</v>
      </c>
      <c r="J48" s="470"/>
      <c r="K48" s="622">
        <v>0</v>
      </c>
      <c r="L48" s="619"/>
      <c r="M48" s="622">
        <v>133</v>
      </c>
      <c r="N48" s="598"/>
      <c r="O48" s="619">
        <v>4</v>
      </c>
      <c r="P48" s="619"/>
      <c r="Q48" s="619">
        <v>79</v>
      </c>
      <c r="R48" s="619"/>
      <c r="S48" s="619">
        <v>0</v>
      </c>
      <c r="T48" s="620"/>
      <c r="U48" s="622">
        <v>50</v>
      </c>
      <c r="V48" s="550"/>
    </row>
    <row r="49" spans="1:115" s="603" customFormat="1" ht="11.25" customHeight="1" x14ac:dyDescent="0.2">
      <c r="A49" s="582"/>
      <c r="B49" s="11" t="s">
        <v>443</v>
      </c>
      <c r="C49" s="11"/>
      <c r="D49" s="582"/>
      <c r="E49" s="582"/>
      <c r="F49" s="586" t="s">
        <v>79</v>
      </c>
      <c r="G49" s="642"/>
      <c r="H49" s="618"/>
      <c r="I49" s="622"/>
      <c r="J49" s="470"/>
      <c r="K49" s="622"/>
      <c r="L49" s="619"/>
      <c r="M49" s="622"/>
      <c r="N49" s="598"/>
      <c r="O49" s="619"/>
      <c r="P49" s="619"/>
      <c r="Q49" s="619"/>
      <c r="R49" s="619"/>
      <c r="S49" s="619"/>
      <c r="T49" s="620"/>
      <c r="U49" s="622"/>
      <c r="V49" s="550"/>
    </row>
    <row r="50" spans="1:115" s="603" customFormat="1" ht="11.25" customHeight="1" x14ac:dyDescent="0.2">
      <c r="A50" s="582"/>
      <c r="B50" s="646"/>
      <c r="C50" s="11" t="s">
        <v>444</v>
      </c>
      <c r="D50" s="582"/>
      <c r="E50" s="582"/>
      <c r="F50" s="586" t="s">
        <v>79</v>
      </c>
      <c r="G50" s="642" t="s">
        <v>74</v>
      </c>
      <c r="H50" s="618"/>
      <c r="I50" s="622">
        <v>71</v>
      </c>
      <c r="J50" s="470"/>
      <c r="K50" s="622">
        <v>11</v>
      </c>
      <c r="L50" s="619"/>
      <c r="M50" s="622">
        <v>82</v>
      </c>
      <c r="N50" s="598"/>
      <c r="O50" s="619">
        <v>57</v>
      </c>
      <c r="P50" s="619"/>
      <c r="Q50" s="619">
        <v>0</v>
      </c>
      <c r="R50" s="619"/>
      <c r="S50" s="619">
        <v>0</v>
      </c>
      <c r="T50" s="620"/>
      <c r="U50" s="622">
        <v>25</v>
      </c>
      <c r="V50" s="550"/>
    </row>
    <row r="51" spans="1:115" s="603" customFormat="1" ht="11.25" customHeight="1" x14ac:dyDescent="0.2">
      <c r="A51" s="582"/>
      <c r="B51" s="11" t="s">
        <v>445</v>
      </c>
      <c r="C51" s="582"/>
      <c r="D51" s="582"/>
      <c r="E51" s="582"/>
      <c r="F51" s="586" t="s">
        <v>79</v>
      </c>
      <c r="G51" s="642"/>
      <c r="H51" s="618"/>
      <c r="I51" s="622"/>
      <c r="J51" s="470"/>
      <c r="K51" s="622"/>
      <c r="L51" s="619"/>
      <c r="M51" s="622"/>
      <c r="N51" s="598"/>
      <c r="O51" s="619"/>
      <c r="P51" s="619"/>
      <c r="Q51" s="619"/>
      <c r="R51" s="619"/>
      <c r="S51" s="619"/>
      <c r="T51" s="620"/>
      <c r="U51" s="622"/>
      <c r="V51" s="550"/>
    </row>
    <row r="52" spans="1:115" s="603" customFormat="1" ht="11.25" customHeight="1" x14ac:dyDescent="0.2">
      <c r="A52" s="582"/>
      <c r="B52" s="11" t="s">
        <v>416</v>
      </c>
      <c r="C52" s="582"/>
      <c r="D52" s="582"/>
      <c r="E52" s="582"/>
      <c r="F52" s="586" t="s">
        <v>79</v>
      </c>
      <c r="G52" s="642" t="s">
        <v>76</v>
      </c>
      <c r="H52" s="618"/>
      <c r="I52" s="622">
        <v>199</v>
      </c>
      <c r="J52" s="470"/>
      <c r="K52" s="622">
        <v>108</v>
      </c>
      <c r="L52" s="619"/>
      <c r="M52" s="622">
        <v>307</v>
      </c>
      <c r="N52" s="598"/>
      <c r="O52" s="619">
        <v>177</v>
      </c>
      <c r="P52" s="619"/>
      <c r="Q52" s="619">
        <v>0</v>
      </c>
      <c r="R52" s="619"/>
      <c r="S52" s="619">
        <v>0</v>
      </c>
      <c r="T52" s="620"/>
      <c r="U52" s="622">
        <v>130</v>
      </c>
      <c r="V52" s="550"/>
    </row>
    <row r="53" spans="1:115" s="603" customFormat="1" ht="11.25" customHeight="1" x14ac:dyDescent="0.2">
      <c r="A53" s="582"/>
      <c r="B53" s="11" t="s">
        <v>417</v>
      </c>
      <c r="C53" s="11"/>
      <c r="D53" s="582"/>
      <c r="E53" s="582"/>
      <c r="F53" s="586" t="s">
        <v>79</v>
      </c>
      <c r="G53" s="642" t="s">
        <v>74</v>
      </c>
      <c r="H53" s="618"/>
      <c r="I53" s="622">
        <v>366</v>
      </c>
      <c r="J53" s="470"/>
      <c r="K53" s="622">
        <v>3</v>
      </c>
      <c r="L53" s="619"/>
      <c r="M53" s="622">
        <v>369</v>
      </c>
      <c r="N53" s="598"/>
      <c r="O53" s="619">
        <v>168</v>
      </c>
      <c r="P53" s="619"/>
      <c r="Q53" s="619">
        <v>187</v>
      </c>
      <c r="R53" s="619"/>
      <c r="S53" s="619">
        <v>0</v>
      </c>
      <c r="T53" s="620"/>
      <c r="U53" s="622">
        <v>14</v>
      </c>
      <c r="V53" s="550"/>
    </row>
    <row r="54" spans="1:115" s="603" customFormat="1" ht="11.25" customHeight="1" x14ac:dyDescent="0.2">
      <c r="A54" s="592"/>
      <c r="B54" s="601" t="s">
        <v>446</v>
      </c>
      <c r="C54" s="601"/>
      <c r="D54" s="592"/>
      <c r="E54" s="592"/>
      <c r="F54" s="618" t="s">
        <v>79</v>
      </c>
      <c r="G54" s="642"/>
      <c r="H54" s="618"/>
      <c r="I54" s="622"/>
      <c r="J54" s="470"/>
      <c r="K54" s="622"/>
      <c r="L54" s="622"/>
      <c r="M54" s="622"/>
      <c r="N54" s="598"/>
      <c r="O54" s="619"/>
      <c r="P54" s="622"/>
      <c r="Q54" s="622"/>
      <c r="R54" s="622"/>
      <c r="S54" s="622"/>
      <c r="T54" s="623"/>
      <c r="U54" s="622"/>
      <c r="V54" s="550"/>
    </row>
    <row r="55" spans="1:115" s="603" customFormat="1" ht="11.25" customHeight="1" x14ac:dyDescent="0.2">
      <c r="A55" s="592"/>
      <c r="B55" s="647"/>
      <c r="C55" s="601" t="s">
        <v>447</v>
      </c>
      <c r="D55" s="592"/>
      <c r="E55" s="592"/>
      <c r="F55" s="618" t="s">
        <v>79</v>
      </c>
      <c r="G55" s="642"/>
      <c r="H55" s="618"/>
      <c r="I55" s="622"/>
      <c r="J55" s="470"/>
      <c r="K55" s="622"/>
      <c r="L55" s="622"/>
      <c r="M55" s="622"/>
      <c r="N55" s="598"/>
      <c r="O55" s="619"/>
      <c r="P55" s="622"/>
      <c r="Q55" s="622"/>
      <c r="R55" s="622"/>
      <c r="S55" s="622"/>
      <c r="T55" s="623"/>
      <c r="U55" s="622"/>
      <c r="V55" s="550"/>
    </row>
    <row r="56" spans="1:115" s="603" customFormat="1" ht="11.25" customHeight="1" x14ac:dyDescent="0.2">
      <c r="A56" s="582"/>
      <c r="B56" s="11" t="s">
        <v>416</v>
      </c>
      <c r="C56" s="582"/>
      <c r="D56" s="582"/>
      <c r="E56" s="582"/>
      <c r="F56" s="586" t="s">
        <v>79</v>
      </c>
      <c r="G56" s="642" t="s">
        <v>407</v>
      </c>
      <c r="H56" s="618"/>
      <c r="I56" s="622">
        <v>29</v>
      </c>
      <c r="J56" s="470"/>
      <c r="K56" s="622">
        <v>51</v>
      </c>
      <c r="L56" s="619"/>
      <c r="M56" s="622">
        <v>80</v>
      </c>
      <c r="N56" s="598"/>
      <c r="O56" s="619">
        <v>22</v>
      </c>
      <c r="P56" s="619"/>
      <c r="Q56" s="619">
        <v>0</v>
      </c>
      <c r="R56" s="619"/>
      <c r="S56" s="619">
        <v>0</v>
      </c>
      <c r="T56" s="620"/>
      <c r="U56" s="622">
        <v>58</v>
      </c>
      <c r="V56" s="550"/>
    </row>
    <row r="57" spans="1:115" s="603" customFormat="1" ht="11.25" customHeight="1" x14ac:dyDescent="0.2">
      <c r="A57" s="582"/>
      <c r="B57" s="11" t="s">
        <v>417</v>
      </c>
      <c r="C57" s="11"/>
      <c r="D57" s="582"/>
      <c r="E57" s="582"/>
      <c r="F57" s="586" t="s">
        <v>79</v>
      </c>
      <c r="G57" s="642" t="s">
        <v>76</v>
      </c>
      <c r="H57" s="618"/>
      <c r="I57" s="622">
        <v>103</v>
      </c>
      <c r="J57" s="470"/>
      <c r="K57" s="622">
        <v>129</v>
      </c>
      <c r="L57" s="619"/>
      <c r="M57" s="622">
        <v>232</v>
      </c>
      <c r="N57" s="598"/>
      <c r="O57" s="619">
        <v>0</v>
      </c>
      <c r="P57" s="619"/>
      <c r="Q57" s="619">
        <v>139</v>
      </c>
      <c r="R57" s="619"/>
      <c r="S57" s="619">
        <v>0</v>
      </c>
      <c r="T57" s="620"/>
      <c r="U57" s="622">
        <v>93</v>
      </c>
      <c r="V57" s="550"/>
    </row>
    <row r="58" spans="1:115" s="603" customFormat="1" ht="11.25" customHeight="1" x14ac:dyDescent="0.2">
      <c r="A58" s="582"/>
      <c r="B58" s="601" t="s">
        <v>448</v>
      </c>
      <c r="C58" s="582"/>
      <c r="D58" s="582"/>
      <c r="E58" s="582"/>
      <c r="F58" s="586" t="s">
        <v>79</v>
      </c>
      <c r="G58" s="643" t="s">
        <v>76</v>
      </c>
      <c r="H58" s="618"/>
      <c r="I58" s="622">
        <v>59</v>
      </c>
      <c r="J58" s="470"/>
      <c r="K58" s="622">
        <v>200</v>
      </c>
      <c r="L58" s="619"/>
      <c r="M58" s="622">
        <v>259</v>
      </c>
      <c r="N58" s="598"/>
      <c r="O58" s="619">
        <v>250</v>
      </c>
      <c r="P58" s="619"/>
      <c r="Q58" s="619">
        <v>0</v>
      </c>
      <c r="R58" s="619"/>
      <c r="S58" s="619">
        <v>0</v>
      </c>
      <c r="T58" s="620"/>
      <c r="U58" s="622">
        <v>9</v>
      </c>
      <c r="V58" s="550"/>
      <c r="W58" s="603" t="s">
        <v>449</v>
      </c>
    </row>
    <row r="59" spans="1:115" s="603" customFormat="1" ht="11.25" customHeight="1" x14ac:dyDescent="0.2">
      <c r="A59" s="582"/>
      <c r="B59" s="601" t="s">
        <v>450</v>
      </c>
      <c r="C59" s="582"/>
      <c r="D59" s="582"/>
      <c r="E59" s="582"/>
      <c r="F59" s="586" t="s">
        <v>79</v>
      </c>
      <c r="G59" s="643" t="s">
        <v>451</v>
      </c>
      <c r="H59" s="618"/>
      <c r="I59" s="622">
        <v>1</v>
      </c>
      <c r="J59" s="470"/>
      <c r="K59" s="622">
        <v>1099</v>
      </c>
      <c r="L59" s="619"/>
      <c r="M59" s="596">
        <v>1100</v>
      </c>
      <c r="N59" s="598"/>
      <c r="O59" s="619">
        <v>1037</v>
      </c>
      <c r="P59" s="619"/>
      <c r="Q59" s="619">
        <v>0</v>
      </c>
      <c r="R59" s="619"/>
      <c r="S59" s="619">
        <v>0</v>
      </c>
      <c r="T59" s="620"/>
      <c r="U59" s="622">
        <v>63</v>
      </c>
      <c r="V59" s="550"/>
      <c r="W59" s="603" t="s">
        <v>452</v>
      </c>
    </row>
    <row r="60" spans="1:115" s="603" customFormat="1" ht="11.25" customHeight="1" x14ac:dyDescent="0.2">
      <c r="A60" s="582"/>
      <c r="B60" s="601" t="s">
        <v>453</v>
      </c>
      <c r="C60" s="582"/>
      <c r="D60" s="582"/>
      <c r="E60" s="582"/>
      <c r="F60" s="586" t="s">
        <v>79</v>
      </c>
      <c r="G60" s="643" t="s">
        <v>407</v>
      </c>
      <c r="H60" s="618"/>
      <c r="I60" s="622">
        <v>1</v>
      </c>
      <c r="J60" s="470"/>
      <c r="K60" s="622">
        <v>67</v>
      </c>
      <c r="L60" s="619"/>
      <c r="M60" s="596">
        <v>68</v>
      </c>
      <c r="N60" s="598"/>
      <c r="O60" s="619">
        <v>8</v>
      </c>
      <c r="P60" s="619"/>
      <c r="Q60" s="619">
        <v>0</v>
      </c>
      <c r="R60" s="619"/>
      <c r="S60" s="619">
        <v>0</v>
      </c>
      <c r="T60" s="620"/>
      <c r="U60" s="622">
        <v>60</v>
      </c>
      <c r="V60" s="550"/>
      <c r="W60" s="603" t="s">
        <v>452</v>
      </c>
    </row>
    <row r="61" spans="1:115" s="624" customFormat="1" ht="11.25" customHeight="1" x14ac:dyDescent="0.2">
      <c r="A61" s="582"/>
      <c r="B61" s="11" t="s">
        <v>454</v>
      </c>
      <c r="C61" s="582"/>
      <c r="D61" s="582"/>
      <c r="E61" s="582"/>
      <c r="F61" s="586" t="s">
        <v>79</v>
      </c>
      <c r="G61" s="625" t="s">
        <v>76</v>
      </c>
      <c r="H61" s="618"/>
      <c r="I61" s="622">
        <v>9</v>
      </c>
      <c r="J61" s="470"/>
      <c r="K61" s="622">
        <v>92</v>
      </c>
      <c r="L61" s="619"/>
      <c r="M61" s="619">
        <v>101</v>
      </c>
      <c r="N61" s="598"/>
      <c r="O61" s="619">
        <v>101</v>
      </c>
      <c r="P61" s="619"/>
      <c r="Q61" s="619">
        <v>0</v>
      </c>
      <c r="R61" s="619"/>
      <c r="S61" s="619">
        <v>0</v>
      </c>
      <c r="T61" s="620"/>
      <c r="U61" s="619">
        <v>0</v>
      </c>
      <c r="V61" s="550"/>
    </row>
    <row r="62" spans="1:115" s="603" customFormat="1" ht="11.25" customHeight="1" x14ac:dyDescent="0.2">
      <c r="A62" s="582"/>
      <c r="B62" s="11" t="s">
        <v>455</v>
      </c>
      <c r="C62" s="582"/>
      <c r="D62" s="582"/>
      <c r="E62" s="582"/>
      <c r="F62" s="586" t="s">
        <v>440</v>
      </c>
      <c r="G62" s="625" t="s">
        <v>456</v>
      </c>
      <c r="H62" s="618"/>
      <c r="I62" s="622">
        <v>233</v>
      </c>
      <c r="J62" s="470"/>
      <c r="K62" s="622">
        <v>247</v>
      </c>
      <c r="L62" s="619"/>
      <c r="M62" s="619">
        <v>480</v>
      </c>
      <c r="N62" s="598"/>
      <c r="O62" s="619">
        <v>480</v>
      </c>
      <c r="P62" s="619"/>
      <c r="Q62" s="619">
        <v>0</v>
      </c>
      <c r="R62" s="619"/>
      <c r="S62" s="619">
        <v>0</v>
      </c>
      <c r="T62" s="620"/>
      <c r="U62" s="619">
        <v>0</v>
      </c>
      <c r="V62" s="550"/>
      <c r="DK62" s="603" t="s">
        <v>457</v>
      </c>
    </row>
    <row r="63" spans="1:115" s="582" customFormat="1" ht="11.25" customHeight="1" x14ac:dyDescent="0.35">
      <c r="B63" s="11" t="s">
        <v>458</v>
      </c>
      <c r="F63" s="586" t="s">
        <v>79</v>
      </c>
      <c r="G63" s="625"/>
      <c r="H63" s="618"/>
      <c r="I63" s="648"/>
      <c r="J63" s="470"/>
      <c r="K63" s="622"/>
      <c r="L63" s="619"/>
      <c r="M63" s="649"/>
      <c r="N63" s="598"/>
      <c r="O63" s="619"/>
      <c r="P63" s="649"/>
      <c r="Q63" s="649"/>
      <c r="R63" s="649"/>
      <c r="S63" s="649"/>
      <c r="T63" s="650"/>
      <c r="U63" s="649"/>
      <c r="V63" s="596"/>
      <c r="W63" s="603"/>
    </row>
    <row r="64" spans="1:115" s="582" customFormat="1" ht="11.25" customHeight="1" x14ac:dyDescent="0.35">
      <c r="B64" s="11"/>
      <c r="C64" s="11" t="s">
        <v>459</v>
      </c>
      <c r="F64" s="586" t="s">
        <v>79</v>
      </c>
      <c r="G64" s="625" t="s">
        <v>77</v>
      </c>
      <c r="H64" s="618"/>
      <c r="I64" s="651">
        <v>85</v>
      </c>
      <c r="J64" s="652"/>
      <c r="K64" s="651">
        <v>15</v>
      </c>
      <c r="L64" s="649"/>
      <c r="M64" s="649">
        <v>100</v>
      </c>
      <c r="N64" s="598"/>
      <c r="O64" s="649">
        <v>0</v>
      </c>
      <c r="P64" s="649"/>
      <c r="Q64" s="649">
        <v>0</v>
      </c>
      <c r="R64" s="649"/>
      <c r="S64" s="649">
        <v>0</v>
      </c>
      <c r="T64" s="650"/>
      <c r="U64" s="649">
        <v>100</v>
      </c>
      <c r="V64" s="596"/>
      <c r="W64" s="603" t="s">
        <v>460</v>
      </c>
    </row>
    <row r="65" spans="1:22" ht="11.45" customHeight="1" x14ac:dyDescent="0.2">
      <c r="A65" s="582"/>
      <c r="B65" s="582"/>
      <c r="C65" s="11" t="s">
        <v>461</v>
      </c>
      <c r="D65" s="582"/>
      <c r="E65" s="582"/>
      <c r="F65" s="586" t="s">
        <v>79</v>
      </c>
      <c r="G65" s="625" t="s">
        <v>79</v>
      </c>
      <c r="H65" s="586"/>
      <c r="I65" s="619">
        <v>2586</v>
      </c>
      <c r="J65" s="619"/>
      <c r="K65" s="619">
        <v>2723</v>
      </c>
      <c r="L65" s="619"/>
      <c r="M65" s="619">
        <v>5309</v>
      </c>
      <c r="N65" s="598"/>
      <c r="O65" s="619">
        <v>3269</v>
      </c>
      <c r="P65" s="619"/>
      <c r="Q65" s="619">
        <v>816</v>
      </c>
      <c r="R65" s="619"/>
      <c r="S65" s="619">
        <v>0</v>
      </c>
      <c r="T65" s="619"/>
      <c r="U65" s="619">
        <v>1224</v>
      </c>
      <c r="V65" s="653"/>
    </row>
    <row r="66" spans="1:22" ht="3" customHeight="1" x14ac:dyDescent="0.2">
      <c r="A66" s="582"/>
      <c r="B66" s="582"/>
      <c r="C66" s="11"/>
      <c r="D66" s="582"/>
      <c r="E66" s="582"/>
      <c r="F66" s="586"/>
      <c r="G66" s="625"/>
      <c r="H66" s="586"/>
      <c r="I66" s="589"/>
      <c r="J66" s="582"/>
      <c r="K66" s="589"/>
      <c r="L66" s="589"/>
      <c r="M66" s="589"/>
      <c r="N66" s="598"/>
      <c r="O66" s="589"/>
      <c r="P66" s="589"/>
      <c r="Q66" s="589"/>
      <c r="R66" s="589"/>
      <c r="S66" s="589"/>
      <c r="T66" s="589"/>
      <c r="U66" s="589"/>
      <c r="V66" s="653"/>
    </row>
    <row r="67" spans="1:22" ht="2.4500000000000002" customHeight="1" x14ac:dyDescent="0.2">
      <c r="A67" s="614"/>
      <c r="B67" s="498"/>
      <c r="C67" s="654"/>
      <c r="D67" s="614"/>
      <c r="E67" s="614"/>
      <c r="F67" s="615"/>
      <c r="G67" s="655"/>
      <c r="H67" s="615"/>
      <c r="I67" s="656"/>
      <c r="J67" s="614"/>
      <c r="K67" s="656"/>
      <c r="L67" s="656"/>
      <c r="M67" s="656"/>
      <c r="N67" s="657"/>
      <c r="O67" s="656"/>
      <c r="P67" s="656"/>
      <c r="Q67" s="656"/>
      <c r="R67" s="656"/>
      <c r="S67" s="656"/>
      <c r="T67" s="656"/>
      <c r="U67" s="656"/>
    </row>
    <row r="68" spans="1:22" ht="16.5" customHeight="1" x14ac:dyDescent="0.2">
      <c r="A68" s="582"/>
      <c r="B68" s="11"/>
      <c r="C68" s="600"/>
      <c r="D68" s="582"/>
      <c r="E68" s="582"/>
      <c r="F68" s="586"/>
      <c r="G68" s="658"/>
      <c r="H68" s="586"/>
      <c r="I68" s="589"/>
      <c r="J68" s="582"/>
      <c r="K68" s="589"/>
      <c r="L68" s="589"/>
      <c r="M68" s="589"/>
      <c r="N68" s="589"/>
      <c r="O68" s="589"/>
      <c r="P68" s="589"/>
      <c r="Q68" s="589"/>
      <c r="R68" s="589"/>
      <c r="S68" s="589"/>
      <c r="T68" s="589"/>
      <c r="U68" s="589"/>
    </row>
    <row r="69" spans="1:22" x14ac:dyDescent="0.2">
      <c r="A69" s="223" t="s">
        <v>462</v>
      </c>
      <c r="B69" s="582"/>
      <c r="C69" s="11"/>
      <c r="D69" s="582"/>
      <c r="E69" s="582"/>
      <c r="F69" s="586"/>
      <c r="G69" s="625"/>
      <c r="H69" s="586"/>
      <c r="I69" s="589"/>
      <c r="J69" s="582"/>
      <c r="K69" s="589"/>
      <c r="L69" s="589"/>
      <c r="M69" s="659"/>
      <c r="N69" s="659"/>
      <c r="O69" s="659"/>
      <c r="P69" s="589"/>
      <c r="Q69" s="589"/>
      <c r="R69" s="589"/>
      <c r="S69" s="589"/>
      <c r="T69" s="589"/>
      <c r="U69" s="589"/>
      <c r="V69" s="653"/>
    </row>
    <row r="70" spans="1:22" ht="15" customHeight="1" x14ac:dyDescent="0.2">
      <c r="A70" s="552" t="s">
        <v>380</v>
      </c>
      <c r="N70" s="431"/>
    </row>
    <row r="71" spans="1:22" s="562" customFormat="1" ht="9.9499999999999993" customHeight="1" x14ac:dyDescent="0.2">
      <c r="A71" s="555"/>
      <c r="B71" s="555"/>
      <c r="C71" s="555"/>
      <c r="D71" s="555"/>
      <c r="E71" s="555"/>
      <c r="F71" s="556"/>
      <c r="G71" s="556"/>
      <c r="H71" s="556"/>
      <c r="I71" s="557" t="s">
        <v>381</v>
      </c>
      <c r="J71" s="555"/>
      <c r="K71" s="557" t="s">
        <v>382</v>
      </c>
      <c r="L71" s="556"/>
      <c r="M71" s="557" t="s">
        <v>383</v>
      </c>
      <c r="N71" s="558"/>
      <c r="O71" s="559"/>
      <c r="P71" s="560"/>
      <c r="Q71" s="559"/>
      <c r="R71" s="561" t="s">
        <v>384</v>
      </c>
      <c r="S71" s="559"/>
      <c r="T71" s="559"/>
      <c r="U71" s="559"/>
      <c r="V71" s="550"/>
    </row>
    <row r="72" spans="1:22" s="562" customFormat="1" ht="9.6" customHeight="1" x14ac:dyDescent="0.2">
      <c r="A72" s="563"/>
      <c r="B72" s="563"/>
      <c r="C72" s="563"/>
      <c r="D72" s="563"/>
      <c r="E72" s="563"/>
      <c r="F72" s="564"/>
      <c r="G72" s="565" t="s">
        <v>385</v>
      </c>
      <c r="H72" s="564"/>
      <c r="I72" s="476" t="s">
        <v>386</v>
      </c>
      <c r="J72" s="563"/>
      <c r="K72" s="476" t="s">
        <v>386</v>
      </c>
      <c r="L72" s="566"/>
      <c r="M72" s="565" t="s">
        <v>46</v>
      </c>
      <c r="N72" s="567"/>
      <c r="O72" s="565" t="s">
        <v>387</v>
      </c>
      <c r="P72" s="563"/>
      <c r="Q72" s="565" t="s">
        <v>388</v>
      </c>
      <c r="R72" s="568"/>
      <c r="S72" s="565" t="s">
        <v>389</v>
      </c>
      <c r="T72" s="566"/>
      <c r="U72" s="569" t="s">
        <v>390</v>
      </c>
      <c r="V72" s="550"/>
    </row>
    <row r="73" spans="1:22" s="562" customFormat="1" ht="13.15" customHeight="1" x14ac:dyDescent="0.2">
      <c r="A73" s="570"/>
      <c r="B73" s="571" t="s">
        <v>0</v>
      </c>
      <c r="C73" s="570"/>
      <c r="D73" s="570"/>
      <c r="E73" s="570"/>
      <c r="F73" s="572"/>
      <c r="G73" s="573" t="s">
        <v>391</v>
      </c>
      <c r="H73" s="572"/>
      <c r="I73" s="573" t="s">
        <v>392</v>
      </c>
      <c r="J73" s="570"/>
      <c r="K73" s="573" t="s">
        <v>393</v>
      </c>
      <c r="L73" s="574"/>
      <c r="M73" s="573" t="s">
        <v>394</v>
      </c>
      <c r="N73" s="575"/>
      <c r="O73" s="573" t="s">
        <v>395</v>
      </c>
      <c r="P73" s="570"/>
      <c r="Q73" s="573" t="s">
        <v>396</v>
      </c>
      <c r="R73" s="576"/>
      <c r="S73" s="573" t="s">
        <v>397</v>
      </c>
      <c r="T73" s="577"/>
      <c r="U73" s="573" t="s">
        <v>398</v>
      </c>
      <c r="V73" s="550"/>
    </row>
    <row r="74" spans="1:22" ht="11.25" customHeight="1" x14ac:dyDescent="0.2">
      <c r="A74" s="635" t="s">
        <v>463</v>
      </c>
      <c r="B74" s="636"/>
      <c r="C74" s="636"/>
      <c r="D74" s="636"/>
      <c r="E74" s="636"/>
      <c r="F74" s="660"/>
      <c r="G74" s="661"/>
      <c r="H74" s="660"/>
      <c r="I74" s="660"/>
      <c r="J74" s="640"/>
      <c r="K74" s="640"/>
      <c r="L74" s="640"/>
      <c r="M74" s="640"/>
      <c r="N74" s="598"/>
      <c r="O74" s="640"/>
      <c r="P74" s="640"/>
      <c r="Q74" s="640"/>
      <c r="R74" s="640"/>
      <c r="S74" s="640"/>
      <c r="T74" s="640"/>
      <c r="U74" s="640"/>
    </row>
    <row r="75" spans="1:22" ht="11.25" customHeight="1" x14ac:dyDescent="0.2">
      <c r="A75" s="582"/>
      <c r="B75" s="11" t="s">
        <v>464</v>
      </c>
      <c r="C75" s="582"/>
      <c r="D75" s="582"/>
      <c r="E75" s="582"/>
      <c r="F75" s="662"/>
      <c r="G75" s="625"/>
      <c r="H75" s="662"/>
      <c r="I75" s="622"/>
      <c r="J75" s="470"/>
      <c r="K75" s="622"/>
      <c r="L75" s="622"/>
      <c r="M75" s="622"/>
      <c r="N75" s="598"/>
      <c r="O75" s="619"/>
      <c r="P75" s="619"/>
      <c r="Q75" s="619"/>
      <c r="R75" s="619"/>
      <c r="S75" s="619"/>
      <c r="T75" s="619"/>
      <c r="U75" s="619"/>
    </row>
    <row r="76" spans="1:22" s="603" customFormat="1" ht="11.45" customHeight="1" x14ac:dyDescent="0.2">
      <c r="A76" s="582"/>
      <c r="B76" s="11" t="s">
        <v>416</v>
      </c>
      <c r="C76" s="582"/>
      <c r="D76" s="582"/>
      <c r="E76" s="582"/>
      <c r="F76" s="663" t="s">
        <v>79</v>
      </c>
      <c r="G76" s="621" t="s">
        <v>429</v>
      </c>
      <c r="H76" s="664"/>
      <c r="I76" s="622">
        <v>427</v>
      </c>
      <c r="J76" s="623"/>
      <c r="K76" s="622">
        <v>3</v>
      </c>
      <c r="L76" s="622"/>
      <c r="M76" s="622">
        <v>430</v>
      </c>
      <c r="N76" s="598"/>
      <c r="O76" s="622">
        <v>215</v>
      </c>
      <c r="P76" s="622"/>
      <c r="Q76" s="622">
        <v>0</v>
      </c>
      <c r="R76" s="622"/>
      <c r="S76" s="622">
        <v>74</v>
      </c>
      <c r="T76" s="622"/>
      <c r="U76" s="622">
        <v>141</v>
      </c>
      <c r="V76" s="550"/>
    </row>
    <row r="77" spans="1:22" ht="11.45" customHeight="1" x14ac:dyDescent="0.2">
      <c r="A77" s="582"/>
      <c r="B77" s="11" t="s">
        <v>465</v>
      </c>
      <c r="C77" s="582"/>
      <c r="D77" s="582"/>
      <c r="E77" s="582"/>
      <c r="F77" s="665" t="s">
        <v>79</v>
      </c>
      <c r="G77" s="621" t="s">
        <v>429</v>
      </c>
      <c r="H77" s="666"/>
      <c r="I77" s="622">
        <v>922</v>
      </c>
      <c r="J77" s="470"/>
      <c r="K77" s="622">
        <v>0</v>
      </c>
      <c r="L77" s="622"/>
      <c r="M77" s="622">
        <v>922</v>
      </c>
      <c r="N77" s="598"/>
      <c r="O77" s="622">
        <v>0</v>
      </c>
      <c r="P77" s="623"/>
      <c r="Q77" s="596">
        <v>292</v>
      </c>
      <c r="R77" s="623"/>
      <c r="S77" s="596">
        <v>350</v>
      </c>
      <c r="T77" s="623"/>
      <c r="U77" s="596">
        <v>280</v>
      </c>
    </row>
    <row r="78" spans="1:22" ht="11.45" customHeight="1" x14ac:dyDescent="0.2">
      <c r="A78" s="582"/>
      <c r="B78" s="11" t="s">
        <v>466</v>
      </c>
      <c r="C78" s="582"/>
      <c r="D78" s="582"/>
      <c r="E78" s="582"/>
      <c r="F78" s="665"/>
      <c r="G78" s="621"/>
      <c r="H78" s="666"/>
      <c r="I78" s="622"/>
      <c r="J78" s="470"/>
      <c r="K78" s="622"/>
      <c r="L78" s="622"/>
      <c r="M78" s="622"/>
      <c r="N78" s="598"/>
      <c r="O78" s="622"/>
      <c r="P78" s="623"/>
      <c r="Q78" s="596"/>
      <c r="R78" s="623"/>
      <c r="S78" s="596"/>
      <c r="T78" s="623"/>
      <c r="U78" s="596"/>
      <c r="V78" s="645"/>
    </row>
    <row r="79" spans="1:22" ht="11.45" customHeight="1" x14ac:dyDescent="0.2">
      <c r="A79" s="582"/>
      <c r="B79" s="11"/>
      <c r="C79" s="582" t="s">
        <v>467</v>
      </c>
      <c r="D79" s="582"/>
      <c r="E79" s="582"/>
      <c r="F79" s="665" t="s">
        <v>79</v>
      </c>
      <c r="G79" s="667" t="s">
        <v>75</v>
      </c>
      <c r="H79" s="666"/>
      <c r="I79" s="622">
        <v>58</v>
      </c>
      <c r="J79" s="470"/>
      <c r="K79" s="622">
        <v>9</v>
      </c>
      <c r="L79" s="622"/>
      <c r="M79" s="668">
        <v>67</v>
      </c>
      <c r="N79" s="598"/>
      <c r="O79" s="668">
        <v>49</v>
      </c>
      <c r="P79" s="623"/>
      <c r="Q79" s="596">
        <v>0</v>
      </c>
      <c r="R79" s="623"/>
      <c r="S79" s="596">
        <v>18</v>
      </c>
      <c r="T79" s="623"/>
      <c r="U79" s="596">
        <v>0</v>
      </c>
      <c r="V79" s="669"/>
    </row>
    <row r="80" spans="1:22" ht="11.45" customHeight="1" x14ac:dyDescent="0.2">
      <c r="A80" s="582"/>
      <c r="B80" s="601" t="s">
        <v>468</v>
      </c>
      <c r="C80" s="592"/>
      <c r="D80" s="592"/>
      <c r="E80" s="592"/>
      <c r="F80" s="670"/>
      <c r="G80" s="642"/>
      <c r="H80" s="666"/>
      <c r="I80" s="622"/>
      <c r="J80" s="470"/>
      <c r="K80" s="622"/>
      <c r="L80" s="622"/>
      <c r="M80" s="622"/>
      <c r="N80" s="598"/>
      <c r="O80" s="622"/>
      <c r="P80" s="623"/>
      <c r="Q80" s="596"/>
      <c r="R80" s="623"/>
      <c r="S80" s="596"/>
      <c r="T80" s="623"/>
      <c r="U80" s="596"/>
      <c r="V80" s="669"/>
    </row>
    <row r="81" spans="1:23" ht="11.45" customHeight="1" x14ac:dyDescent="0.2">
      <c r="A81" s="582"/>
      <c r="B81" s="601"/>
      <c r="C81" s="592" t="s">
        <v>469</v>
      </c>
      <c r="D81" s="592"/>
      <c r="E81" s="592"/>
      <c r="F81" s="670" t="s">
        <v>79</v>
      </c>
      <c r="G81" s="642" t="s">
        <v>75</v>
      </c>
      <c r="H81" s="666"/>
      <c r="I81" s="622">
        <v>9</v>
      </c>
      <c r="J81" s="470"/>
      <c r="K81" s="622">
        <v>61</v>
      </c>
      <c r="L81" s="622"/>
      <c r="M81" s="622">
        <v>70</v>
      </c>
      <c r="N81" s="598"/>
      <c r="O81" s="622">
        <v>36</v>
      </c>
      <c r="P81" s="623"/>
      <c r="Q81" s="596">
        <v>0</v>
      </c>
      <c r="R81" s="623"/>
      <c r="S81" s="596">
        <v>34</v>
      </c>
      <c r="T81" s="623"/>
      <c r="U81" s="596">
        <v>0</v>
      </c>
      <c r="V81" s="669"/>
    </row>
    <row r="82" spans="1:23" s="603" customFormat="1" ht="11.25" customHeight="1" x14ac:dyDescent="0.2">
      <c r="A82" s="582"/>
      <c r="B82" s="11" t="s">
        <v>470</v>
      </c>
      <c r="C82" s="582"/>
      <c r="D82" s="582"/>
      <c r="E82" s="582"/>
      <c r="F82" s="663"/>
      <c r="G82" s="604"/>
      <c r="H82" s="664"/>
      <c r="I82" s="622"/>
      <c r="J82" s="623"/>
      <c r="K82" s="622"/>
      <c r="L82" s="622"/>
      <c r="M82" s="622"/>
      <c r="N82" s="598"/>
      <c r="O82" s="622"/>
      <c r="P82" s="622"/>
      <c r="Q82" s="622"/>
      <c r="R82" s="622"/>
      <c r="S82" s="622"/>
      <c r="T82" s="622"/>
      <c r="U82" s="622"/>
      <c r="V82" s="596"/>
    </row>
    <row r="83" spans="1:23" ht="11.25" x14ac:dyDescent="0.2">
      <c r="A83" s="582"/>
      <c r="B83" s="11"/>
      <c r="C83" s="11" t="s">
        <v>471</v>
      </c>
      <c r="D83" s="582"/>
      <c r="E83" s="582"/>
      <c r="F83" s="665" t="s">
        <v>79</v>
      </c>
      <c r="G83" s="604" t="s">
        <v>76</v>
      </c>
      <c r="H83" s="666"/>
      <c r="I83" s="622">
        <v>47</v>
      </c>
      <c r="J83" s="470"/>
      <c r="K83" s="622">
        <v>38</v>
      </c>
      <c r="L83" s="622"/>
      <c r="M83" s="622">
        <v>85</v>
      </c>
      <c r="N83" s="598"/>
      <c r="O83" s="622">
        <v>52</v>
      </c>
      <c r="P83" s="623"/>
      <c r="Q83" s="596">
        <v>0</v>
      </c>
      <c r="R83" s="623"/>
      <c r="S83" s="596">
        <v>33</v>
      </c>
      <c r="T83" s="623"/>
      <c r="U83" s="596">
        <v>0</v>
      </c>
      <c r="V83" s="596"/>
      <c r="W83" s="551" t="s">
        <v>472</v>
      </c>
    </row>
    <row r="84" spans="1:23" ht="11.45" customHeight="1" x14ac:dyDescent="0.2">
      <c r="A84" s="582"/>
      <c r="B84" s="11" t="s">
        <v>473</v>
      </c>
      <c r="C84" s="582"/>
      <c r="D84" s="582"/>
      <c r="E84" s="582"/>
      <c r="F84" s="665"/>
      <c r="G84" s="621"/>
      <c r="H84" s="666"/>
      <c r="I84" s="622"/>
      <c r="J84" s="470"/>
      <c r="K84" s="622"/>
      <c r="L84" s="622"/>
      <c r="M84" s="622"/>
      <c r="N84" s="598"/>
      <c r="O84" s="622"/>
      <c r="P84" s="623"/>
      <c r="Q84" s="596"/>
      <c r="R84" s="623"/>
      <c r="S84" s="596"/>
      <c r="T84" s="623"/>
      <c r="U84" s="596"/>
      <c r="V84" s="669"/>
    </row>
    <row r="85" spans="1:23" ht="11.45" customHeight="1" x14ac:dyDescent="0.2">
      <c r="A85" s="582"/>
      <c r="B85" s="11"/>
      <c r="C85" s="582" t="s">
        <v>474</v>
      </c>
      <c r="D85" s="582"/>
      <c r="E85" s="582"/>
      <c r="F85" s="665" t="s">
        <v>79</v>
      </c>
      <c r="G85" s="621" t="s">
        <v>76</v>
      </c>
      <c r="H85" s="666"/>
      <c r="I85" s="622">
        <v>18</v>
      </c>
      <c r="J85" s="470"/>
      <c r="K85" s="622">
        <v>41</v>
      </c>
      <c r="L85" s="622"/>
      <c r="M85" s="622">
        <v>59</v>
      </c>
      <c r="N85" s="598"/>
      <c r="O85" s="622">
        <v>23</v>
      </c>
      <c r="P85" s="623"/>
      <c r="Q85" s="596">
        <v>0</v>
      </c>
      <c r="R85" s="623"/>
      <c r="S85" s="596">
        <v>22</v>
      </c>
      <c r="T85" s="623"/>
      <c r="U85" s="596">
        <v>14</v>
      </c>
      <c r="V85" s="669"/>
    </row>
    <row r="86" spans="1:23" ht="11.25" x14ac:dyDescent="0.2">
      <c r="A86" s="582"/>
      <c r="B86" s="601" t="s">
        <v>475</v>
      </c>
      <c r="C86" s="601"/>
      <c r="D86" s="592"/>
      <c r="E86" s="592"/>
      <c r="F86" s="670" t="s">
        <v>79</v>
      </c>
      <c r="G86" s="644" t="s">
        <v>76</v>
      </c>
      <c r="H86" s="666"/>
      <c r="I86" s="622">
        <v>8</v>
      </c>
      <c r="J86" s="470"/>
      <c r="K86" s="622">
        <v>62</v>
      </c>
      <c r="L86" s="622"/>
      <c r="M86" s="622">
        <v>70</v>
      </c>
      <c r="N86" s="598"/>
      <c r="O86" s="622">
        <v>48</v>
      </c>
      <c r="P86" s="623"/>
      <c r="Q86" s="596">
        <v>0</v>
      </c>
      <c r="R86" s="623"/>
      <c r="S86" s="596">
        <v>22</v>
      </c>
      <c r="T86" s="623"/>
      <c r="U86" s="596">
        <v>0</v>
      </c>
      <c r="W86" s="551" t="s">
        <v>452</v>
      </c>
    </row>
    <row r="87" spans="1:23" ht="11.25" x14ac:dyDescent="0.2">
      <c r="A87" s="582"/>
      <c r="B87" s="601" t="s">
        <v>476</v>
      </c>
      <c r="C87" s="601"/>
      <c r="D87" s="592"/>
      <c r="E87" s="592"/>
      <c r="F87" s="670" t="s">
        <v>79</v>
      </c>
      <c r="G87" s="671" t="s">
        <v>77</v>
      </c>
      <c r="H87" s="666"/>
      <c r="I87" s="622">
        <v>8</v>
      </c>
      <c r="J87" s="470"/>
      <c r="K87" s="622">
        <v>52</v>
      </c>
      <c r="L87" s="622"/>
      <c r="M87" s="622">
        <v>60</v>
      </c>
      <c r="N87" s="598"/>
      <c r="O87" s="622">
        <v>60</v>
      </c>
      <c r="P87" s="623"/>
      <c r="Q87" s="596">
        <v>0</v>
      </c>
      <c r="R87" s="623"/>
      <c r="S87" s="596">
        <v>0</v>
      </c>
      <c r="T87" s="623"/>
      <c r="U87" s="596">
        <v>0</v>
      </c>
    </row>
    <row r="88" spans="1:23" ht="11.25" x14ac:dyDescent="0.2">
      <c r="A88" s="582"/>
      <c r="B88" s="601" t="s">
        <v>477</v>
      </c>
      <c r="C88" s="601"/>
      <c r="D88" s="592"/>
      <c r="E88" s="592"/>
      <c r="F88" s="670"/>
      <c r="G88" s="644"/>
      <c r="H88" s="666"/>
      <c r="I88" s="622"/>
      <c r="J88" s="470"/>
      <c r="K88" s="622"/>
      <c r="L88" s="622"/>
      <c r="M88" s="622"/>
      <c r="N88" s="598"/>
      <c r="O88" s="622"/>
      <c r="P88" s="623"/>
      <c r="Q88" s="596"/>
      <c r="R88" s="623"/>
      <c r="S88" s="596"/>
      <c r="T88" s="623"/>
      <c r="U88" s="596"/>
      <c r="W88" s="551" t="s">
        <v>452</v>
      </c>
    </row>
    <row r="89" spans="1:23" ht="11.25" x14ac:dyDescent="0.2">
      <c r="A89" s="582"/>
      <c r="B89" s="601"/>
      <c r="C89" s="11" t="s">
        <v>478</v>
      </c>
      <c r="D89" s="592"/>
      <c r="E89" s="592"/>
      <c r="F89" s="670" t="s">
        <v>79</v>
      </c>
      <c r="G89" s="644" t="s">
        <v>407</v>
      </c>
      <c r="H89" s="666"/>
      <c r="I89" s="622">
        <v>61</v>
      </c>
      <c r="J89" s="470"/>
      <c r="K89" s="622">
        <v>137</v>
      </c>
      <c r="L89" s="622"/>
      <c r="M89" s="622">
        <v>198</v>
      </c>
      <c r="N89" s="598"/>
      <c r="O89" s="622">
        <v>77</v>
      </c>
      <c r="P89" s="623"/>
      <c r="Q89" s="596">
        <v>0</v>
      </c>
      <c r="R89" s="623"/>
      <c r="S89" s="596">
        <v>66</v>
      </c>
      <c r="T89" s="623"/>
      <c r="U89" s="596">
        <v>55</v>
      </c>
    </row>
    <row r="90" spans="1:23" ht="11.25" x14ac:dyDescent="0.2">
      <c r="A90" s="582"/>
      <c r="B90" s="601" t="s">
        <v>479</v>
      </c>
      <c r="C90" s="601"/>
      <c r="D90" s="592"/>
      <c r="E90" s="592"/>
      <c r="F90" s="670"/>
      <c r="G90" s="644"/>
      <c r="H90" s="666"/>
      <c r="I90" s="622"/>
      <c r="J90" s="470"/>
      <c r="K90" s="622"/>
      <c r="L90" s="622"/>
      <c r="M90" s="622"/>
      <c r="N90" s="598"/>
      <c r="O90" s="596"/>
      <c r="P90" s="623"/>
      <c r="Q90" s="596"/>
      <c r="R90" s="623"/>
      <c r="S90" s="596"/>
      <c r="T90" s="623"/>
      <c r="U90" s="596"/>
    </row>
    <row r="91" spans="1:23" ht="11.25" x14ac:dyDescent="0.2">
      <c r="A91" s="582"/>
      <c r="B91" s="601"/>
      <c r="C91" s="601" t="s">
        <v>480</v>
      </c>
      <c r="D91" s="592"/>
      <c r="E91" s="592"/>
      <c r="F91" s="670" t="s">
        <v>79</v>
      </c>
      <c r="G91" s="644" t="s">
        <v>481</v>
      </c>
      <c r="H91" s="666"/>
      <c r="I91" s="622">
        <v>0</v>
      </c>
      <c r="J91" s="470"/>
      <c r="K91" s="622">
        <v>245</v>
      </c>
      <c r="L91" s="622"/>
      <c r="M91" s="622">
        <v>245</v>
      </c>
      <c r="N91" s="598"/>
      <c r="O91" s="596">
        <v>80</v>
      </c>
      <c r="P91" s="623"/>
      <c r="Q91" s="596"/>
      <c r="R91" s="623"/>
      <c r="S91" s="596">
        <v>82</v>
      </c>
      <c r="T91" s="623"/>
      <c r="U91" s="596">
        <v>83</v>
      </c>
      <c r="V91" s="596"/>
    </row>
    <row r="92" spans="1:23" s="672" customFormat="1" ht="11.25" x14ac:dyDescent="0.2">
      <c r="A92" s="582"/>
      <c r="B92" s="11" t="s">
        <v>482</v>
      </c>
      <c r="C92" s="11"/>
      <c r="D92" s="582"/>
      <c r="E92" s="582"/>
      <c r="F92" s="665" t="s">
        <v>79</v>
      </c>
      <c r="G92" s="604" t="s">
        <v>481</v>
      </c>
      <c r="H92" s="666"/>
      <c r="I92" s="622">
        <v>12</v>
      </c>
      <c r="J92" s="470"/>
      <c r="K92" s="622">
        <v>187</v>
      </c>
      <c r="L92" s="622"/>
      <c r="M92" s="622">
        <v>199</v>
      </c>
      <c r="N92" s="598"/>
      <c r="O92" s="596">
        <v>144</v>
      </c>
      <c r="P92" s="623"/>
      <c r="Q92" s="596">
        <v>0</v>
      </c>
      <c r="R92" s="623"/>
      <c r="S92" s="596">
        <v>55</v>
      </c>
      <c r="T92" s="623"/>
      <c r="U92" s="596">
        <v>0</v>
      </c>
      <c r="V92" s="645"/>
      <c r="W92" s="551" t="s">
        <v>452</v>
      </c>
    </row>
    <row r="93" spans="1:23" s="672" customFormat="1" ht="11.25" x14ac:dyDescent="0.2">
      <c r="A93" s="582"/>
      <c r="B93" s="11" t="s">
        <v>483</v>
      </c>
      <c r="C93" s="11"/>
      <c r="D93" s="582"/>
      <c r="E93" s="582"/>
      <c r="F93" s="665" t="s">
        <v>79</v>
      </c>
      <c r="G93" s="594" t="s">
        <v>456</v>
      </c>
      <c r="H93" s="666"/>
      <c r="I93" s="622">
        <v>26</v>
      </c>
      <c r="J93" s="470"/>
      <c r="K93" s="622">
        <v>137</v>
      </c>
      <c r="L93" s="622"/>
      <c r="M93" s="622">
        <v>163</v>
      </c>
      <c r="N93" s="598"/>
      <c r="O93" s="596">
        <v>115</v>
      </c>
      <c r="P93" s="623"/>
      <c r="Q93" s="596">
        <v>0</v>
      </c>
      <c r="R93" s="623"/>
      <c r="S93" s="596">
        <v>48</v>
      </c>
      <c r="T93" s="623"/>
      <c r="U93" s="596">
        <v>0</v>
      </c>
      <c r="V93" s="669"/>
      <c r="W93" s="551" t="s">
        <v>484</v>
      </c>
    </row>
    <row r="94" spans="1:23" s="672" customFormat="1" ht="11.25" x14ac:dyDescent="0.2">
      <c r="A94" s="582"/>
      <c r="B94" s="552" t="s">
        <v>485</v>
      </c>
      <c r="C94" s="552"/>
      <c r="D94" s="581"/>
      <c r="E94" s="581"/>
      <c r="F94" s="665" t="s">
        <v>79</v>
      </c>
      <c r="G94" s="594" t="s">
        <v>456</v>
      </c>
      <c r="H94" s="673"/>
      <c r="I94" s="668">
        <v>0</v>
      </c>
      <c r="J94" s="674"/>
      <c r="K94" s="668">
        <v>1377</v>
      </c>
      <c r="L94" s="668"/>
      <c r="M94" s="668">
        <v>1377</v>
      </c>
      <c r="N94" s="610"/>
      <c r="O94" s="669">
        <v>1377</v>
      </c>
      <c r="P94" s="675"/>
      <c r="Q94" s="669">
        <v>0</v>
      </c>
      <c r="R94" s="675"/>
      <c r="S94" s="669">
        <v>0</v>
      </c>
      <c r="T94" s="675"/>
      <c r="U94" s="669">
        <v>0</v>
      </c>
      <c r="V94" s="669"/>
      <c r="W94" s="551"/>
    </row>
    <row r="95" spans="1:23" ht="11.25" x14ac:dyDescent="0.2">
      <c r="A95" s="582"/>
      <c r="B95" s="601" t="s">
        <v>486</v>
      </c>
      <c r="C95" s="601"/>
      <c r="D95" s="592"/>
      <c r="E95" s="592"/>
      <c r="F95" s="670" t="s">
        <v>487</v>
      </c>
      <c r="G95" s="644" t="s">
        <v>436</v>
      </c>
      <c r="H95" s="666"/>
      <c r="I95" s="676">
        <v>11</v>
      </c>
      <c r="J95" s="470"/>
      <c r="K95" s="676">
        <v>439</v>
      </c>
      <c r="L95" s="622"/>
      <c r="M95" s="676">
        <v>450</v>
      </c>
      <c r="N95" s="598"/>
      <c r="O95" s="676">
        <v>235</v>
      </c>
      <c r="P95" s="623"/>
      <c r="Q95" s="677">
        <v>0</v>
      </c>
      <c r="R95" s="623"/>
      <c r="S95" s="677">
        <v>215</v>
      </c>
      <c r="T95" s="623"/>
      <c r="U95" s="677">
        <v>0</v>
      </c>
    </row>
    <row r="96" spans="1:23" s="672" customFormat="1" ht="1.5" customHeight="1" x14ac:dyDescent="0.35">
      <c r="A96" s="582"/>
      <c r="B96" s="11"/>
      <c r="C96" s="11"/>
      <c r="D96" s="582"/>
      <c r="E96" s="582"/>
      <c r="F96" s="665" t="s">
        <v>79</v>
      </c>
      <c r="G96" s="604"/>
      <c r="H96" s="666"/>
      <c r="I96" s="651"/>
      <c r="J96" s="470"/>
      <c r="K96" s="651"/>
      <c r="L96" s="622"/>
      <c r="M96" s="651"/>
      <c r="N96" s="598"/>
      <c r="O96" s="678"/>
      <c r="P96" s="623"/>
      <c r="Q96" s="678"/>
      <c r="R96" s="623"/>
      <c r="S96" s="678"/>
      <c r="T96" s="623"/>
      <c r="U96" s="678"/>
      <c r="V96" s="645"/>
    </row>
    <row r="97" spans="1:22" ht="11.25" x14ac:dyDescent="0.2">
      <c r="A97" s="582"/>
      <c r="B97" s="679"/>
      <c r="C97" s="600" t="s">
        <v>488</v>
      </c>
      <c r="D97" s="582"/>
      <c r="E97" s="582"/>
      <c r="F97" s="586" t="s">
        <v>79</v>
      </c>
      <c r="G97" s="625" t="s">
        <v>79</v>
      </c>
      <c r="H97" s="586"/>
      <c r="I97" s="619">
        <v>1607</v>
      </c>
      <c r="J97" s="619"/>
      <c r="K97" s="619">
        <v>2788</v>
      </c>
      <c r="L97" s="619"/>
      <c r="M97" s="619">
        <v>4395</v>
      </c>
      <c r="N97" s="598"/>
      <c r="O97" s="619">
        <v>2511</v>
      </c>
      <c r="P97" s="619"/>
      <c r="Q97" s="619">
        <v>292</v>
      </c>
      <c r="R97" s="619"/>
      <c r="S97" s="619">
        <v>1019</v>
      </c>
      <c r="T97" s="619"/>
      <c r="U97" s="619">
        <v>573</v>
      </c>
    </row>
    <row r="98" spans="1:22" ht="2.4500000000000002" customHeight="1" x14ac:dyDescent="0.2">
      <c r="A98" s="640"/>
      <c r="B98" s="680"/>
      <c r="C98" s="681"/>
      <c r="D98" s="640"/>
      <c r="E98" s="640"/>
      <c r="F98" s="637"/>
      <c r="G98" s="682"/>
      <c r="H98" s="637"/>
      <c r="I98" s="641"/>
      <c r="J98" s="640"/>
      <c r="K98" s="641"/>
      <c r="L98" s="641"/>
      <c r="M98" s="641"/>
      <c r="N98" s="683"/>
      <c r="O98" s="641"/>
      <c r="P98" s="641"/>
      <c r="Q98" s="641"/>
      <c r="R98" s="641"/>
      <c r="S98" s="641"/>
      <c r="T98" s="641"/>
      <c r="U98" s="641"/>
    </row>
    <row r="99" spans="1:22" ht="11.45" customHeight="1" x14ac:dyDescent="0.2">
      <c r="A99" s="581" t="s">
        <v>489</v>
      </c>
      <c r="B99" s="582"/>
      <c r="C99" s="582"/>
      <c r="D99" s="582"/>
      <c r="E99" s="582"/>
      <c r="F99" s="586"/>
      <c r="G99" s="625"/>
      <c r="H99" s="586"/>
      <c r="I99" s="586"/>
      <c r="J99" s="582"/>
      <c r="K99" s="589"/>
      <c r="L99" s="589"/>
      <c r="M99" s="589"/>
      <c r="N99" s="590"/>
      <c r="O99" s="589"/>
      <c r="P99" s="589"/>
      <c r="Q99" s="589"/>
      <c r="R99" s="589"/>
      <c r="S99" s="589"/>
      <c r="T99" s="589"/>
      <c r="U99" s="589"/>
    </row>
    <row r="100" spans="1:22" s="603" customFormat="1" ht="11.25" customHeight="1" x14ac:dyDescent="0.2">
      <c r="A100" s="582"/>
      <c r="B100" s="601" t="s">
        <v>490</v>
      </c>
      <c r="C100" s="582"/>
      <c r="D100" s="582"/>
      <c r="E100" s="582"/>
      <c r="F100" s="586" t="s">
        <v>79</v>
      </c>
      <c r="G100" s="621" t="s">
        <v>77</v>
      </c>
      <c r="H100" s="618"/>
      <c r="I100" s="485">
        <v>3</v>
      </c>
      <c r="J100" s="601"/>
      <c r="K100" s="485">
        <v>154</v>
      </c>
      <c r="L100" s="484"/>
      <c r="M100" s="484">
        <v>157</v>
      </c>
      <c r="N100" s="590"/>
      <c r="O100" s="684">
        <v>151</v>
      </c>
      <c r="P100" s="484"/>
      <c r="Q100" s="484">
        <v>0</v>
      </c>
      <c r="R100" s="484"/>
      <c r="S100" s="484">
        <v>0</v>
      </c>
      <c r="T100" s="685"/>
      <c r="U100" s="484">
        <v>6</v>
      </c>
      <c r="V100" s="596"/>
    </row>
    <row r="101" spans="1:22" s="582" customFormat="1" ht="11.25" customHeight="1" x14ac:dyDescent="0.2">
      <c r="B101" s="601" t="s">
        <v>491</v>
      </c>
      <c r="C101" s="601"/>
      <c r="F101" s="586" t="s">
        <v>79</v>
      </c>
      <c r="G101" s="621" t="s">
        <v>75</v>
      </c>
      <c r="H101" s="586"/>
      <c r="I101" s="589">
        <v>69</v>
      </c>
      <c r="K101" s="485">
        <v>9</v>
      </c>
      <c r="L101" s="589"/>
      <c r="M101" s="684">
        <v>78</v>
      </c>
      <c r="N101" s="590"/>
      <c r="O101" s="684">
        <v>78</v>
      </c>
      <c r="P101" s="684"/>
      <c r="Q101" s="684">
        <v>0</v>
      </c>
      <c r="R101" s="589"/>
      <c r="S101" s="589">
        <v>0</v>
      </c>
      <c r="T101" s="589"/>
      <c r="U101" s="589">
        <v>0</v>
      </c>
      <c r="V101" s="596"/>
    </row>
    <row r="102" spans="1:22" s="603" customFormat="1" ht="11.25" customHeight="1" x14ac:dyDescent="0.35">
      <c r="A102" s="582"/>
      <c r="B102" s="601" t="s">
        <v>492</v>
      </c>
      <c r="C102" s="601"/>
      <c r="D102" s="582"/>
      <c r="E102" s="582"/>
      <c r="F102" s="586" t="s">
        <v>79</v>
      </c>
      <c r="G102" s="621"/>
      <c r="H102" s="586"/>
      <c r="I102" s="686"/>
      <c r="J102" s="687"/>
      <c r="K102" s="485"/>
      <c r="L102" s="686"/>
      <c r="M102" s="686"/>
      <c r="N102" s="590"/>
      <c r="O102" s="684"/>
      <c r="P102" s="686"/>
      <c r="Q102" s="686"/>
      <c r="R102" s="686"/>
      <c r="S102" s="686"/>
      <c r="T102" s="686"/>
      <c r="U102" s="686"/>
      <c r="V102" s="596"/>
    </row>
    <row r="103" spans="1:22" s="603" customFormat="1" ht="13.15" customHeight="1" x14ac:dyDescent="0.35">
      <c r="A103" s="582"/>
      <c r="B103" s="601"/>
      <c r="C103" s="11" t="s">
        <v>493</v>
      </c>
      <c r="D103" s="582"/>
      <c r="E103" s="582"/>
      <c r="F103" s="586" t="s">
        <v>79</v>
      </c>
      <c r="G103" s="621" t="s">
        <v>76</v>
      </c>
      <c r="H103" s="586"/>
      <c r="I103" s="651">
        <v>24</v>
      </c>
      <c r="J103" s="470"/>
      <c r="K103" s="651">
        <v>51</v>
      </c>
      <c r="L103" s="622"/>
      <c r="M103" s="651">
        <v>75</v>
      </c>
      <c r="N103" s="598"/>
      <c r="O103" s="678">
        <v>75</v>
      </c>
      <c r="P103" s="623"/>
      <c r="Q103" s="678">
        <v>0</v>
      </c>
      <c r="R103" s="623"/>
      <c r="S103" s="678">
        <v>0</v>
      </c>
      <c r="T103" s="623"/>
      <c r="U103" s="678">
        <v>0</v>
      </c>
      <c r="V103" s="596"/>
    </row>
    <row r="104" spans="1:22" s="603" customFormat="1" ht="11.25" customHeight="1" x14ac:dyDescent="0.35">
      <c r="A104" s="582"/>
      <c r="B104" s="11"/>
      <c r="C104" s="11" t="s">
        <v>494</v>
      </c>
      <c r="D104" s="582"/>
      <c r="E104" s="582"/>
      <c r="F104" s="586" t="s">
        <v>79</v>
      </c>
      <c r="G104" s="47" t="s">
        <v>79</v>
      </c>
      <c r="H104" s="586"/>
      <c r="I104" s="686">
        <v>96</v>
      </c>
      <c r="J104" s="686"/>
      <c r="K104" s="686">
        <v>214</v>
      </c>
      <c r="L104" s="686"/>
      <c r="M104" s="686">
        <v>310</v>
      </c>
      <c r="N104" s="590"/>
      <c r="O104" s="686">
        <v>304</v>
      </c>
      <c r="P104" s="686"/>
      <c r="Q104" s="686">
        <v>0</v>
      </c>
      <c r="R104" s="686"/>
      <c r="S104" s="686">
        <v>0</v>
      </c>
      <c r="T104" s="686"/>
      <c r="U104" s="686">
        <v>6</v>
      </c>
      <c r="V104" s="550"/>
    </row>
    <row r="105" spans="1:22" ht="2.25" customHeight="1" x14ac:dyDescent="0.2">
      <c r="A105" s="582"/>
      <c r="B105" s="11"/>
      <c r="C105" s="600"/>
      <c r="D105" s="582"/>
      <c r="E105" s="582"/>
      <c r="F105" s="586" t="s">
        <v>79</v>
      </c>
      <c r="G105" s="47"/>
      <c r="H105" s="586"/>
      <c r="I105" s="589"/>
      <c r="J105" s="582"/>
      <c r="K105" s="589"/>
      <c r="L105" s="589"/>
      <c r="M105" s="589"/>
      <c r="N105" s="590"/>
      <c r="O105" s="589"/>
      <c r="P105" s="589"/>
      <c r="Q105" s="589"/>
      <c r="R105" s="589"/>
      <c r="S105" s="589"/>
      <c r="T105" s="589"/>
      <c r="U105" s="589"/>
    </row>
    <row r="106" spans="1:22" ht="11.45" customHeight="1" x14ac:dyDescent="0.35">
      <c r="A106" s="582"/>
      <c r="B106" s="11"/>
      <c r="C106" s="600"/>
      <c r="D106" s="552" t="s">
        <v>495</v>
      </c>
      <c r="E106" s="582"/>
      <c r="F106" s="586" t="s">
        <v>79</v>
      </c>
      <c r="G106" s="47" t="s">
        <v>79</v>
      </c>
      <c r="H106" s="586"/>
      <c r="I106" s="688">
        <v>4873</v>
      </c>
      <c r="J106" s="688"/>
      <c r="K106" s="688">
        <v>7314</v>
      </c>
      <c r="L106" s="688"/>
      <c r="M106" s="688">
        <v>12187</v>
      </c>
      <c r="N106" s="590"/>
      <c r="O106" s="688">
        <v>7966</v>
      </c>
      <c r="P106" s="688"/>
      <c r="Q106" s="688">
        <v>1168</v>
      </c>
      <c r="R106" s="688"/>
      <c r="S106" s="688">
        <v>1096</v>
      </c>
      <c r="T106" s="688"/>
      <c r="U106" s="688">
        <v>1957</v>
      </c>
    </row>
    <row r="107" spans="1:22" ht="2.4500000000000002" customHeight="1" x14ac:dyDescent="0.2">
      <c r="A107" s="614"/>
      <c r="B107" s="498"/>
      <c r="C107" s="654"/>
      <c r="D107" s="614"/>
      <c r="E107" s="614"/>
      <c r="F107" s="615"/>
      <c r="G107" s="689"/>
      <c r="H107" s="615"/>
      <c r="I107" s="656"/>
      <c r="J107" s="614"/>
      <c r="K107" s="656"/>
      <c r="L107" s="656"/>
      <c r="M107" s="656"/>
      <c r="N107" s="657"/>
      <c r="O107" s="656"/>
      <c r="P107" s="656"/>
      <c r="Q107" s="656"/>
      <c r="R107" s="656"/>
      <c r="S107" s="656"/>
      <c r="T107" s="656"/>
      <c r="U107" s="656"/>
    </row>
    <row r="108" spans="1:22" ht="15" customHeight="1" x14ac:dyDescent="0.2">
      <c r="A108" s="582"/>
      <c r="B108" s="11"/>
      <c r="C108" s="600"/>
      <c r="D108" s="582"/>
      <c r="E108" s="582"/>
      <c r="F108" s="586"/>
      <c r="G108" s="658"/>
      <c r="H108" s="586"/>
      <c r="I108" s="589"/>
      <c r="J108" s="582"/>
      <c r="K108" s="589"/>
      <c r="L108" s="589"/>
      <c r="M108" s="589"/>
      <c r="N108" s="589"/>
      <c r="O108" s="589"/>
      <c r="P108" s="589"/>
      <c r="Q108" s="589"/>
      <c r="R108" s="589"/>
      <c r="S108" s="589"/>
      <c r="T108" s="589"/>
      <c r="U108" s="589"/>
    </row>
    <row r="109" spans="1:22" x14ac:dyDescent="0.2">
      <c r="A109" s="223" t="s">
        <v>496</v>
      </c>
      <c r="B109" s="582"/>
      <c r="C109" s="11"/>
      <c r="D109" s="582"/>
      <c r="E109" s="582"/>
      <c r="F109" s="586"/>
      <c r="G109" s="625"/>
      <c r="H109" s="586"/>
      <c r="I109" s="589"/>
      <c r="J109" s="582"/>
      <c r="K109" s="589"/>
      <c r="L109" s="589"/>
      <c r="M109" s="659"/>
      <c r="N109" s="659"/>
      <c r="O109" s="659"/>
      <c r="P109" s="589"/>
      <c r="Q109" s="589"/>
      <c r="R109" s="589"/>
      <c r="S109" s="589"/>
      <c r="T109" s="589"/>
      <c r="U109" s="589"/>
      <c r="V109" s="653"/>
    </row>
    <row r="110" spans="1:22" ht="11.25" customHeight="1" x14ac:dyDescent="0.2">
      <c r="A110" s="552" t="s">
        <v>380</v>
      </c>
      <c r="N110" s="431"/>
    </row>
    <row r="111" spans="1:22" s="562" customFormat="1" ht="9.9499999999999993" customHeight="1" x14ac:dyDescent="0.2">
      <c r="A111" s="555"/>
      <c r="B111" s="555"/>
      <c r="C111" s="555"/>
      <c r="D111" s="555"/>
      <c r="E111" s="555"/>
      <c r="F111" s="556"/>
      <c r="G111" s="556"/>
      <c r="H111" s="556"/>
      <c r="I111" s="557" t="s">
        <v>381</v>
      </c>
      <c r="J111" s="555"/>
      <c r="K111" s="557" t="s">
        <v>382</v>
      </c>
      <c r="L111" s="556"/>
      <c r="M111" s="557" t="s">
        <v>383</v>
      </c>
      <c r="N111" s="558"/>
      <c r="O111" s="559"/>
      <c r="P111" s="560"/>
      <c r="Q111" s="559"/>
      <c r="R111" s="561" t="s">
        <v>384</v>
      </c>
      <c r="S111" s="559"/>
      <c r="T111" s="559"/>
      <c r="U111" s="559"/>
      <c r="V111" s="550"/>
    </row>
    <row r="112" spans="1:22" s="562" customFormat="1" ht="9.6" customHeight="1" x14ac:dyDescent="0.2">
      <c r="A112" s="563"/>
      <c r="B112" s="563"/>
      <c r="C112" s="563"/>
      <c r="D112" s="563"/>
      <c r="E112" s="563"/>
      <c r="F112" s="564"/>
      <c r="G112" s="565" t="s">
        <v>385</v>
      </c>
      <c r="H112" s="564"/>
      <c r="I112" s="476" t="s">
        <v>386</v>
      </c>
      <c r="J112" s="563"/>
      <c r="K112" s="476" t="s">
        <v>386</v>
      </c>
      <c r="L112" s="566"/>
      <c r="M112" s="565" t="s">
        <v>46</v>
      </c>
      <c r="N112" s="567"/>
      <c r="O112" s="565" t="s">
        <v>387</v>
      </c>
      <c r="P112" s="563"/>
      <c r="Q112" s="565" t="s">
        <v>388</v>
      </c>
      <c r="R112" s="568"/>
      <c r="S112" s="565" t="s">
        <v>389</v>
      </c>
      <c r="T112" s="566"/>
      <c r="U112" s="569" t="s">
        <v>390</v>
      </c>
      <c r="V112" s="550"/>
    </row>
    <row r="113" spans="1:22" s="562" customFormat="1" ht="13.15" customHeight="1" x14ac:dyDescent="0.2">
      <c r="A113" s="570"/>
      <c r="B113" s="571" t="s">
        <v>0</v>
      </c>
      <c r="C113" s="570"/>
      <c r="D113" s="570"/>
      <c r="E113" s="570"/>
      <c r="F113" s="572"/>
      <c r="G113" s="573" t="s">
        <v>391</v>
      </c>
      <c r="H113" s="572"/>
      <c r="I113" s="573" t="s">
        <v>392</v>
      </c>
      <c r="J113" s="570"/>
      <c r="K113" s="573" t="s">
        <v>393</v>
      </c>
      <c r="L113" s="574"/>
      <c r="M113" s="573" t="s">
        <v>394</v>
      </c>
      <c r="N113" s="575"/>
      <c r="O113" s="573" t="s">
        <v>395</v>
      </c>
      <c r="P113" s="570"/>
      <c r="Q113" s="573" t="s">
        <v>396</v>
      </c>
      <c r="R113" s="576"/>
      <c r="S113" s="573" t="s">
        <v>397</v>
      </c>
      <c r="T113" s="577"/>
      <c r="U113" s="573" t="s">
        <v>398</v>
      </c>
      <c r="V113" s="550"/>
    </row>
    <row r="114" spans="1:22" ht="11.45" customHeight="1" x14ac:dyDescent="0.2">
      <c r="A114" s="552" t="s">
        <v>497</v>
      </c>
      <c r="B114" s="582"/>
      <c r="C114" s="582"/>
      <c r="D114" s="582"/>
      <c r="E114" s="582"/>
      <c r="F114" s="690"/>
      <c r="G114" s="625"/>
      <c r="H114" s="690"/>
      <c r="I114" s="586"/>
      <c r="J114" s="582"/>
      <c r="K114" s="589"/>
      <c r="L114" s="589"/>
      <c r="M114" s="589"/>
      <c r="N114" s="590"/>
      <c r="O114" s="589"/>
      <c r="P114" s="589"/>
      <c r="Q114" s="589"/>
      <c r="R114" s="589"/>
      <c r="S114" s="589"/>
      <c r="T114" s="589"/>
      <c r="U114" s="589"/>
    </row>
    <row r="115" spans="1:22" s="691" customFormat="1" ht="11.45" customHeight="1" x14ac:dyDescent="0.2">
      <c r="A115" s="582"/>
      <c r="B115" s="601" t="s">
        <v>498</v>
      </c>
      <c r="C115" s="592"/>
      <c r="D115" s="592"/>
      <c r="E115" s="592"/>
      <c r="F115" s="690"/>
      <c r="G115" s="625"/>
      <c r="H115" s="690"/>
      <c r="I115" s="589"/>
      <c r="J115" s="582"/>
      <c r="K115" s="589"/>
      <c r="L115" s="589"/>
      <c r="M115" s="589"/>
      <c r="N115" s="590"/>
      <c r="O115" s="589"/>
      <c r="P115" s="589"/>
      <c r="Q115" s="589"/>
      <c r="R115" s="589"/>
      <c r="S115" s="589"/>
      <c r="T115" s="589"/>
      <c r="U115" s="589"/>
      <c r="V115" s="596"/>
    </row>
    <row r="116" spans="1:22" s="603" customFormat="1" ht="11.45" customHeight="1" x14ac:dyDescent="0.2">
      <c r="A116" s="582"/>
      <c r="B116" s="692" t="s">
        <v>499</v>
      </c>
      <c r="C116" s="693"/>
      <c r="D116" s="693"/>
      <c r="E116" s="693"/>
      <c r="F116" s="694"/>
      <c r="G116" s="695"/>
      <c r="H116" s="694"/>
      <c r="I116" s="696"/>
      <c r="J116" s="693"/>
      <c r="K116" s="696"/>
      <c r="L116" s="696"/>
      <c r="M116" s="696"/>
      <c r="N116" s="697"/>
      <c r="O116" s="696"/>
      <c r="P116" s="696"/>
      <c r="Q116" s="696"/>
      <c r="R116" s="696"/>
      <c r="S116" s="696"/>
      <c r="T116" s="696"/>
      <c r="U116" s="696"/>
      <c r="V116" s="596"/>
    </row>
    <row r="117" spans="1:22" s="603" customFormat="1" ht="11.45" customHeight="1" x14ac:dyDescent="0.2">
      <c r="A117" s="582"/>
      <c r="B117" s="698" t="s">
        <v>500</v>
      </c>
      <c r="C117" s="693"/>
      <c r="D117" s="693"/>
      <c r="E117" s="693"/>
      <c r="F117" s="694" t="s">
        <v>79</v>
      </c>
      <c r="G117" s="699" t="s">
        <v>431</v>
      </c>
      <c r="H117" s="694"/>
      <c r="I117" s="634">
        <v>187</v>
      </c>
      <c r="J117" s="700"/>
      <c r="K117" s="701">
        <v>4</v>
      </c>
      <c r="L117" s="701"/>
      <c r="M117" s="701">
        <v>191</v>
      </c>
      <c r="N117" s="697"/>
      <c r="O117" s="701">
        <v>191</v>
      </c>
      <c r="P117" s="696"/>
      <c r="Q117" s="701">
        <v>0</v>
      </c>
      <c r="R117" s="701"/>
      <c r="S117" s="701">
        <v>0</v>
      </c>
      <c r="T117" s="701"/>
      <c r="U117" s="701">
        <v>0</v>
      </c>
      <c r="V117" s="596"/>
    </row>
    <row r="118" spans="1:22" s="603" customFormat="1" ht="11.45" customHeight="1" x14ac:dyDescent="0.2">
      <c r="A118" s="582"/>
      <c r="B118" s="692" t="s">
        <v>501</v>
      </c>
      <c r="C118" s="693"/>
      <c r="D118" s="693"/>
      <c r="E118" s="693"/>
      <c r="F118" s="694" t="s">
        <v>79</v>
      </c>
      <c r="G118" s="699" t="s">
        <v>431</v>
      </c>
      <c r="H118" s="694"/>
      <c r="I118" s="634">
        <v>697</v>
      </c>
      <c r="J118" s="700"/>
      <c r="K118" s="701">
        <v>7</v>
      </c>
      <c r="L118" s="701"/>
      <c r="M118" s="701">
        <v>704</v>
      </c>
      <c r="N118" s="697"/>
      <c r="O118" s="701">
        <v>317</v>
      </c>
      <c r="P118" s="696"/>
      <c r="Q118" s="701">
        <v>0</v>
      </c>
      <c r="R118" s="701"/>
      <c r="S118" s="701">
        <v>130</v>
      </c>
      <c r="T118" s="701"/>
      <c r="U118" s="701">
        <v>257</v>
      </c>
      <c r="V118" s="596"/>
    </row>
    <row r="119" spans="1:22" s="603" customFormat="1" ht="11.45" customHeight="1" x14ac:dyDescent="0.2">
      <c r="A119" s="582"/>
      <c r="B119" s="702" t="s">
        <v>502</v>
      </c>
      <c r="C119" s="703"/>
      <c r="D119" s="702"/>
      <c r="E119" s="702"/>
      <c r="F119" s="704" t="s">
        <v>79</v>
      </c>
      <c r="G119" s="705" t="s">
        <v>442</v>
      </c>
      <c r="H119" s="694"/>
      <c r="I119" s="706">
        <v>58</v>
      </c>
      <c r="J119" s="707"/>
      <c r="K119" s="708">
        <v>2</v>
      </c>
      <c r="L119" s="708"/>
      <c r="M119" s="708">
        <v>60</v>
      </c>
      <c r="N119" s="697"/>
      <c r="O119" s="709">
        <v>60</v>
      </c>
      <c r="P119" s="709"/>
      <c r="Q119" s="709">
        <v>0</v>
      </c>
      <c r="R119" s="709"/>
      <c r="S119" s="709">
        <v>0</v>
      </c>
      <c r="T119" s="709"/>
      <c r="U119" s="709">
        <v>0</v>
      </c>
      <c r="V119" s="596"/>
    </row>
    <row r="120" spans="1:22" s="603" customFormat="1" ht="12.6" customHeight="1" x14ac:dyDescent="0.2">
      <c r="A120" s="582"/>
      <c r="B120" s="703" t="s">
        <v>503</v>
      </c>
      <c r="C120" s="710"/>
      <c r="D120" s="710"/>
      <c r="E120" s="710"/>
      <c r="F120" s="704" t="s">
        <v>79</v>
      </c>
      <c r="G120" s="695" t="s">
        <v>442</v>
      </c>
      <c r="H120" s="711"/>
      <c r="I120" s="712">
        <v>779</v>
      </c>
      <c r="J120" s="713"/>
      <c r="K120" s="714">
        <v>1</v>
      </c>
      <c r="L120" s="714"/>
      <c r="M120" s="714">
        <v>780</v>
      </c>
      <c r="N120" s="697"/>
      <c r="O120" s="708">
        <v>780</v>
      </c>
      <c r="P120" s="708"/>
      <c r="Q120" s="714">
        <v>0</v>
      </c>
      <c r="R120" s="708"/>
      <c r="S120" s="714">
        <v>0</v>
      </c>
      <c r="T120" s="708"/>
      <c r="U120" s="714">
        <v>0</v>
      </c>
      <c r="V120" s="596"/>
    </row>
    <row r="121" spans="1:22" s="603" customFormat="1" ht="13.15" customHeight="1" x14ac:dyDescent="0.2">
      <c r="A121" s="582"/>
      <c r="B121" s="702" t="s">
        <v>504</v>
      </c>
      <c r="C121" s="702"/>
      <c r="D121" s="702"/>
      <c r="E121" s="702"/>
      <c r="F121" s="704" t="s">
        <v>79</v>
      </c>
      <c r="G121" s="705" t="s">
        <v>442</v>
      </c>
      <c r="H121" s="694"/>
      <c r="I121" s="706">
        <v>720</v>
      </c>
      <c r="J121" s="707"/>
      <c r="K121" s="708">
        <v>23</v>
      </c>
      <c r="L121" s="708"/>
      <c r="M121" s="708">
        <v>743</v>
      </c>
      <c r="N121" s="697"/>
      <c r="O121" s="709">
        <v>743</v>
      </c>
      <c r="P121" s="709"/>
      <c r="Q121" s="709">
        <v>0</v>
      </c>
      <c r="R121" s="709"/>
      <c r="S121" s="709">
        <v>0</v>
      </c>
      <c r="T121" s="709"/>
      <c r="U121" s="709">
        <v>0</v>
      </c>
      <c r="V121" s="596"/>
    </row>
    <row r="122" spans="1:22" s="603" customFormat="1" ht="11.45" customHeight="1" x14ac:dyDescent="0.2">
      <c r="A122" s="582"/>
      <c r="B122" s="702" t="s">
        <v>505</v>
      </c>
      <c r="C122" s="702"/>
      <c r="D122" s="702"/>
      <c r="E122" s="702"/>
      <c r="F122" s="704" t="s">
        <v>79</v>
      </c>
      <c r="G122" s="705" t="s">
        <v>442</v>
      </c>
      <c r="H122" s="694"/>
      <c r="I122" s="706">
        <v>178</v>
      </c>
      <c r="J122" s="707"/>
      <c r="K122" s="708">
        <v>7</v>
      </c>
      <c r="L122" s="708"/>
      <c r="M122" s="708">
        <v>185</v>
      </c>
      <c r="N122" s="697"/>
      <c r="O122" s="708">
        <v>185</v>
      </c>
      <c r="P122" s="709"/>
      <c r="Q122" s="709">
        <v>0</v>
      </c>
      <c r="R122" s="709"/>
      <c r="S122" s="709">
        <v>0</v>
      </c>
      <c r="T122" s="709"/>
      <c r="U122" s="709">
        <v>0</v>
      </c>
      <c r="V122" s="596"/>
    </row>
    <row r="123" spans="1:22" s="603" customFormat="1" ht="11.45" customHeight="1" x14ac:dyDescent="0.2">
      <c r="A123" s="582"/>
      <c r="B123" s="702" t="s">
        <v>506</v>
      </c>
      <c r="C123" s="702"/>
      <c r="D123" s="702"/>
      <c r="E123" s="702"/>
      <c r="F123" s="704"/>
      <c r="G123" s="705"/>
      <c r="H123" s="694"/>
      <c r="I123" s="706"/>
      <c r="J123" s="707"/>
      <c r="K123" s="708"/>
      <c r="L123" s="708"/>
      <c r="M123" s="708"/>
      <c r="N123" s="697"/>
      <c r="O123" s="709"/>
      <c r="P123" s="709"/>
      <c r="Q123" s="709"/>
      <c r="R123" s="709"/>
      <c r="S123" s="709"/>
      <c r="T123" s="709"/>
      <c r="U123" s="709"/>
      <c r="V123" s="550"/>
    </row>
    <row r="124" spans="1:22" s="603" customFormat="1" ht="11.45" customHeight="1" x14ac:dyDescent="0.2">
      <c r="A124" s="582"/>
      <c r="B124" s="715" t="s">
        <v>507</v>
      </c>
      <c r="C124" s="702"/>
      <c r="D124" s="702"/>
      <c r="E124" s="702"/>
      <c r="F124" s="704" t="s">
        <v>79</v>
      </c>
      <c r="G124" s="705" t="s">
        <v>442</v>
      </c>
      <c r="H124" s="694"/>
      <c r="I124" s="706">
        <v>112</v>
      </c>
      <c r="J124" s="707"/>
      <c r="K124" s="708">
        <v>3</v>
      </c>
      <c r="L124" s="708"/>
      <c r="M124" s="708">
        <v>115</v>
      </c>
      <c r="N124" s="697"/>
      <c r="O124" s="709">
        <v>115</v>
      </c>
      <c r="P124" s="709"/>
      <c r="Q124" s="709">
        <v>0</v>
      </c>
      <c r="R124" s="709"/>
      <c r="S124" s="709">
        <v>0</v>
      </c>
      <c r="T124" s="709"/>
      <c r="U124" s="709">
        <v>0</v>
      </c>
      <c r="V124" s="550"/>
    </row>
    <row r="125" spans="1:22" s="603" customFormat="1" ht="11.45" customHeight="1" x14ac:dyDescent="0.2">
      <c r="A125" s="582"/>
      <c r="B125" s="716" t="s">
        <v>508</v>
      </c>
      <c r="C125" s="702"/>
      <c r="D125" s="702"/>
      <c r="E125" s="702"/>
      <c r="F125" s="704"/>
      <c r="G125" s="705"/>
      <c r="H125" s="694"/>
      <c r="I125" s="706"/>
      <c r="J125" s="707"/>
      <c r="K125" s="708"/>
      <c r="L125" s="708"/>
      <c r="M125" s="708"/>
      <c r="N125" s="697"/>
      <c r="O125" s="709"/>
      <c r="P125" s="709"/>
      <c r="Q125" s="709"/>
      <c r="R125" s="709"/>
      <c r="S125" s="709"/>
      <c r="T125" s="709"/>
      <c r="U125" s="709"/>
      <c r="V125" s="596"/>
    </row>
    <row r="126" spans="1:22" s="603" customFormat="1" ht="11.45" customHeight="1" x14ac:dyDescent="0.2">
      <c r="A126" s="582"/>
      <c r="B126" s="715" t="s">
        <v>509</v>
      </c>
      <c r="C126" s="702"/>
      <c r="D126" s="702"/>
      <c r="E126" s="702"/>
      <c r="F126" s="704" t="s">
        <v>79</v>
      </c>
      <c r="G126" s="705" t="s">
        <v>442</v>
      </c>
      <c r="H126" s="694"/>
      <c r="I126" s="706">
        <v>595</v>
      </c>
      <c r="J126" s="707"/>
      <c r="K126" s="708">
        <v>10</v>
      </c>
      <c r="L126" s="708"/>
      <c r="M126" s="708">
        <v>605</v>
      </c>
      <c r="N126" s="697"/>
      <c r="O126" s="708">
        <v>605</v>
      </c>
      <c r="P126" s="709"/>
      <c r="Q126" s="709">
        <v>0</v>
      </c>
      <c r="R126" s="709"/>
      <c r="S126" s="709">
        <v>0</v>
      </c>
      <c r="T126" s="709"/>
      <c r="U126" s="709">
        <v>0</v>
      </c>
      <c r="V126" s="596"/>
    </row>
    <row r="127" spans="1:22" s="603" customFormat="1" ht="11.45" customHeight="1" x14ac:dyDescent="0.2">
      <c r="A127" s="582"/>
      <c r="B127" s="702" t="s">
        <v>510</v>
      </c>
      <c r="C127" s="703"/>
      <c r="D127" s="702"/>
      <c r="E127" s="702"/>
      <c r="F127" s="704" t="s">
        <v>79</v>
      </c>
      <c r="G127" s="705" t="s">
        <v>442</v>
      </c>
      <c r="H127" s="694"/>
      <c r="I127" s="706">
        <v>37</v>
      </c>
      <c r="J127" s="707"/>
      <c r="K127" s="708">
        <v>1</v>
      </c>
      <c r="L127" s="708"/>
      <c r="M127" s="708">
        <v>38</v>
      </c>
      <c r="N127" s="697"/>
      <c r="O127" s="709">
        <v>38</v>
      </c>
      <c r="P127" s="709"/>
      <c r="Q127" s="709">
        <v>0</v>
      </c>
      <c r="R127" s="709"/>
      <c r="S127" s="709">
        <v>0</v>
      </c>
      <c r="T127" s="709"/>
      <c r="U127" s="709">
        <v>0</v>
      </c>
      <c r="V127" s="596"/>
    </row>
    <row r="128" spans="1:22" s="603" customFormat="1" ht="11.45" customHeight="1" x14ac:dyDescent="0.2">
      <c r="A128" s="582"/>
      <c r="B128" s="702" t="s">
        <v>511</v>
      </c>
      <c r="C128" s="702"/>
      <c r="D128" s="702"/>
      <c r="E128" s="702"/>
      <c r="F128" s="704" t="s">
        <v>79</v>
      </c>
      <c r="G128" s="705" t="s">
        <v>442</v>
      </c>
      <c r="H128" s="694"/>
      <c r="I128" s="706">
        <v>292</v>
      </c>
      <c r="J128" s="707"/>
      <c r="K128" s="708">
        <v>4</v>
      </c>
      <c r="L128" s="708"/>
      <c r="M128" s="708">
        <v>296</v>
      </c>
      <c r="N128" s="697"/>
      <c r="O128" s="709">
        <v>296</v>
      </c>
      <c r="P128" s="709"/>
      <c r="Q128" s="709">
        <v>0</v>
      </c>
      <c r="R128" s="709"/>
      <c r="S128" s="709">
        <v>0</v>
      </c>
      <c r="T128" s="709"/>
      <c r="U128" s="709">
        <v>0</v>
      </c>
      <c r="V128" s="596"/>
    </row>
    <row r="129" spans="1:24" s="603" customFormat="1" ht="11.45" customHeight="1" x14ac:dyDescent="0.2">
      <c r="A129" s="582"/>
      <c r="B129" s="702" t="s">
        <v>512</v>
      </c>
      <c r="C129" s="702"/>
      <c r="D129" s="702"/>
      <c r="E129" s="702"/>
      <c r="F129" s="704" t="s">
        <v>79</v>
      </c>
      <c r="G129" s="717" t="s">
        <v>429</v>
      </c>
      <c r="H129" s="694"/>
      <c r="I129" s="706">
        <v>80</v>
      </c>
      <c r="J129" s="707"/>
      <c r="K129" s="708">
        <v>14</v>
      </c>
      <c r="L129" s="708"/>
      <c r="M129" s="708">
        <v>94</v>
      </c>
      <c r="N129" s="697"/>
      <c r="O129" s="709">
        <v>94</v>
      </c>
      <c r="P129" s="709"/>
      <c r="Q129" s="709">
        <v>0</v>
      </c>
      <c r="R129" s="709"/>
      <c r="S129" s="709">
        <v>0</v>
      </c>
      <c r="T129" s="709"/>
      <c r="U129" s="709">
        <v>0</v>
      </c>
      <c r="V129" s="596"/>
    </row>
    <row r="130" spans="1:24" s="603" customFormat="1" ht="11.45" customHeight="1" x14ac:dyDescent="0.2">
      <c r="A130" s="582"/>
      <c r="B130" s="702" t="s">
        <v>513</v>
      </c>
      <c r="C130" s="702"/>
      <c r="D130" s="702"/>
      <c r="E130" s="702"/>
      <c r="F130" s="704" t="s">
        <v>79</v>
      </c>
      <c r="G130" s="705" t="s">
        <v>74</v>
      </c>
      <c r="H130" s="694"/>
      <c r="I130" s="706">
        <v>68</v>
      </c>
      <c r="J130" s="707"/>
      <c r="K130" s="708">
        <v>4</v>
      </c>
      <c r="L130" s="708"/>
      <c r="M130" s="708">
        <v>72</v>
      </c>
      <c r="N130" s="697"/>
      <c r="O130" s="709">
        <v>72</v>
      </c>
      <c r="P130" s="709"/>
      <c r="Q130" s="709">
        <v>0</v>
      </c>
      <c r="R130" s="709"/>
      <c r="S130" s="709">
        <v>0</v>
      </c>
      <c r="T130" s="709"/>
      <c r="U130" s="709">
        <v>0</v>
      </c>
      <c r="V130" s="596"/>
    </row>
    <row r="131" spans="1:24" s="603" customFormat="1" ht="11.45" customHeight="1" x14ac:dyDescent="0.2">
      <c r="A131" s="582"/>
      <c r="B131" s="702" t="s">
        <v>514</v>
      </c>
      <c r="C131" s="702"/>
      <c r="D131" s="702"/>
      <c r="E131" s="702"/>
      <c r="F131" s="718" t="s">
        <v>79</v>
      </c>
      <c r="G131" s="705" t="s">
        <v>75</v>
      </c>
      <c r="H131" s="719"/>
      <c r="I131" s="706">
        <v>591</v>
      </c>
      <c r="J131" s="707"/>
      <c r="K131" s="708">
        <v>157</v>
      </c>
      <c r="L131" s="714"/>
      <c r="M131" s="714">
        <v>748</v>
      </c>
      <c r="N131" s="720"/>
      <c r="O131" s="709">
        <v>748</v>
      </c>
      <c r="P131" s="709"/>
      <c r="Q131" s="709">
        <v>0</v>
      </c>
      <c r="R131" s="709"/>
      <c r="S131" s="709">
        <v>0</v>
      </c>
      <c r="T131" s="709"/>
      <c r="U131" s="709">
        <v>0</v>
      </c>
      <c r="V131" s="596"/>
    </row>
    <row r="132" spans="1:24" s="603" customFormat="1" ht="11.45" customHeight="1" x14ac:dyDescent="0.2">
      <c r="A132" s="582"/>
      <c r="B132" s="702" t="s">
        <v>515</v>
      </c>
      <c r="C132" s="702"/>
      <c r="D132" s="702"/>
      <c r="E132" s="702"/>
      <c r="F132" s="718" t="s">
        <v>79</v>
      </c>
      <c r="G132" s="705" t="s">
        <v>75</v>
      </c>
      <c r="H132" s="719"/>
      <c r="I132" s="706">
        <v>48</v>
      </c>
      <c r="J132" s="707"/>
      <c r="K132" s="708">
        <v>45</v>
      </c>
      <c r="L132" s="714"/>
      <c r="M132" s="714">
        <v>93</v>
      </c>
      <c r="N132" s="720"/>
      <c r="O132" s="709">
        <v>93</v>
      </c>
      <c r="P132" s="709"/>
      <c r="Q132" s="709">
        <v>0</v>
      </c>
      <c r="R132" s="709"/>
      <c r="S132" s="709">
        <v>0</v>
      </c>
      <c r="T132" s="709"/>
      <c r="U132" s="709">
        <v>0</v>
      </c>
      <c r="V132" s="596"/>
    </row>
    <row r="133" spans="1:24" s="603" customFormat="1" ht="11.45" customHeight="1" x14ac:dyDescent="0.2">
      <c r="A133" s="582"/>
      <c r="B133" s="702" t="s">
        <v>516</v>
      </c>
      <c r="C133" s="702"/>
      <c r="D133" s="702"/>
      <c r="E133" s="702"/>
      <c r="F133" s="718" t="s">
        <v>79</v>
      </c>
      <c r="G133" s="705" t="s">
        <v>75</v>
      </c>
      <c r="H133" s="721"/>
      <c r="I133" s="706">
        <v>37</v>
      </c>
      <c r="J133" s="722"/>
      <c r="K133" s="708">
        <v>19</v>
      </c>
      <c r="L133" s="712"/>
      <c r="M133" s="714">
        <v>56</v>
      </c>
      <c r="N133" s="723"/>
      <c r="O133" s="709">
        <v>56</v>
      </c>
      <c r="P133" s="724"/>
      <c r="Q133" s="709">
        <v>0</v>
      </c>
      <c r="R133" s="709"/>
      <c r="S133" s="709">
        <v>0</v>
      </c>
      <c r="T133" s="709"/>
      <c r="U133" s="709">
        <v>0</v>
      </c>
      <c r="V133" s="596"/>
    </row>
    <row r="134" spans="1:24" s="603" customFormat="1" ht="11.45" customHeight="1" x14ac:dyDescent="0.2">
      <c r="A134" s="582"/>
      <c r="B134" s="702" t="s">
        <v>517</v>
      </c>
      <c r="C134" s="702"/>
      <c r="D134" s="702"/>
      <c r="E134" s="702"/>
      <c r="F134" s="704" t="s">
        <v>79</v>
      </c>
      <c r="G134" s="705" t="s">
        <v>76</v>
      </c>
      <c r="H134" s="694"/>
      <c r="I134" s="706">
        <v>843</v>
      </c>
      <c r="J134" s="707"/>
      <c r="K134" s="708">
        <v>250</v>
      </c>
      <c r="L134" s="708"/>
      <c r="M134" s="708">
        <v>1093</v>
      </c>
      <c r="N134" s="697"/>
      <c r="O134" s="709">
        <v>1093</v>
      </c>
      <c r="P134" s="709"/>
      <c r="Q134" s="709">
        <v>0</v>
      </c>
      <c r="R134" s="709"/>
      <c r="S134" s="709">
        <v>0</v>
      </c>
      <c r="T134" s="709"/>
      <c r="U134" s="709">
        <v>0</v>
      </c>
      <c r="V134" s="596"/>
    </row>
    <row r="135" spans="1:24" s="603" customFormat="1" ht="11.45" customHeight="1" x14ac:dyDescent="0.2">
      <c r="A135" s="582"/>
      <c r="B135" s="702" t="s">
        <v>518</v>
      </c>
      <c r="C135" s="702"/>
      <c r="D135" s="702"/>
      <c r="E135" s="702"/>
      <c r="F135" s="704"/>
      <c r="G135" s="705"/>
      <c r="H135" s="694"/>
      <c r="I135" s="706"/>
      <c r="J135" s="707"/>
      <c r="K135" s="708"/>
      <c r="L135" s="708"/>
      <c r="M135" s="708"/>
      <c r="N135" s="697"/>
      <c r="O135" s="709"/>
      <c r="P135" s="709"/>
      <c r="Q135" s="709"/>
      <c r="R135" s="709"/>
      <c r="S135" s="709"/>
      <c r="T135" s="709"/>
      <c r="U135" s="709"/>
      <c r="V135" s="596"/>
    </row>
    <row r="136" spans="1:24" s="603" customFormat="1" ht="11.45" customHeight="1" x14ac:dyDescent="0.2">
      <c r="A136" s="582"/>
      <c r="B136" s="725" t="s">
        <v>519</v>
      </c>
      <c r="C136" s="702"/>
      <c r="D136" s="702"/>
      <c r="E136" s="702"/>
      <c r="F136" s="704" t="s">
        <v>79</v>
      </c>
      <c r="G136" s="705" t="s">
        <v>76</v>
      </c>
      <c r="H136" s="694"/>
      <c r="I136" s="706">
        <v>26</v>
      </c>
      <c r="J136" s="707"/>
      <c r="K136" s="708">
        <v>48</v>
      </c>
      <c r="L136" s="708"/>
      <c r="M136" s="708">
        <v>74</v>
      </c>
      <c r="N136" s="697"/>
      <c r="O136" s="709">
        <v>74</v>
      </c>
      <c r="P136" s="709"/>
      <c r="Q136" s="709">
        <v>0</v>
      </c>
      <c r="R136" s="709"/>
      <c r="S136" s="709">
        <v>0</v>
      </c>
      <c r="T136" s="709"/>
      <c r="U136" s="709">
        <v>0</v>
      </c>
      <c r="V136" s="596"/>
    </row>
    <row r="137" spans="1:24" s="603" customFormat="1" ht="11.45" customHeight="1" x14ac:dyDescent="0.2">
      <c r="A137" s="582"/>
      <c r="B137" s="726" t="s">
        <v>520</v>
      </c>
      <c r="C137" s="702"/>
      <c r="D137" s="702"/>
      <c r="E137" s="702"/>
      <c r="F137" s="704" t="s">
        <v>79</v>
      </c>
      <c r="G137" s="727" t="s">
        <v>77</v>
      </c>
      <c r="H137" s="694"/>
      <c r="I137" s="706">
        <v>3</v>
      </c>
      <c r="J137" s="707"/>
      <c r="K137" s="708">
        <v>50</v>
      </c>
      <c r="L137" s="708"/>
      <c r="M137" s="708">
        <v>53</v>
      </c>
      <c r="N137" s="697"/>
      <c r="O137" s="709">
        <v>53</v>
      </c>
      <c r="P137" s="709"/>
      <c r="Q137" s="709">
        <v>0</v>
      </c>
      <c r="R137" s="709"/>
      <c r="S137" s="709">
        <v>0</v>
      </c>
      <c r="T137" s="709">
        <v>0</v>
      </c>
      <c r="U137" s="709">
        <v>0</v>
      </c>
      <c r="V137" s="596"/>
      <c r="W137" s="582"/>
      <c r="X137" s="582"/>
    </row>
    <row r="138" spans="1:24" s="603" customFormat="1" ht="11.45" customHeight="1" x14ac:dyDescent="0.2">
      <c r="A138" s="582"/>
      <c r="B138" s="726" t="s">
        <v>521</v>
      </c>
      <c r="C138" s="726"/>
      <c r="D138" s="726"/>
      <c r="E138" s="726"/>
      <c r="F138" s="704" t="s">
        <v>79</v>
      </c>
      <c r="G138" s="705" t="s">
        <v>76</v>
      </c>
      <c r="H138" s="694"/>
      <c r="I138" s="706">
        <v>95</v>
      </c>
      <c r="J138" s="707"/>
      <c r="K138" s="708">
        <v>75</v>
      </c>
      <c r="L138" s="708"/>
      <c r="M138" s="708">
        <v>170</v>
      </c>
      <c r="N138" s="697"/>
      <c r="O138" s="709">
        <v>170</v>
      </c>
      <c r="P138" s="709"/>
      <c r="Q138" s="709">
        <v>0</v>
      </c>
      <c r="R138" s="709"/>
      <c r="S138" s="709">
        <v>0</v>
      </c>
      <c r="T138" s="709">
        <v>0</v>
      </c>
      <c r="U138" s="709">
        <v>0</v>
      </c>
      <c r="V138" s="596"/>
      <c r="W138" s="582"/>
      <c r="X138" s="582"/>
    </row>
    <row r="139" spans="1:24" s="603" customFormat="1" ht="11.45" customHeight="1" x14ac:dyDescent="0.2">
      <c r="A139" s="582"/>
      <c r="B139" s="726" t="s">
        <v>522</v>
      </c>
      <c r="C139" s="726"/>
      <c r="D139" s="726"/>
      <c r="E139" s="726"/>
      <c r="F139" s="704" t="s">
        <v>79</v>
      </c>
      <c r="G139" s="727" t="s">
        <v>523</v>
      </c>
      <c r="H139" s="694"/>
      <c r="I139" s="708">
        <v>28</v>
      </c>
      <c r="J139" s="707"/>
      <c r="K139" s="708">
        <v>48</v>
      </c>
      <c r="L139" s="708"/>
      <c r="M139" s="708">
        <v>76</v>
      </c>
      <c r="N139" s="697"/>
      <c r="O139" s="709">
        <v>76</v>
      </c>
      <c r="P139" s="709"/>
      <c r="Q139" s="709">
        <v>0</v>
      </c>
      <c r="R139" s="709"/>
      <c r="S139" s="709">
        <v>0</v>
      </c>
      <c r="T139" s="709">
        <v>0</v>
      </c>
      <c r="U139" s="709">
        <v>0</v>
      </c>
      <c r="V139" s="596"/>
      <c r="W139" s="582"/>
      <c r="X139" s="582"/>
    </row>
    <row r="140" spans="1:24" s="603" customFormat="1" ht="11.45" customHeight="1" x14ac:dyDescent="0.2">
      <c r="A140" s="582"/>
      <c r="B140" s="728" t="s">
        <v>524</v>
      </c>
      <c r="C140" s="728"/>
      <c r="D140" s="728"/>
      <c r="E140" s="728"/>
      <c r="F140" s="704" t="s">
        <v>79</v>
      </c>
      <c r="G140" s="621" t="s">
        <v>76</v>
      </c>
      <c r="H140" s="729"/>
      <c r="I140" s="622">
        <v>12</v>
      </c>
      <c r="J140" s="620"/>
      <c r="K140" s="622">
        <v>74</v>
      </c>
      <c r="L140" s="622"/>
      <c r="M140" s="622">
        <v>86</v>
      </c>
      <c r="N140" s="730"/>
      <c r="O140" s="619">
        <v>86</v>
      </c>
      <c r="P140" s="619"/>
      <c r="Q140" s="619">
        <v>0</v>
      </c>
      <c r="R140" s="619"/>
      <c r="S140" s="619">
        <v>0</v>
      </c>
      <c r="T140" s="619">
        <v>0</v>
      </c>
      <c r="U140" s="619">
        <v>0</v>
      </c>
      <c r="V140" s="596"/>
      <c r="W140" s="582" t="s">
        <v>452</v>
      </c>
      <c r="X140" s="582"/>
    </row>
    <row r="141" spans="1:24" s="603" customFormat="1" ht="11.45" customHeight="1" x14ac:dyDescent="0.2">
      <c r="A141" s="582"/>
      <c r="B141" s="702" t="s">
        <v>525</v>
      </c>
      <c r="C141" s="702"/>
      <c r="D141" s="702"/>
      <c r="E141" s="702"/>
      <c r="F141" s="704"/>
      <c r="G141" s="705"/>
      <c r="H141" s="694"/>
      <c r="I141" s="708"/>
      <c r="J141" s="707"/>
      <c r="K141" s="708"/>
      <c r="L141" s="708"/>
      <c r="M141" s="708"/>
      <c r="N141" s="697"/>
      <c r="O141" s="709"/>
      <c r="P141" s="709"/>
      <c r="Q141" s="709"/>
      <c r="R141" s="709"/>
      <c r="S141" s="709"/>
      <c r="T141" s="709"/>
      <c r="U141" s="709"/>
      <c r="V141" s="596"/>
      <c r="W141" s="582"/>
      <c r="X141" s="582"/>
    </row>
    <row r="142" spans="1:24" s="603" customFormat="1" ht="11.45" customHeight="1" x14ac:dyDescent="0.2">
      <c r="A142" s="582"/>
      <c r="B142" s="702" t="s">
        <v>526</v>
      </c>
      <c r="C142" s="702"/>
      <c r="D142" s="702"/>
      <c r="E142" s="702"/>
      <c r="F142" s="704" t="s">
        <v>79</v>
      </c>
      <c r="G142" s="727" t="s">
        <v>481</v>
      </c>
      <c r="H142" s="694"/>
      <c r="I142" s="701">
        <v>20</v>
      </c>
      <c r="J142" s="731"/>
      <c r="K142" s="701">
        <v>55</v>
      </c>
      <c r="L142" s="701"/>
      <c r="M142" s="732">
        <v>75</v>
      </c>
      <c r="N142" s="733"/>
      <c r="O142" s="734">
        <v>75</v>
      </c>
      <c r="P142" s="735"/>
      <c r="Q142" s="709">
        <v>0</v>
      </c>
      <c r="R142" s="709"/>
      <c r="S142" s="709">
        <v>0</v>
      </c>
      <c r="T142" s="709">
        <v>0</v>
      </c>
      <c r="U142" s="709">
        <v>0</v>
      </c>
      <c r="V142" s="596"/>
      <c r="W142" s="582"/>
      <c r="X142" s="582"/>
    </row>
    <row r="143" spans="1:24" s="603" customFormat="1" ht="11.45" customHeight="1" x14ac:dyDescent="0.2">
      <c r="A143" s="582"/>
      <c r="B143" s="702" t="s">
        <v>527</v>
      </c>
      <c r="C143" s="702"/>
      <c r="D143" s="702"/>
      <c r="E143" s="702"/>
      <c r="F143" s="704" t="s">
        <v>79</v>
      </c>
      <c r="G143" s="705" t="s">
        <v>407</v>
      </c>
      <c r="H143" s="694"/>
      <c r="I143" s="701">
        <v>4</v>
      </c>
      <c r="J143" s="731"/>
      <c r="K143" s="701">
        <v>51</v>
      </c>
      <c r="L143" s="701"/>
      <c r="M143" s="701">
        <v>55</v>
      </c>
      <c r="N143" s="733"/>
      <c r="O143" s="736">
        <v>55</v>
      </c>
      <c r="P143" s="735"/>
      <c r="Q143" s="709">
        <v>0</v>
      </c>
      <c r="R143" s="709"/>
      <c r="S143" s="709">
        <v>0</v>
      </c>
      <c r="T143" s="709"/>
      <c r="U143" s="709">
        <v>0</v>
      </c>
      <c r="V143" s="596"/>
      <c r="W143" s="582"/>
      <c r="X143" s="582"/>
    </row>
    <row r="144" spans="1:24" s="603" customFormat="1" ht="11.45" customHeight="1" x14ac:dyDescent="0.2">
      <c r="A144" s="582"/>
      <c r="B144" s="702" t="s">
        <v>528</v>
      </c>
      <c r="C144" s="702"/>
      <c r="D144" s="702"/>
      <c r="E144" s="702"/>
      <c r="F144" s="704" t="s">
        <v>79</v>
      </c>
      <c r="G144" s="705" t="s">
        <v>481</v>
      </c>
      <c r="H144" s="694"/>
      <c r="I144" s="701">
        <v>1</v>
      </c>
      <c r="J144" s="731"/>
      <c r="K144" s="701">
        <v>81</v>
      </c>
      <c r="L144" s="701"/>
      <c r="M144" s="701">
        <v>82</v>
      </c>
      <c r="N144" s="733"/>
      <c r="O144" s="736">
        <v>82</v>
      </c>
      <c r="P144" s="735"/>
      <c r="Q144" s="709">
        <v>0</v>
      </c>
      <c r="R144" s="709"/>
      <c r="S144" s="709">
        <v>0</v>
      </c>
      <c r="T144" s="709"/>
      <c r="U144" s="709">
        <v>0</v>
      </c>
      <c r="V144" s="596"/>
      <c r="W144" s="582"/>
      <c r="X144" s="582"/>
    </row>
    <row r="145" spans="1:24" s="603" customFormat="1" ht="11.45" customHeight="1" x14ac:dyDescent="0.2">
      <c r="A145" s="582"/>
      <c r="B145" s="702" t="s">
        <v>529</v>
      </c>
      <c r="C145" s="703"/>
      <c r="D145" s="703"/>
      <c r="E145" s="702"/>
      <c r="F145" s="704" t="s">
        <v>79</v>
      </c>
      <c r="G145" s="705" t="s">
        <v>436</v>
      </c>
      <c r="H145" s="694"/>
      <c r="I145" s="701">
        <v>2127</v>
      </c>
      <c r="J145" s="731"/>
      <c r="K145" s="701">
        <v>8573</v>
      </c>
      <c r="L145" s="701"/>
      <c r="M145" s="732">
        <v>10700</v>
      </c>
      <c r="N145" s="733"/>
      <c r="O145" s="734">
        <v>10700</v>
      </c>
      <c r="P145" s="735"/>
      <c r="Q145" s="709">
        <v>0</v>
      </c>
      <c r="R145" s="709"/>
      <c r="S145" s="709">
        <v>0</v>
      </c>
      <c r="T145" s="709"/>
      <c r="U145" s="709">
        <v>0</v>
      </c>
      <c r="V145" s="596"/>
      <c r="W145" s="582"/>
      <c r="X145" s="582"/>
    </row>
    <row r="146" spans="1:24" s="582" customFormat="1" ht="11.45" customHeight="1" x14ac:dyDescent="0.35">
      <c r="B146" s="601" t="s">
        <v>530</v>
      </c>
      <c r="C146" s="592"/>
      <c r="D146" s="592"/>
      <c r="E146" s="592"/>
      <c r="F146" s="586"/>
      <c r="G146" s="737"/>
      <c r="H146" s="586"/>
      <c r="I146" s="686"/>
      <c r="J146" s="620"/>
      <c r="K146" s="589"/>
      <c r="L146" s="589"/>
      <c r="M146" s="589"/>
      <c r="N146" s="590"/>
      <c r="O146" s="734"/>
      <c r="P146" s="589"/>
      <c r="Q146" s="589"/>
      <c r="R146" s="589"/>
      <c r="S146" s="589"/>
      <c r="T146" s="589"/>
      <c r="U146" s="589"/>
      <c r="V146" s="596"/>
    </row>
    <row r="147" spans="1:24" s="582" customFormat="1" ht="11.45" customHeight="1" x14ac:dyDescent="0.2">
      <c r="B147" s="601" t="s">
        <v>531</v>
      </c>
      <c r="C147" s="601"/>
      <c r="D147" s="592"/>
      <c r="E147" s="592"/>
      <c r="F147" s="618" t="s">
        <v>79</v>
      </c>
      <c r="G147" s="642" t="s">
        <v>75</v>
      </c>
      <c r="H147" s="618"/>
      <c r="I147" s="738">
        <v>329</v>
      </c>
      <c r="J147" s="739"/>
      <c r="K147" s="738">
        <v>6</v>
      </c>
      <c r="L147" s="740"/>
      <c r="M147" s="741">
        <v>335</v>
      </c>
      <c r="N147" s="598"/>
      <c r="O147" s="742">
        <v>335</v>
      </c>
      <c r="P147" s="589"/>
      <c r="Q147" s="743">
        <v>0</v>
      </c>
      <c r="R147" s="589"/>
      <c r="S147" s="743">
        <v>0</v>
      </c>
      <c r="T147" s="589"/>
      <c r="U147" s="743">
        <v>0</v>
      </c>
      <c r="V147" s="596"/>
    </row>
    <row r="148" spans="1:24" s="691" customFormat="1" ht="3" customHeight="1" x14ac:dyDescent="0.2">
      <c r="A148" s="582"/>
      <c r="B148" s="11"/>
      <c r="C148" s="11"/>
      <c r="D148" s="582"/>
      <c r="E148" s="582"/>
      <c r="F148" s="586" t="s">
        <v>79</v>
      </c>
      <c r="G148" s="47"/>
      <c r="H148" s="586"/>
      <c r="I148" s="589"/>
      <c r="J148" s="582"/>
      <c r="K148" s="589"/>
      <c r="L148" s="589"/>
      <c r="M148" s="589"/>
      <c r="N148" s="590"/>
      <c r="O148" s="744">
        <v>0</v>
      </c>
      <c r="P148" s="589"/>
      <c r="Q148" s="589"/>
      <c r="R148" s="589"/>
      <c r="S148" s="589"/>
      <c r="T148" s="589"/>
      <c r="U148" s="589"/>
      <c r="V148" s="596"/>
    </row>
    <row r="149" spans="1:24" s="691" customFormat="1" ht="11.45" customHeight="1" x14ac:dyDescent="0.2">
      <c r="A149" s="582"/>
      <c r="B149" s="11"/>
      <c r="C149" s="600" t="s">
        <v>532</v>
      </c>
      <c r="D149" s="582"/>
      <c r="E149" s="582"/>
      <c r="F149" s="586" t="s">
        <v>79</v>
      </c>
      <c r="G149" s="47" t="s">
        <v>79</v>
      </c>
      <c r="H149" s="586"/>
      <c r="I149" s="589">
        <v>7967</v>
      </c>
      <c r="J149" s="582"/>
      <c r="K149" s="589">
        <v>9612</v>
      </c>
      <c r="L149" s="589"/>
      <c r="M149" s="589">
        <v>17579</v>
      </c>
      <c r="N149" s="590"/>
      <c r="O149" s="589">
        <v>17192</v>
      </c>
      <c r="P149" s="589"/>
      <c r="Q149" s="589">
        <v>0</v>
      </c>
      <c r="R149" s="589"/>
      <c r="S149" s="589">
        <v>130</v>
      </c>
      <c r="T149" s="589"/>
      <c r="U149" s="589">
        <v>257</v>
      </c>
      <c r="V149" s="596"/>
    </row>
    <row r="150" spans="1:24" ht="1.5" customHeight="1" x14ac:dyDescent="0.2">
      <c r="A150" s="614"/>
      <c r="B150" s="498"/>
      <c r="C150" s="654"/>
      <c r="D150" s="614"/>
      <c r="E150" s="614"/>
      <c r="F150" s="615"/>
      <c r="G150" s="655"/>
      <c r="H150" s="615"/>
      <c r="I150" s="656"/>
      <c r="J150" s="614"/>
      <c r="K150" s="656"/>
      <c r="L150" s="656"/>
      <c r="M150" s="656"/>
      <c r="N150" s="657"/>
      <c r="O150" s="656"/>
      <c r="P150" s="656"/>
      <c r="Q150" s="656"/>
      <c r="R150" s="656"/>
      <c r="S150" s="656"/>
      <c r="T150" s="656"/>
      <c r="U150" s="656"/>
    </row>
    <row r="151" spans="1:24" ht="1.5" customHeight="1" x14ac:dyDescent="0.2">
      <c r="A151" s="582"/>
      <c r="B151" s="11"/>
      <c r="C151" s="600"/>
      <c r="D151" s="582"/>
      <c r="E151" s="582"/>
      <c r="F151" s="586"/>
      <c r="G151" s="658"/>
      <c r="H151" s="586"/>
      <c r="I151" s="589"/>
      <c r="J151" s="582"/>
      <c r="K151" s="589"/>
      <c r="L151" s="589"/>
      <c r="M151" s="589"/>
      <c r="N151" s="684"/>
      <c r="O151" s="589"/>
      <c r="P151" s="589"/>
      <c r="Q151" s="589"/>
      <c r="R151" s="589"/>
      <c r="S151" s="589"/>
      <c r="T151" s="589"/>
      <c r="U151" s="589"/>
    </row>
    <row r="152" spans="1:24" ht="2.4500000000000002" customHeight="1" x14ac:dyDescent="0.2">
      <c r="A152" s="582"/>
      <c r="B152" s="11"/>
      <c r="C152" s="600"/>
      <c r="D152" s="582"/>
      <c r="E152" s="582"/>
      <c r="F152" s="586"/>
      <c r="G152" s="658"/>
      <c r="H152" s="586"/>
      <c r="I152" s="589"/>
      <c r="J152" s="582"/>
      <c r="K152" s="589"/>
      <c r="L152" s="589"/>
      <c r="M152" s="589"/>
      <c r="N152" s="590"/>
      <c r="O152" s="589"/>
      <c r="P152" s="589"/>
      <c r="Q152" s="589"/>
      <c r="R152" s="589"/>
      <c r="S152" s="589"/>
      <c r="T152" s="589"/>
      <c r="U152" s="589"/>
    </row>
    <row r="153" spans="1:24" ht="11.25" customHeight="1" x14ac:dyDescent="0.2">
      <c r="A153" s="581" t="s">
        <v>533</v>
      </c>
      <c r="B153" s="582"/>
      <c r="C153" s="582"/>
      <c r="D153" s="582"/>
      <c r="E153" s="582"/>
      <c r="F153" s="586"/>
      <c r="G153" s="625"/>
      <c r="H153" s="586"/>
      <c r="I153" s="586"/>
      <c r="J153" s="582"/>
      <c r="K153" s="589"/>
      <c r="L153" s="589"/>
      <c r="M153" s="589"/>
      <c r="N153" s="590"/>
      <c r="O153" s="589"/>
      <c r="P153" s="589"/>
      <c r="Q153" s="589"/>
      <c r="R153" s="589"/>
      <c r="S153" s="589"/>
      <c r="T153" s="589"/>
      <c r="U153" s="589"/>
    </row>
    <row r="154" spans="1:24" s="691" customFormat="1" ht="11.45" customHeight="1" x14ac:dyDescent="0.2">
      <c r="A154" s="592"/>
      <c r="B154" s="601" t="s">
        <v>534</v>
      </c>
      <c r="C154" s="592"/>
      <c r="D154" s="592"/>
      <c r="E154" s="592"/>
      <c r="F154" s="745" t="s">
        <v>79</v>
      </c>
      <c r="G154" s="746" t="s">
        <v>75</v>
      </c>
      <c r="H154" s="747"/>
      <c r="I154" s="738">
        <v>8</v>
      </c>
      <c r="J154" s="739"/>
      <c r="K154" s="738">
        <v>49</v>
      </c>
      <c r="L154" s="740"/>
      <c r="M154" s="738">
        <v>57</v>
      </c>
      <c r="N154" s="598"/>
      <c r="O154" s="748">
        <v>57</v>
      </c>
      <c r="P154" s="589"/>
      <c r="Q154" s="743">
        <v>0</v>
      </c>
      <c r="R154" s="589"/>
      <c r="S154" s="743">
        <v>0</v>
      </c>
      <c r="T154" s="589"/>
      <c r="U154" s="743">
        <v>0</v>
      </c>
      <c r="V154" s="596"/>
      <c r="W154" s="603" t="s">
        <v>535</v>
      </c>
    </row>
    <row r="155" spans="1:24" s="691" customFormat="1" ht="2.25" customHeight="1" x14ac:dyDescent="0.2">
      <c r="A155" s="582"/>
      <c r="B155" s="11"/>
      <c r="C155" s="11"/>
      <c r="D155" s="582"/>
      <c r="E155" s="582"/>
      <c r="F155" s="586" t="s">
        <v>79</v>
      </c>
      <c r="G155" s="621"/>
      <c r="H155" s="747"/>
      <c r="I155" s="589"/>
      <c r="J155" s="582"/>
      <c r="K155" s="589"/>
      <c r="L155" s="589"/>
      <c r="M155" s="684"/>
      <c r="N155" s="749"/>
      <c r="O155" s="589"/>
      <c r="P155" s="620"/>
      <c r="Q155" s="597"/>
      <c r="R155" s="620"/>
      <c r="S155" s="597"/>
      <c r="T155" s="620"/>
      <c r="U155" s="597"/>
      <c r="V155" s="596"/>
    </row>
    <row r="156" spans="1:24" s="691" customFormat="1" ht="15" customHeight="1" x14ac:dyDescent="0.35">
      <c r="A156" s="582"/>
      <c r="B156" s="11"/>
      <c r="C156" s="11" t="s">
        <v>494</v>
      </c>
      <c r="D156" s="582"/>
      <c r="E156" s="582"/>
      <c r="F156" s="586" t="s">
        <v>79</v>
      </c>
      <c r="G156" s="658" t="s">
        <v>79</v>
      </c>
      <c r="H156" s="586"/>
      <c r="I156" s="686">
        <v>8</v>
      </c>
      <c r="J156" s="582"/>
      <c r="K156" s="686">
        <v>49</v>
      </c>
      <c r="L156" s="589"/>
      <c r="M156" s="686">
        <v>57</v>
      </c>
      <c r="N156" s="749"/>
      <c r="O156" s="686">
        <v>57</v>
      </c>
      <c r="P156" s="589"/>
      <c r="Q156" s="686">
        <v>0</v>
      </c>
      <c r="R156" s="589"/>
      <c r="S156" s="686">
        <v>0</v>
      </c>
      <c r="T156" s="589"/>
      <c r="U156" s="686">
        <v>0</v>
      </c>
      <c r="V156" s="596"/>
    </row>
    <row r="157" spans="1:24" s="691" customFormat="1" ht="8.25" customHeight="1" x14ac:dyDescent="0.35">
      <c r="A157" s="582"/>
      <c r="B157" s="11"/>
      <c r="C157" s="600"/>
      <c r="D157" s="582"/>
      <c r="E157" s="582"/>
      <c r="F157" s="586"/>
      <c r="G157" s="658"/>
      <c r="H157" s="586"/>
      <c r="I157" s="686"/>
      <c r="J157" s="582"/>
      <c r="K157" s="686"/>
      <c r="L157" s="589"/>
      <c r="M157" s="686"/>
      <c r="N157" s="749"/>
      <c r="O157" s="686"/>
      <c r="P157" s="589"/>
      <c r="Q157" s="686"/>
      <c r="R157" s="589"/>
      <c r="S157" s="686"/>
      <c r="T157" s="589"/>
      <c r="U157" s="686"/>
      <c r="V157" s="596"/>
    </row>
    <row r="158" spans="1:24" s="691" customFormat="1" ht="11.45" customHeight="1" x14ac:dyDescent="0.35">
      <c r="A158" s="582"/>
      <c r="B158" s="11"/>
      <c r="C158" s="600"/>
      <c r="D158" s="552" t="s">
        <v>536</v>
      </c>
      <c r="E158" s="582"/>
      <c r="F158" s="586" t="s">
        <v>79</v>
      </c>
      <c r="G158" s="658" t="s">
        <v>79</v>
      </c>
      <c r="H158" s="586"/>
      <c r="I158" s="688">
        <v>7975</v>
      </c>
      <c r="J158" s="688"/>
      <c r="K158" s="688">
        <v>9661</v>
      </c>
      <c r="L158" s="688"/>
      <c r="M158" s="688">
        <v>17636</v>
      </c>
      <c r="N158" s="749"/>
      <c r="O158" s="688">
        <v>17249</v>
      </c>
      <c r="P158" s="688"/>
      <c r="Q158" s="688">
        <v>0</v>
      </c>
      <c r="R158" s="688"/>
      <c r="S158" s="688">
        <v>130</v>
      </c>
      <c r="T158" s="688"/>
      <c r="U158" s="688">
        <v>257</v>
      </c>
      <c r="V158" s="596"/>
    </row>
    <row r="159" spans="1:24" ht="2.4500000000000002" customHeight="1" x14ac:dyDescent="0.2">
      <c r="A159" s="582"/>
      <c r="B159" s="11"/>
      <c r="C159" s="600"/>
      <c r="D159" s="582"/>
      <c r="E159" s="582"/>
      <c r="F159" s="586"/>
      <c r="G159" s="658"/>
      <c r="H159" s="586"/>
      <c r="I159" s="589"/>
      <c r="J159" s="582"/>
      <c r="K159" s="589"/>
      <c r="L159" s="589"/>
      <c r="M159" s="589"/>
      <c r="N159" s="749"/>
      <c r="O159" s="589"/>
      <c r="P159" s="589"/>
      <c r="Q159" s="589"/>
      <c r="R159" s="589"/>
      <c r="S159" s="589"/>
      <c r="T159" s="589"/>
      <c r="U159" s="589"/>
    </row>
    <row r="160" spans="1:24" ht="11.45" customHeight="1" x14ac:dyDescent="0.35">
      <c r="A160" s="582"/>
      <c r="B160" s="11"/>
      <c r="C160" s="600"/>
      <c r="D160" s="552" t="s">
        <v>537</v>
      </c>
      <c r="E160" s="582"/>
      <c r="F160" s="586" t="s">
        <v>79</v>
      </c>
      <c r="G160" s="658" t="s">
        <v>79</v>
      </c>
      <c r="H160" s="586"/>
      <c r="I160" s="750">
        <v>12848</v>
      </c>
      <c r="J160" s="750"/>
      <c r="K160" s="750">
        <v>16975</v>
      </c>
      <c r="L160" s="750"/>
      <c r="M160" s="750">
        <v>29823</v>
      </c>
      <c r="N160" s="749"/>
      <c r="O160" s="750">
        <v>25215</v>
      </c>
      <c r="P160" s="750"/>
      <c r="Q160" s="750">
        <v>1168</v>
      </c>
      <c r="R160" s="750"/>
      <c r="S160" s="750">
        <v>1226</v>
      </c>
      <c r="T160" s="750"/>
      <c r="U160" s="750">
        <v>2214</v>
      </c>
    </row>
    <row r="161" spans="1:22" ht="2.4500000000000002" customHeight="1" x14ac:dyDescent="0.2">
      <c r="A161" s="751"/>
      <c r="B161" s="751"/>
      <c r="C161" s="751"/>
      <c r="D161" s="751"/>
      <c r="E161" s="751"/>
      <c r="F161" s="614"/>
      <c r="G161" s="614"/>
      <c r="H161" s="614"/>
      <c r="I161" s="614"/>
      <c r="J161" s="751"/>
      <c r="K161" s="752"/>
      <c r="L161" s="752"/>
      <c r="M161" s="752"/>
      <c r="N161" s="753"/>
      <c r="O161" s="752"/>
      <c r="P161" s="752"/>
      <c r="Q161" s="752"/>
      <c r="R161" s="752"/>
      <c r="S161" s="752"/>
      <c r="T161" s="752"/>
      <c r="U161" s="752"/>
    </row>
    <row r="162" spans="1:22" ht="3.75" customHeight="1" x14ac:dyDescent="0.2">
      <c r="A162" s="581"/>
      <c r="B162" s="582"/>
      <c r="C162" s="592"/>
      <c r="D162" s="592"/>
      <c r="E162" s="592"/>
      <c r="F162" s="618"/>
      <c r="G162" s="643"/>
      <c r="H162" s="618"/>
      <c r="I162" s="618"/>
      <c r="J162" s="592"/>
      <c r="K162" s="684"/>
      <c r="L162" s="684"/>
      <c r="M162" s="684"/>
      <c r="N162" s="684"/>
      <c r="O162" s="684"/>
      <c r="P162" s="684"/>
      <c r="Q162" s="684"/>
      <c r="R162" s="684"/>
      <c r="S162" s="684"/>
      <c r="T162" s="684"/>
      <c r="U162" s="684"/>
    </row>
    <row r="163" spans="1:22" ht="22.9" customHeight="1" x14ac:dyDescent="0.2">
      <c r="A163" s="754">
        <v>1</v>
      </c>
      <c r="B163" s="903" t="s">
        <v>538</v>
      </c>
      <c r="C163" s="915"/>
      <c r="D163" s="915"/>
      <c r="E163" s="915"/>
      <c r="F163" s="915"/>
      <c r="G163" s="915"/>
      <c r="H163" s="915"/>
      <c r="I163" s="915"/>
      <c r="J163" s="915"/>
      <c r="K163" s="915"/>
      <c r="L163" s="915"/>
      <c r="M163" s="915"/>
      <c r="N163" s="915"/>
      <c r="O163" s="915"/>
      <c r="P163" s="915"/>
      <c r="Q163" s="915"/>
      <c r="R163" s="915"/>
      <c r="S163" s="915"/>
      <c r="T163" s="915"/>
      <c r="U163" s="915"/>
    </row>
    <row r="164" spans="1:22" ht="12.75" customHeight="1" x14ac:dyDescent="0.2">
      <c r="A164" s="754">
        <v>2</v>
      </c>
      <c r="B164" s="903" t="s">
        <v>539</v>
      </c>
      <c r="C164" s="916"/>
      <c r="D164" s="916"/>
      <c r="E164" s="916"/>
      <c r="F164" s="916"/>
      <c r="G164" s="916"/>
      <c r="H164" s="916"/>
      <c r="I164" s="916"/>
      <c r="J164" s="916"/>
      <c r="K164" s="916"/>
      <c r="L164" s="916"/>
      <c r="M164" s="916"/>
      <c r="N164" s="916"/>
      <c r="O164" s="916"/>
      <c r="P164" s="916"/>
      <c r="Q164" s="916"/>
      <c r="R164" s="916"/>
      <c r="S164" s="916"/>
      <c r="T164" s="916"/>
      <c r="U164" s="916"/>
    </row>
    <row r="165" spans="1:22" x14ac:dyDescent="0.2">
      <c r="A165" s="754">
        <v>3</v>
      </c>
      <c r="B165" s="18" t="s">
        <v>540</v>
      </c>
      <c r="C165" s="755"/>
      <c r="D165" s="755"/>
      <c r="E165" s="755"/>
      <c r="F165" s="755"/>
      <c r="G165" s="755"/>
      <c r="H165" s="755"/>
      <c r="I165" s="755"/>
      <c r="J165" s="755"/>
      <c r="K165" s="755"/>
      <c r="L165" s="755"/>
      <c r="M165" s="755"/>
      <c r="N165" s="755"/>
      <c r="O165" s="755"/>
      <c r="P165" s="755"/>
      <c r="Q165" s="755"/>
      <c r="R165" s="755"/>
      <c r="S165" s="755"/>
      <c r="T165" s="755"/>
      <c r="U165" s="755"/>
    </row>
    <row r="166" spans="1:22" x14ac:dyDescent="0.2">
      <c r="A166" s="754">
        <v>4</v>
      </c>
      <c r="B166" s="18" t="s">
        <v>541</v>
      </c>
      <c r="C166" s="755"/>
      <c r="D166" s="755"/>
      <c r="E166" s="755"/>
      <c r="F166" s="755"/>
      <c r="G166" s="755"/>
      <c r="H166" s="755"/>
      <c r="I166" s="755"/>
      <c r="J166" s="755"/>
      <c r="K166" s="755"/>
      <c r="L166" s="755"/>
      <c r="M166" s="755"/>
      <c r="N166" s="755"/>
      <c r="O166" s="755"/>
      <c r="P166" s="755"/>
      <c r="Q166" s="755"/>
      <c r="R166" s="755"/>
      <c r="S166" s="755"/>
      <c r="T166" s="755"/>
      <c r="U166" s="755"/>
    </row>
    <row r="167" spans="1:22" ht="12.75" customHeight="1" x14ac:dyDescent="0.2">
      <c r="A167" s="754">
        <v>5</v>
      </c>
      <c r="B167" s="18" t="s">
        <v>542</v>
      </c>
      <c r="C167" s="18"/>
      <c r="D167" s="18"/>
      <c r="E167" s="18"/>
      <c r="F167" s="18"/>
      <c r="G167" s="18"/>
      <c r="H167" s="18"/>
      <c r="I167" s="18"/>
      <c r="J167" s="18"/>
      <c r="K167" s="18"/>
      <c r="L167" s="18"/>
      <c r="M167" s="18"/>
      <c r="N167" s="18"/>
      <c r="O167" s="18"/>
      <c r="P167" s="18"/>
      <c r="Q167" s="18"/>
      <c r="R167" s="18"/>
      <c r="S167" s="18"/>
      <c r="T167" s="18"/>
      <c r="U167" s="18"/>
    </row>
    <row r="168" spans="1:22" x14ac:dyDescent="0.2">
      <c r="A168" s="754">
        <v>6</v>
      </c>
      <c r="B168" s="18" t="s">
        <v>543</v>
      </c>
      <c r="C168" s="755"/>
      <c r="D168" s="755"/>
      <c r="E168" s="755"/>
      <c r="F168" s="755"/>
      <c r="G168" s="755"/>
      <c r="H168" s="755"/>
      <c r="I168" s="755"/>
      <c r="J168" s="755"/>
      <c r="K168" s="755"/>
      <c r="L168" s="755"/>
      <c r="M168" s="755"/>
      <c r="N168" s="755"/>
      <c r="O168" s="755"/>
      <c r="P168" s="755"/>
      <c r="Q168" s="755"/>
      <c r="R168" s="755"/>
      <c r="S168" s="755"/>
      <c r="T168" s="755"/>
      <c r="U168" s="755"/>
    </row>
    <row r="169" spans="1:22" ht="22.5" customHeight="1" x14ac:dyDescent="0.2">
      <c r="A169" s="756">
        <v>7</v>
      </c>
      <c r="B169" s="917" t="s">
        <v>544</v>
      </c>
      <c r="C169" s="918"/>
      <c r="D169" s="918"/>
      <c r="E169" s="918"/>
      <c r="F169" s="918"/>
      <c r="G169" s="918"/>
      <c r="H169" s="918"/>
      <c r="I169" s="918"/>
      <c r="J169" s="918"/>
      <c r="K169" s="918"/>
      <c r="L169" s="918"/>
      <c r="M169" s="918"/>
      <c r="N169" s="918"/>
      <c r="O169" s="918"/>
      <c r="P169" s="918"/>
      <c r="Q169" s="918"/>
      <c r="R169" s="918"/>
      <c r="S169" s="918"/>
      <c r="T169" s="918"/>
      <c r="U169" s="918"/>
    </row>
    <row r="170" spans="1:22" ht="22.5" customHeight="1" x14ac:dyDescent="0.15">
      <c r="A170" s="756">
        <v>8</v>
      </c>
      <c r="B170" s="917" t="s">
        <v>545</v>
      </c>
      <c r="C170" s="918"/>
      <c r="D170" s="918"/>
      <c r="E170" s="918"/>
      <c r="F170" s="918"/>
      <c r="G170" s="918"/>
      <c r="H170" s="918"/>
      <c r="I170" s="918"/>
      <c r="J170" s="918"/>
      <c r="K170" s="918"/>
      <c r="L170" s="918"/>
      <c r="M170" s="918"/>
      <c r="N170" s="918"/>
      <c r="O170" s="918"/>
      <c r="P170" s="918"/>
      <c r="Q170" s="918"/>
      <c r="R170" s="918"/>
      <c r="S170" s="918"/>
      <c r="T170" s="918"/>
      <c r="U170" s="918"/>
      <c r="V170" s="757"/>
    </row>
  </sheetData>
  <mergeCells count="4">
    <mergeCell ref="B163:U163"/>
    <mergeCell ref="B164:U164"/>
    <mergeCell ref="B169:U169"/>
    <mergeCell ref="B170:U170"/>
  </mergeCells>
  <printOptions horizontalCentered="1"/>
  <pageMargins left="0.51181102362204722" right="0.31496062992125984" top="0.51181102362204722" bottom="0.35433070866141736" header="0.31496062992125984" footer="0.51181102362204722"/>
  <pageSetup fitToHeight="3" orientation="portrait" r:id="rId1"/>
  <headerFooter alignWithMargins="0"/>
  <rowBreaks count="2" manualBreakCount="2">
    <brk id="68" max="20" man="1"/>
    <brk id="108" max="20" man="1"/>
  </rowBreaks>
  <ignoredErrors>
    <ignoredError sqref="F9:G49 G50:G88 G89:G123 G124:G156" numberStoredAsText="1"/>
  </ignoredErrors>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dimension ref="A1:M39"/>
  <sheetViews>
    <sheetView showGridLines="0" zoomScaleNormal="100" zoomScaleSheetLayoutView="100" workbookViewId="0">
      <selection activeCell="B39" sqref="B39:M39"/>
    </sheetView>
  </sheetViews>
  <sheetFormatPr defaultColWidth="12.5703125" defaultRowHeight="11.25" x14ac:dyDescent="0.2"/>
  <cols>
    <col min="1" max="1" width="1.42578125" style="11" customWidth="1"/>
    <col min="2" max="3" width="3.5703125" style="11" customWidth="1"/>
    <col min="4" max="4" width="12.5703125" style="11"/>
    <col min="5" max="5" width="12.85546875" style="11" customWidth="1"/>
    <col min="6" max="6" width="7" style="11" customWidth="1"/>
    <col min="7" max="7" width="8.42578125" style="11" customWidth="1"/>
    <col min="8" max="8" width="1.140625" style="11" customWidth="1"/>
    <col min="9" max="9" width="8.140625" style="11" customWidth="1"/>
    <col min="10" max="10" width="1.140625" style="11" customWidth="1"/>
    <col min="11" max="11" width="8.140625" style="11" customWidth="1"/>
    <col min="12" max="12" width="1.140625" style="11" customWidth="1"/>
    <col min="13" max="13" width="8.140625" style="11" customWidth="1"/>
    <col min="14" max="16384" width="12.5703125" style="11"/>
  </cols>
  <sheetData>
    <row r="1" spans="1:13" ht="15" customHeight="1" x14ac:dyDescent="0.2">
      <c r="A1" s="758" t="s">
        <v>546</v>
      </c>
      <c r="B1" s="759"/>
      <c r="C1" s="759"/>
      <c r="D1" s="759"/>
      <c r="E1" s="759"/>
      <c r="F1" s="759"/>
      <c r="H1" s="759"/>
      <c r="I1" s="761"/>
      <c r="J1" s="759"/>
      <c r="K1" s="498"/>
      <c r="L1" s="498"/>
      <c r="M1" s="498"/>
    </row>
    <row r="2" spans="1:13" ht="37.5" customHeight="1" x14ac:dyDescent="0.2">
      <c r="A2" s="760"/>
      <c r="B2" s="762" t="s">
        <v>547</v>
      </c>
      <c r="C2" s="67"/>
      <c r="D2" s="67"/>
      <c r="E2" s="67"/>
      <c r="F2" s="67"/>
      <c r="G2" s="66" t="s">
        <v>22</v>
      </c>
      <c r="H2" s="763"/>
      <c r="I2" s="764" t="s">
        <v>23</v>
      </c>
      <c r="J2" s="763"/>
      <c r="K2" s="66" t="s">
        <v>24</v>
      </c>
      <c r="L2" s="765"/>
      <c r="M2" s="66" t="s">
        <v>25</v>
      </c>
    </row>
    <row r="3" spans="1:13" ht="1.9" customHeight="1" x14ac:dyDescent="0.2">
      <c r="A3" s="766"/>
      <c r="B3" s="478"/>
      <c r="C3" s="478"/>
      <c r="D3" s="478"/>
      <c r="E3" s="478"/>
      <c r="F3" s="478"/>
      <c r="G3" s="296"/>
      <c r="H3" s="759"/>
      <c r="I3" s="300"/>
      <c r="J3" s="759"/>
      <c r="K3" s="302"/>
      <c r="L3" s="759"/>
      <c r="M3" s="302"/>
    </row>
    <row r="4" spans="1:13" ht="1.9" customHeight="1" x14ac:dyDescent="0.2">
      <c r="A4" s="767"/>
      <c r="B4" s="482"/>
      <c r="C4" s="482"/>
      <c r="D4" s="482"/>
      <c r="E4" s="482"/>
      <c r="F4" s="482"/>
      <c r="G4" s="304"/>
      <c r="H4" s="760"/>
      <c r="I4" s="307"/>
      <c r="J4" s="760"/>
      <c r="K4" s="309"/>
      <c r="L4" s="760"/>
      <c r="M4" s="309"/>
    </row>
    <row r="5" spans="1:13" s="10" customFormat="1" ht="13.15" customHeight="1" x14ac:dyDescent="0.2">
      <c r="A5" s="768" t="s">
        <v>548</v>
      </c>
      <c r="B5" s="769"/>
      <c r="C5" s="769"/>
      <c r="D5" s="769"/>
      <c r="E5" s="769"/>
      <c r="F5" s="769"/>
      <c r="G5" s="770"/>
      <c r="H5" s="770"/>
      <c r="I5" s="771"/>
      <c r="J5" s="770"/>
      <c r="K5" s="770"/>
      <c r="L5" s="770"/>
      <c r="M5" s="770"/>
    </row>
    <row r="6" spans="1:13" s="10" customFormat="1" ht="13.15" customHeight="1" x14ac:dyDescent="0.2">
      <c r="A6" s="768"/>
      <c r="B6" s="772" t="s">
        <v>549</v>
      </c>
      <c r="C6" s="769"/>
      <c r="D6" s="769"/>
      <c r="E6" s="769"/>
      <c r="F6" s="769"/>
      <c r="G6" s="774">
        <v>1024</v>
      </c>
      <c r="H6" s="775"/>
      <c r="I6" s="776">
        <v>0</v>
      </c>
      <c r="J6" s="775"/>
      <c r="K6" s="774">
        <v>0</v>
      </c>
      <c r="L6" s="775"/>
      <c r="M6" s="774">
        <v>0</v>
      </c>
    </row>
    <row r="7" spans="1:13" s="10" customFormat="1" ht="13.15" customHeight="1" x14ac:dyDescent="0.2">
      <c r="A7" s="768"/>
      <c r="B7" s="768" t="s">
        <v>550</v>
      </c>
      <c r="C7" s="769"/>
      <c r="D7" s="769"/>
      <c r="E7" s="769"/>
      <c r="F7" s="769"/>
      <c r="G7" s="335"/>
      <c r="H7" s="775"/>
      <c r="I7" s="778"/>
      <c r="J7" s="775"/>
      <c r="K7" s="777"/>
      <c r="L7" s="775"/>
      <c r="M7" s="777"/>
    </row>
    <row r="8" spans="1:13" s="10" customFormat="1" ht="13.15" customHeight="1" x14ac:dyDescent="0.2">
      <c r="A8" s="769"/>
      <c r="B8" s="769" t="s">
        <v>551</v>
      </c>
      <c r="C8" s="769"/>
      <c r="D8" s="769"/>
      <c r="E8" s="769"/>
      <c r="F8" s="769"/>
      <c r="G8" s="407">
        <v>14182</v>
      </c>
      <c r="H8" s="779"/>
      <c r="I8" s="780">
        <v>14582</v>
      </c>
      <c r="J8" s="781"/>
      <c r="K8" s="775">
        <v>14570</v>
      </c>
      <c r="L8" s="781"/>
      <c r="M8" s="775">
        <v>14577</v>
      </c>
    </row>
    <row r="9" spans="1:13" s="10" customFormat="1" ht="13.15" customHeight="1" x14ac:dyDescent="0.2">
      <c r="A9" s="768"/>
      <c r="B9" s="769" t="s">
        <v>552</v>
      </c>
      <c r="C9" s="769"/>
      <c r="D9" s="769"/>
      <c r="E9" s="769"/>
      <c r="F9" s="769"/>
      <c r="G9" s="407">
        <v>7984</v>
      </c>
      <c r="H9" s="779"/>
      <c r="I9" s="780">
        <v>8184</v>
      </c>
      <c r="J9" s="14"/>
      <c r="K9" s="775">
        <v>8287</v>
      </c>
      <c r="L9" s="14"/>
      <c r="M9" s="775">
        <v>8484</v>
      </c>
    </row>
    <row r="10" spans="1:13" s="10" customFormat="1" ht="13.15" customHeight="1" x14ac:dyDescent="0.2">
      <c r="A10" s="768"/>
      <c r="B10" s="769" t="s">
        <v>553</v>
      </c>
      <c r="C10" s="769"/>
      <c r="G10" s="407">
        <v>16393</v>
      </c>
      <c r="I10" s="780">
        <v>17781</v>
      </c>
      <c r="K10" s="775">
        <v>19471</v>
      </c>
      <c r="M10" s="775">
        <v>21192</v>
      </c>
    </row>
    <row r="11" spans="1:13" s="10" customFormat="1" ht="14.25" x14ac:dyDescent="0.2">
      <c r="A11" s="769"/>
      <c r="B11" s="769" t="s">
        <v>554</v>
      </c>
      <c r="C11" s="769"/>
      <c r="D11" s="769"/>
      <c r="E11" s="769"/>
      <c r="F11" s="769"/>
      <c r="G11" s="783">
        <v>4097</v>
      </c>
      <c r="H11" s="775"/>
      <c r="I11" s="784">
        <v>4651</v>
      </c>
      <c r="J11" s="775"/>
      <c r="K11" s="782">
        <v>5226</v>
      </c>
      <c r="L11" s="775"/>
      <c r="M11" s="782">
        <v>6004</v>
      </c>
    </row>
    <row r="12" spans="1:13" s="10" customFormat="1" ht="13.9" customHeight="1" x14ac:dyDescent="0.2">
      <c r="A12" s="769"/>
      <c r="B12" s="768" t="s">
        <v>555</v>
      </c>
      <c r="C12" s="769"/>
      <c r="D12" s="769"/>
      <c r="E12" s="769"/>
      <c r="F12" s="769"/>
      <c r="G12" s="774">
        <v>42656</v>
      </c>
      <c r="H12" s="775"/>
      <c r="I12" s="776">
        <v>45198</v>
      </c>
      <c r="J12" s="775"/>
      <c r="K12" s="773">
        <v>47554</v>
      </c>
      <c r="L12" s="775"/>
      <c r="M12" s="773">
        <v>50257</v>
      </c>
    </row>
    <row r="13" spans="1:13" s="10" customFormat="1" ht="2.4500000000000002" hidden="1" customHeight="1" x14ac:dyDescent="0.2">
      <c r="A13" s="769"/>
      <c r="B13" s="769"/>
      <c r="C13" s="769"/>
      <c r="D13" s="769"/>
      <c r="E13" s="769"/>
      <c r="F13" s="769"/>
      <c r="G13" s="335"/>
      <c r="H13" s="775"/>
      <c r="I13" s="780"/>
      <c r="J13" s="775"/>
      <c r="K13" s="775"/>
      <c r="L13" s="775"/>
      <c r="M13" s="775"/>
    </row>
    <row r="14" spans="1:13" s="10" customFormat="1" ht="12" hidden="1" x14ac:dyDescent="0.2">
      <c r="A14" s="769"/>
      <c r="B14" s="768" t="s">
        <v>556</v>
      </c>
      <c r="C14" s="769"/>
      <c r="D14" s="769"/>
      <c r="E14" s="769"/>
      <c r="F14" s="769"/>
      <c r="G14" s="335"/>
      <c r="H14" s="775"/>
      <c r="I14" s="778"/>
      <c r="J14" s="775"/>
      <c r="K14" s="777"/>
      <c r="L14" s="775"/>
      <c r="M14" s="777"/>
    </row>
    <row r="15" spans="1:13" s="10" customFormat="1" ht="1.1499999999999999" customHeight="1" x14ac:dyDescent="0.2">
      <c r="A15" s="769"/>
      <c r="B15" s="768"/>
      <c r="C15" s="785"/>
      <c r="D15" s="785"/>
      <c r="E15" s="785"/>
      <c r="F15" s="785"/>
      <c r="G15" s="783"/>
      <c r="H15" s="782"/>
      <c r="I15" s="784"/>
      <c r="J15" s="775"/>
      <c r="K15" s="775"/>
      <c r="L15" s="775"/>
      <c r="M15" s="775"/>
    </row>
    <row r="16" spans="1:13" s="10" customFormat="1" ht="13.15" customHeight="1" x14ac:dyDescent="0.2">
      <c r="A16" s="768" t="s">
        <v>557</v>
      </c>
      <c r="B16" s="769"/>
      <c r="C16" s="769"/>
      <c r="D16" s="769"/>
      <c r="E16" s="769"/>
      <c r="F16" s="769"/>
      <c r="G16" s="335">
        <v>43680</v>
      </c>
      <c r="H16" s="775"/>
      <c r="I16" s="778">
        <v>45198</v>
      </c>
      <c r="J16" s="775"/>
      <c r="K16" s="777">
        <v>47554</v>
      </c>
      <c r="L16" s="775"/>
      <c r="M16" s="777">
        <v>50257</v>
      </c>
    </row>
    <row r="17" spans="1:13" s="10" customFormat="1" ht="1.1499999999999999" customHeight="1" x14ac:dyDescent="0.2">
      <c r="A17" s="769"/>
      <c r="B17" s="768"/>
      <c r="C17" s="769"/>
      <c r="D17" s="769"/>
      <c r="E17" s="769"/>
      <c r="F17" s="769"/>
      <c r="G17" s="783"/>
      <c r="H17" s="782"/>
      <c r="I17" s="780"/>
      <c r="J17" s="782"/>
      <c r="K17" s="782"/>
      <c r="L17" s="775"/>
      <c r="M17" s="775"/>
    </row>
    <row r="18" spans="1:13" s="10" customFormat="1" ht="13.9" customHeight="1" x14ac:dyDescent="0.2">
      <c r="A18" s="768" t="s">
        <v>558</v>
      </c>
      <c r="C18" s="769"/>
      <c r="D18" s="769"/>
      <c r="E18" s="769"/>
      <c r="F18" s="769"/>
      <c r="G18" s="774">
        <v>21484</v>
      </c>
      <c r="H18" s="775"/>
      <c r="I18" s="776">
        <v>23824</v>
      </c>
      <c r="J18" s="775"/>
      <c r="K18" s="773">
        <v>25027</v>
      </c>
      <c r="L18" s="775"/>
      <c r="M18" s="773">
        <v>26197</v>
      </c>
    </row>
    <row r="19" spans="1:13" s="10" customFormat="1" ht="14.25" hidden="1" x14ac:dyDescent="0.2">
      <c r="A19" s="769"/>
      <c r="B19" s="768" t="s">
        <v>559</v>
      </c>
      <c r="C19" s="769"/>
      <c r="D19" s="769"/>
      <c r="E19" s="769"/>
      <c r="F19" s="769"/>
      <c r="G19" s="774">
        <v>0</v>
      </c>
      <c r="H19" s="775"/>
      <c r="I19" s="776">
        <v>0</v>
      </c>
      <c r="J19" s="775"/>
      <c r="K19" s="773">
        <v>0</v>
      </c>
      <c r="L19" s="775"/>
      <c r="M19" s="773">
        <v>0</v>
      </c>
    </row>
    <row r="20" spans="1:13" s="10" customFormat="1" ht="1.1499999999999999" hidden="1" customHeight="1" x14ac:dyDescent="0.2">
      <c r="A20" s="769"/>
      <c r="B20" s="769"/>
      <c r="C20" s="769"/>
      <c r="D20" s="769"/>
      <c r="E20" s="769"/>
      <c r="F20" s="769"/>
      <c r="G20" s="335"/>
      <c r="H20" s="775"/>
      <c r="I20" s="778"/>
      <c r="J20" s="775"/>
      <c r="K20" s="777"/>
      <c r="L20" s="775"/>
      <c r="M20" s="777"/>
    </row>
    <row r="21" spans="1:13" s="10" customFormat="1" ht="1.1499999999999999" hidden="1" customHeight="1" x14ac:dyDescent="0.2">
      <c r="A21" s="769"/>
      <c r="B21" s="769"/>
      <c r="C21" s="769"/>
      <c r="D21" s="769"/>
      <c r="E21" s="769"/>
      <c r="F21" s="769"/>
      <c r="G21" s="335"/>
      <c r="H21" s="775"/>
      <c r="I21" s="778"/>
      <c r="J21" s="775"/>
      <c r="K21" s="777"/>
      <c r="L21" s="775"/>
      <c r="M21" s="777"/>
    </row>
    <row r="22" spans="1:13" s="10" customFormat="1" ht="14.25" hidden="1" x14ac:dyDescent="0.2">
      <c r="A22" s="768" t="s">
        <v>560</v>
      </c>
      <c r="B22" s="769"/>
      <c r="C22" s="769"/>
      <c r="D22" s="769"/>
      <c r="E22" s="769"/>
      <c r="F22" s="769"/>
      <c r="G22" s="774">
        <v>0</v>
      </c>
      <c r="H22" s="775"/>
      <c r="I22" s="776">
        <v>0</v>
      </c>
      <c r="J22" s="775"/>
      <c r="K22" s="773">
        <v>0</v>
      </c>
      <c r="L22" s="775"/>
      <c r="M22" s="773">
        <v>0</v>
      </c>
    </row>
    <row r="23" spans="1:13" s="10" customFormat="1" ht="1.1499999999999999" customHeight="1" x14ac:dyDescent="0.2">
      <c r="A23" s="769"/>
      <c r="B23" s="769"/>
      <c r="C23" s="769"/>
      <c r="D23" s="769"/>
      <c r="E23" s="769"/>
      <c r="F23" s="769"/>
      <c r="G23" s="335"/>
      <c r="H23" s="775"/>
      <c r="I23" s="778"/>
      <c r="J23" s="775"/>
      <c r="K23" s="777"/>
      <c r="L23" s="775"/>
      <c r="M23" s="773"/>
    </row>
    <row r="24" spans="1:13" s="10" customFormat="1" ht="13.15" customHeight="1" x14ac:dyDescent="0.2">
      <c r="A24" s="768" t="s">
        <v>561</v>
      </c>
      <c r="B24" s="769"/>
      <c r="C24" s="769"/>
      <c r="D24" s="769"/>
      <c r="E24" s="769"/>
      <c r="F24" s="769"/>
      <c r="G24" s="335">
        <v>65164</v>
      </c>
      <c r="H24" s="775"/>
      <c r="I24" s="778">
        <v>69022</v>
      </c>
      <c r="J24" s="775"/>
      <c r="K24" s="777">
        <v>72581</v>
      </c>
      <c r="L24" s="775"/>
      <c r="M24" s="777">
        <v>76454</v>
      </c>
    </row>
    <row r="25" spans="1:13" s="10" customFormat="1" ht="1.1499999999999999" customHeight="1" x14ac:dyDescent="0.2">
      <c r="A25" s="768"/>
      <c r="B25" s="769"/>
      <c r="C25" s="769"/>
      <c r="D25" s="769"/>
      <c r="E25" s="769"/>
      <c r="F25" s="769"/>
      <c r="G25" s="335"/>
      <c r="H25" s="775"/>
      <c r="I25" s="778"/>
      <c r="J25" s="775"/>
      <c r="K25" s="777"/>
      <c r="L25" s="782"/>
      <c r="M25" s="773"/>
    </row>
    <row r="26" spans="1:13" s="10" customFormat="1" ht="13.9" customHeight="1" x14ac:dyDescent="0.2">
      <c r="A26" s="768" t="s">
        <v>562</v>
      </c>
      <c r="B26" s="769"/>
      <c r="C26" s="769"/>
      <c r="D26" s="769"/>
      <c r="E26" s="769"/>
      <c r="F26" s="769"/>
      <c r="G26" s="774">
        <v>100</v>
      </c>
      <c r="H26" s="786"/>
      <c r="I26" s="776">
        <v>350</v>
      </c>
      <c r="J26" s="786"/>
      <c r="K26" s="773">
        <v>500</v>
      </c>
      <c r="L26" s="786"/>
      <c r="M26" s="773">
        <v>600</v>
      </c>
    </row>
    <row r="27" spans="1:13" s="10" customFormat="1" ht="1.1499999999999999" customHeight="1" x14ac:dyDescent="0.2">
      <c r="A27" s="768"/>
      <c r="B27" s="769"/>
      <c r="C27" s="769"/>
      <c r="D27" s="769"/>
      <c r="E27" s="769"/>
      <c r="F27" s="769"/>
      <c r="G27" s="777"/>
      <c r="H27" s="775"/>
      <c r="I27" s="787"/>
      <c r="J27" s="779"/>
      <c r="K27" s="773"/>
      <c r="L27" s="788"/>
      <c r="M27" s="773"/>
    </row>
    <row r="28" spans="1:13" s="10" customFormat="1" ht="14.25" x14ac:dyDescent="0.2">
      <c r="A28" s="768" t="s">
        <v>563</v>
      </c>
      <c r="B28" s="769"/>
      <c r="C28" s="769"/>
      <c r="D28" s="769"/>
      <c r="E28" s="769"/>
      <c r="F28" s="769"/>
      <c r="G28" s="789">
        <v>65264</v>
      </c>
      <c r="H28" s="775"/>
      <c r="I28" s="337">
        <v>69372</v>
      </c>
      <c r="J28" s="775"/>
      <c r="K28" s="789">
        <v>73081</v>
      </c>
      <c r="L28" s="775"/>
      <c r="M28" s="789">
        <v>77054</v>
      </c>
    </row>
    <row r="29" spans="1:13" s="10" customFormat="1" ht="4.1500000000000004" customHeight="1" x14ac:dyDescent="0.2">
      <c r="A29" s="768"/>
      <c r="B29" s="769"/>
      <c r="C29" s="769"/>
      <c r="D29" s="769"/>
      <c r="E29" s="769"/>
      <c r="F29" s="769"/>
      <c r="G29" s="768"/>
      <c r="H29" s="769"/>
      <c r="I29" s="790"/>
      <c r="J29" s="769"/>
      <c r="K29" s="768"/>
      <c r="L29" s="769"/>
      <c r="M29" s="768"/>
    </row>
    <row r="30" spans="1:13" s="10" customFormat="1" ht="12" x14ac:dyDescent="0.2">
      <c r="A30" s="768" t="s">
        <v>564</v>
      </c>
      <c r="B30" s="769"/>
      <c r="C30" s="769"/>
      <c r="D30" s="769"/>
      <c r="E30" s="769"/>
      <c r="F30" s="769"/>
      <c r="G30" s="768"/>
      <c r="H30" s="769"/>
      <c r="I30" s="790"/>
      <c r="J30" s="769"/>
      <c r="K30" s="768"/>
      <c r="L30" s="769"/>
      <c r="M30" s="768"/>
    </row>
    <row r="31" spans="1:13" s="10" customFormat="1" ht="13.15" customHeight="1" x14ac:dyDescent="0.2">
      <c r="B31" s="769" t="s">
        <v>565</v>
      </c>
      <c r="C31" s="769"/>
      <c r="D31" s="769"/>
      <c r="E31" s="769"/>
      <c r="F31" s="769"/>
      <c r="G31" s="791">
        <v>3.6653901565510288E-3</v>
      </c>
      <c r="H31" s="769"/>
      <c r="I31" s="792">
        <v>0</v>
      </c>
      <c r="J31" s="769"/>
      <c r="K31" s="791">
        <v>0</v>
      </c>
      <c r="L31" s="769"/>
      <c r="M31" s="791">
        <v>0</v>
      </c>
    </row>
    <row r="32" spans="1:13" s="10" customFormat="1" ht="13.15" customHeight="1" x14ac:dyDescent="0.2">
      <c r="B32" s="769" t="s">
        <v>566</v>
      </c>
      <c r="C32" s="769"/>
      <c r="D32" s="769"/>
      <c r="E32" s="769"/>
      <c r="F32" s="769"/>
      <c r="G32" s="791">
        <v>0.15635179886537981</v>
      </c>
      <c r="H32" s="769"/>
      <c r="I32" s="792">
        <v>0.15496163436045945</v>
      </c>
      <c r="J32" s="769"/>
      <c r="K32" s="791">
        <v>0.15679155420490812</v>
      </c>
      <c r="L32" s="769"/>
      <c r="M32" s="791">
        <v>0.1594083089319657</v>
      </c>
    </row>
    <row r="33" spans="1:13" s="10" customFormat="1" ht="13.15" customHeight="1" x14ac:dyDescent="0.2">
      <c r="B33" s="769" t="s">
        <v>567</v>
      </c>
      <c r="C33" s="769"/>
      <c r="D33" s="769"/>
      <c r="E33" s="769"/>
      <c r="F33" s="769"/>
      <c r="G33" s="791">
        <v>0.23361135075893197</v>
      </c>
      <c r="H33" s="769"/>
      <c r="I33" s="792">
        <v>0.23784234919363231</v>
      </c>
      <c r="J33" s="769"/>
      <c r="K33" s="791">
        <v>0.24095730270532217</v>
      </c>
      <c r="L33" s="769"/>
      <c r="M33" s="791">
        <v>0.24440471648613496</v>
      </c>
    </row>
    <row r="34" spans="1:13" s="10" customFormat="1" ht="13.15" customHeight="1" x14ac:dyDescent="0.2">
      <c r="A34" s="768" t="s">
        <v>568</v>
      </c>
      <c r="B34" s="769"/>
      <c r="C34" s="769"/>
      <c r="D34" s="769"/>
      <c r="E34" s="769"/>
      <c r="F34" s="769"/>
      <c r="G34" s="777">
        <v>9067.5833893829567</v>
      </c>
      <c r="H34" s="769"/>
      <c r="I34" s="787">
        <v>9283.6371120366857</v>
      </c>
      <c r="J34" s="769"/>
      <c r="K34" s="777">
        <v>9655.4169032941609</v>
      </c>
      <c r="L34" s="769"/>
      <c r="M34" s="777">
        <v>10083.973250393419</v>
      </c>
    </row>
    <row r="35" spans="1:13" s="10" customFormat="1" ht="13.15" customHeight="1" x14ac:dyDescent="0.2">
      <c r="A35" s="768" t="s">
        <v>569</v>
      </c>
      <c r="B35" s="769"/>
      <c r="C35" s="769"/>
      <c r="D35" s="769"/>
      <c r="E35" s="769"/>
      <c r="F35" s="769"/>
      <c r="G35" s="791"/>
      <c r="H35" s="769"/>
      <c r="I35" s="792"/>
      <c r="J35" s="769"/>
      <c r="K35" s="791"/>
      <c r="L35" s="769"/>
      <c r="M35" s="791"/>
    </row>
    <row r="36" spans="1:13" s="10" customFormat="1" ht="12" customHeight="1" x14ac:dyDescent="0.2">
      <c r="A36" s="769"/>
      <c r="B36" s="772" t="s">
        <v>570</v>
      </c>
      <c r="C36" s="793"/>
      <c r="D36" s="793"/>
      <c r="E36" s="793"/>
      <c r="F36" s="793"/>
      <c r="G36" s="772">
        <v>3.3</v>
      </c>
      <c r="H36" s="793"/>
      <c r="I36" s="790">
        <v>3.5</v>
      </c>
      <c r="J36" s="793"/>
      <c r="K36" s="772">
        <v>3.4</v>
      </c>
      <c r="L36" s="793"/>
      <c r="M36" s="772">
        <v>3.5</v>
      </c>
    </row>
    <row r="37" spans="1:13" s="10" customFormat="1" ht="2.25" customHeight="1" x14ac:dyDescent="0.2">
      <c r="A37" s="794"/>
      <c r="B37" s="795"/>
      <c r="C37" s="794"/>
      <c r="D37" s="794"/>
      <c r="E37" s="794"/>
      <c r="F37" s="794"/>
      <c r="G37" s="794"/>
      <c r="H37" s="794"/>
      <c r="I37" s="796"/>
      <c r="J37" s="794"/>
      <c r="K37" s="794"/>
      <c r="L37" s="794"/>
      <c r="M37" s="794"/>
    </row>
    <row r="38" spans="1:13" ht="2.25" customHeight="1" x14ac:dyDescent="0.2">
      <c r="A38" s="760"/>
      <c r="B38" s="760"/>
      <c r="C38" s="760"/>
      <c r="D38" s="760"/>
      <c r="E38" s="760"/>
      <c r="F38" s="760"/>
      <c r="G38" s="760"/>
      <c r="H38" s="760"/>
      <c r="I38" s="797"/>
      <c r="J38" s="760"/>
      <c r="K38" s="760"/>
      <c r="L38" s="760"/>
      <c r="M38" s="760"/>
    </row>
    <row r="39" spans="1:13" ht="36" customHeight="1" x14ac:dyDescent="0.2">
      <c r="A39" s="798">
        <v>1</v>
      </c>
      <c r="B39" s="919" t="s">
        <v>571</v>
      </c>
      <c r="C39" s="919"/>
      <c r="D39" s="919"/>
      <c r="E39" s="919"/>
      <c r="F39" s="919"/>
      <c r="G39" s="919"/>
      <c r="H39" s="919"/>
      <c r="I39" s="919"/>
      <c r="J39" s="919"/>
      <c r="K39" s="919"/>
      <c r="L39" s="919"/>
      <c r="M39" s="919"/>
    </row>
  </sheetData>
  <mergeCells count="1">
    <mergeCell ref="B39:M39"/>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dimension ref="A1:N88"/>
  <sheetViews>
    <sheetView showGridLines="0" zoomScaleNormal="100" zoomScaleSheetLayoutView="100" workbookViewId="0">
      <selection activeCell="I14" sqref="I14"/>
    </sheetView>
  </sheetViews>
  <sheetFormatPr defaultColWidth="9.140625" defaultRowHeight="12.75" x14ac:dyDescent="0.2"/>
  <cols>
    <col min="1" max="1" width="1.7109375" style="82" customWidth="1"/>
    <col min="2" max="2" width="40.5703125" style="82" customWidth="1"/>
    <col min="3" max="3" width="8.28515625" style="82" customWidth="1"/>
    <col min="4" max="4" width="0.5703125" style="82" customWidth="1"/>
    <col min="5" max="5" width="7.7109375" style="82" customWidth="1"/>
    <col min="6" max="6" width="0.5703125" style="82" customWidth="1"/>
    <col min="7" max="7" width="7.7109375" style="82" customWidth="1"/>
    <col min="8" max="8" width="0.5703125" style="82" customWidth="1"/>
    <col min="9" max="9" width="7.7109375" style="82" customWidth="1"/>
    <col min="10" max="16384" width="9.140625" style="82"/>
  </cols>
  <sheetData>
    <row r="1" spans="1:12" ht="18.75" customHeight="1" x14ac:dyDescent="0.2">
      <c r="A1" s="221" t="s">
        <v>572</v>
      </c>
      <c r="B1" s="221"/>
      <c r="C1" s="799"/>
      <c r="D1" s="799"/>
      <c r="E1" s="799"/>
      <c r="F1" s="799"/>
      <c r="G1" s="799"/>
      <c r="H1" s="799"/>
      <c r="I1" s="799"/>
      <c r="K1" s="800"/>
      <c r="L1" s="801"/>
    </row>
    <row r="2" spans="1:12" ht="33.75" x14ac:dyDescent="0.2">
      <c r="A2" s="802"/>
      <c r="B2" s="803" t="s">
        <v>0</v>
      </c>
      <c r="C2" s="804" t="s">
        <v>573</v>
      </c>
      <c r="D2" s="805"/>
      <c r="E2" s="806" t="s">
        <v>574</v>
      </c>
      <c r="F2" s="805"/>
      <c r="G2" s="804" t="s">
        <v>575</v>
      </c>
      <c r="H2" s="805"/>
      <c r="I2" s="804" t="s">
        <v>576</v>
      </c>
    </row>
    <row r="3" spans="1:12" ht="1.9" customHeight="1" x14ac:dyDescent="0.2">
      <c r="A3" s="807"/>
      <c r="B3" s="807"/>
      <c r="C3" s="808"/>
      <c r="D3" s="195"/>
      <c r="E3" s="809"/>
      <c r="F3" s="195"/>
      <c r="G3" s="302"/>
      <c r="H3" s="195"/>
      <c r="I3" s="302"/>
    </row>
    <row r="4" spans="1:12" ht="1.9" customHeight="1" x14ac:dyDescent="0.2">
      <c r="A4" s="810"/>
      <c r="B4" s="810"/>
      <c r="C4" s="811"/>
      <c r="E4" s="812"/>
      <c r="G4" s="309"/>
      <c r="I4" s="309"/>
    </row>
    <row r="5" spans="1:12" s="815" customFormat="1" ht="16.899999999999999" customHeight="1" x14ac:dyDescent="0.35">
      <c r="A5" s="813" t="s">
        <v>577</v>
      </c>
      <c r="B5" s="813"/>
      <c r="C5" s="814">
        <v>65883</v>
      </c>
      <c r="E5" s="816">
        <v>65264</v>
      </c>
      <c r="G5" s="814">
        <v>69372</v>
      </c>
      <c r="I5" s="814">
        <v>73081</v>
      </c>
    </row>
    <row r="6" spans="1:12" ht="13.15" customHeight="1" x14ac:dyDescent="0.2">
      <c r="A6" s="817"/>
      <c r="B6" s="818" t="s">
        <v>578</v>
      </c>
      <c r="C6" s="407">
        <v>1866</v>
      </c>
      <c r="E6" s="780">
        <v>7668</v>
      </c>
      <c r="G6" s="775">
        <v>5910</v>
      </c>
      <c r="I6" s="775">
        <v>6825</v>
      </c>
    </row>
    <row r="7" spans="1:12" ht="13.15" customHeight="1" x14ac:dyDescent="0.2">
      <c r="A7" s="817"/>
      <c r="B7" s="818" t="s">
        <v>579</v>
      </c>
      <c r="C7" s="407">
        <v>103</v>
      </c>
      <c r="E7" s="780">
        <v>64</v>
      </c>
      <c r="G7" s="775">
        <v>72</v>
      </c>
      <c r="I7" s="775">
        <v>133</v>
      </c>
    </row>
    <row r="8" spans="1:12" ht="13.15" customHeight="1" x14ac:dyDescent="0.2">
      <c r="A8" s="817"/>
      <c r="B8" s="818" t="s">
        <v>580</v>
      </c>
      <c r="C8" s="407">
        <v>999</v>
      </c>
      <c r="E8" s="780">
        <v>-2047</v>
      </c>
      <c r="G8" s="775">
        <v>-876</v>
      </c>
      <c r="I8" s="775">
        <v>-1410</v>
      </c>
    </row>
    <row r="9" spans="1:12" ht="13.15" customHeight="1" x14ac:dyDescent="0.2">
      <c r="A9" s="817"/>
      <c r="B9" s="818" t="s">
        <v>581</v>
      </c>
      <c r="C9" s="407">
        <v>-3687</v>
      </c>
      <c r="E9" s="780">
        <v>-1827</v>
      </c>
      <c r="G9" s="775">
        <v>-1547</v>
      </c>
      <c r="I9" s="775">
        <v>-1675</v>
      </c>
    </row>
    <row r="10" spans="1:12" ht="13.15" customHeight="1" x14ac:dyDescent="0.2">
      <c r="A10" s="817"/>
      <c r="B10" s="818" t="s">
        <v>582</v>
      </c>
      <c r="C10" s="783">
        <v>100</v>
      </c>
      <c r="E10" s="784">
        <v>250</v>
      </c>
      <c r="G10" s="782">
        <v>150</v>
      </c>
      <c r="I10" s="782">
        <v>100</v>
      </c>
    </row>
    <row r="11" spans="1:12" ht="13.15" customHeight="1" x14ac:dyDescent="0.2">
      <c r="A11" s="817"/>
      <c r="B11" s="818" t="s">
        <v>583</v>
      </c>
      <c r="C11" s="783">
        <v>-619</v>
      </c>
      <c r="E11" s="819">
        <v>4108</v>
      </c>
      <c r="G11" s="782">
        <v>3709</v>
      </c>
      <c r="I11" s="782">
        <v>3973</v>
      </c>
    </row>
    <row r="12" spans="1:12" ht="1.5" customHeight="1" x14ac:dyDescent="0.2">
      <c r="A12" s="818"/>
      <c r="B12" s="818"/>
      <c r="C12" s="775"/>
      <c r="E12" s="820"/>
      <c r="G12" s="775"/>
      <c r="I12" s="775"/>
    </row>
    <row r="13" spans="1:12" ht="15" customHeight="1" x14ac:dyDescent="0.2">
      <c r="A13" s="821" t="s">
        <v>584</v>
      </c>
      <c r="B13" s="821"/>
      <c r="C13" s="336">
        <v>65264</v>
      </c>
      <c r="E13" s="337">
        <v>69372</v>
      </c>
      <c r="G13" s="336">
        <v>73081</v>
      </c>
      <c r="H13" s="822"/>
      <c r="I13" s="336">
        <v>77054</v>
      </c>
    </row>
    <row r="14" spans="1:12" ht="15" x14ac:dyDescent="0.2">
      <c r="A14" s="813" t="s">
        <v>585</v>
      </c>
      <c r="B14" s="821"/>
      <c r="C14" s="823">
        <v>-0.93954434376091189</v>
      </c>
      <c r="D14" s="824"/>
      <c r="E14" s="825">
        <v>6.2944349105172881</v>
      </c>
      <c r="F14" s="824"/>
      <c r="G14" s="823">
        <v>5.3465375079282618</v>
      </c>
      <c r="H14" s="824"/>
      <c r="I14" s="823">
        <v>5.4364335463390034</v>
      </c>
    </row>
    <row r="15" spans="1:12" ht="2.25" customHeight="1" x14ac:dyDescent="0.2">
      <c r="A15" s="826"/>
      <c r="B15" s="826"/>
      <c r="C15" s="827"/>
      <c r="D15" s="195"/>
      <c r="E15" s="828"/>
      <c r="F15" s="195"/>
      <c r="G15" s="827"/>
      <c r="H15" s="195"/>
      <c r="I15" s="827"/>
    </row>
    <row r="16" spans="1:12" ht="1.9" customHeight="1" x14ac:dyDescent="0.2">
      <c r="A16" s="818"/>
      <c r="B16" s="829"/>
      <c r="C16" s="830"/>
      <c r="D16" s="830"/>
      <c r="E16" s="830"/>
      <c r="F16" s="831"/>
      <c r="G16" s="830"/>
      <c r="H16" s="831"/>
      <c r="I16" s="830"/>
    </row>
    <row r="17" spans="1:14" s="11" customFormat="1" ht="36.75" customHeight="1" x14ac:dyDescent="0.2">
      <c r="A17" s="832">
        <v>1</v>
      </c>
      <c r="B17" s="919" t="s">
        <v>571</v>
      </c>
      <c r="C17" s="919"/>
      <c r="D17" s="919"/>
      <c r="E17" s="919"/>
      <c r="F17" s="919"/>
      <c r="G17" s="919"/>
      <c r="H17" s="919"/>
      <c r="I17" s="919"/>
      <c r="J17" s="833"/>
      <c r="K17" s="833"/>
      <c r="L17" s="833"/>
      <c r="M17" s="833"/>
      <c r="N17" s="833"/>
    </row>
    <row r="18" spans="1:14" s="11" customFormat="1" ht="12" customHeight="1" x14ac:dyDescent="0.15">
      <c r="A18" s="832">
        <v>2</v>
      </c>
      <c r="B18" s="834" t="s">
        <v>586</v>
      </c>
      <c r="C18" s="835"/>
      <c r="D18" s="836"/>
      <c r="E18" s="835"/>
      <c r="F18" s="836"/>
      <c r="G18" s="835"/>
      <c r="H18" s="836"/>
      <c r="I18" s="835"/>
    </row>
    <row r="19" spans="1:14" s="11" customFormat="1" ht="21" customHeight="1" x14ac:dyDescent="0.15">
      <c r="A19" s="832">
        <v>3</v>
      </c>
      <c r="B19" s="920" t="s">
        <v>587</v>
      </c>
      <c r="C19" s="921"/>
      <c r="D19" s="921"/>
      <c r="E19" s="921"/>
      <c r="F19" s="921"/>
      <c r="G19" s="921"/>
      <c r="H19" s="921"/>
      <c r="I19" s="921"/>
    </row>
    <row r="21" spans="1:14" s="63" customFormat="1" ht="15" customHeight="1" x14ac:dyDescent="0.2">
      <c r="A21" s="837"/>
      <c r="B21" s="837"/>
      <c r="C21" s="838"/>
      <c r="D21" s="838"/>
      <c r="E21" s="838"/>
      <c r="F21" s="838"/>
      <c r="G21" s="838"/>
      <c r="H21" s="838"/>
      <c r="I21" s="838"/>
    </row>
    <row r="22" spans="1:14" ht="15" customHeight="1" x14ac:dyDescent="0.2">
      <c r="A22" s="839"/>
      <c r="B22" s="839"/>
      <c r="C22" s="407"/>
      <c r="D22" s="407"/>
      <c r="E22" s="407"/>
      <c r="F22" s="407"/>
      <c r="G22" s="407"/>
      <c r="H22" s="407"/>
      <c r="I22" s="407"/>
    </row>
    <row r="23" spans="1:14" ht="15" customHeight="1" x14ac:dyDescent="0.2">
      <c r="A23" s="839"/>
      <c r="B23" s="839"/>
      <c r="C23" s="407"/>
      <c r="D23" s="407"/>
      <c r="E23" s="407"/>
      <c r="F23" s="407"/>
      <c r="G23" s="407"/>
      <c r="H23" s="407"/>
      <c r="I23" s="407"/>
    </row>
    <row r="24" spans="1:14" ht="15" customHeight="1" x14ac:dyDescent="0.2">
      <c r="A24" s="839"/>
      <c r="B24" s="839"/>
      <c r="C24" s="407"/>
      <c r="D24" s="407"/>
      <c r="E24" s="407"/>
      <c r="F24" s="407"/>
      <c r="G24" s="407"/>
      <c r="H24" s="407"/>
      <c r="I24" s="407"/>
    </row>
    <row r="25" spans="1:14" ht="15" customHeight="1" x14ac:dyDescent="0.2">
      <c r="A25" s="839"/>
      <c r="B25" s="839"/>
      <c r="C25" s="840"/>
      <c r="E25" s="840"/>
      <c r="G25" s="840"/>
      <c r="I25" s="840"/>
    </row>
    <row r="26" spans="1:14" ht="15" customHeight="1" x14ac:dyDescent="0.2">
      <c r="C26" s="840"/>
      <c r="E26" s="840"/>
      <c r="G26" s="840"/>
      <c r="I26" s="840"/>
    </row>
    <row r="27" spans="1:14" ht="15" customHeight="1" x14ac:dyDescent="0.2">
      <c r="A27" s="839"/>
      <c r="B27" s="839"/>
      <c r="C27" s="840"/>
      <c r="E27" s="840"/>
      <c r="G27" s="840"/>
      <c r="I27" s="840"/>
    </row>
    <row r="28" spans="1:14" ht="15" customHeight="1" x14ac:dyDescent="0.2">
      <c r="A28" s="839"/>
      <c r="B28" s="839"/>
      <c r="C28" s="840"/>
      <c r="E28" s="840"/>
      <c r="G28" s="840"/>
      <c r="I28" s="840"/>
    </row>
    <row r="29" spans="1:14" ht="15" customHeight="1" x14ac:dyDescent="0.2">
      <c r="A29" s="839"/>
      <c r="B29" s="839"/>
      <c r="C29" s="840"/>
      <c r="E29" s="840"/>
      <c r="G29" s="840"/>
      <c r="I29" s="840"/>
    </row>
    <row r="30" spans="1:14" ht="15" customHeight="1" x14ac:dyDescent="0.2">
      <c r="A30" s="839"/>
      <c r="B30" s="839"/>
      <c r="C30" s="840"/>
      <c r="E30" s="840"/>
      <c r="G30" s="840"/>
      <c r="I30" s="840"/>
    </row>
    <row r="31" spans="1:14" ht="15" customHeight="1" x14ac:dyDescent="0.2">
      <c r="C31" s="840"/>
      <c r="E31" s="840"/>
      <c r="G31" s="840"/>
      <c r="I31" s="840"/>
    </row>
    <row r="32" spans="1:14" ht="15" customHeight="1" x14ac:dyDescent="0.2">
      <c r="A32" s="839"/>
      <c r="B32" s="839"/>
      <c r="C32" s="840"/>
      <c r="E32" s="840"/>
      <c r="G32" s="840"/>
      <c r="I32" s="840"/>
    </row>
    <row r="33" spans="1:9" ht="15" customHeight="1" x14ac:dyDescent="0.2">
      <c r="A33" s="839"/>
      <c r="B33" s="839"/>
      <c r="C33" s="840"/>
      <c r="E33" s="840"/>
      <c r="G33" s="840"/>
      <c r="I33" s="840"/>
    </row>
    <row r="34" spans="1:9" ht="15" customHeight="1" x14ac:dyDescent="0.2"/>
    <row r="35" spans="1:9" ht="15" customHeight="1" x14ac:dyDescent="0.2">
      <c r="A35" s="841"/>
      <c r="B35" s="841"/>
      <c r="C35" s="840"/>
      <c r="E35" s="840"/>
      <c r="G35" s="840"/>
      <c r="I35" s="840"/>
    </row>
    <row r="36" spans="1:9" ht="15" customHeight="1" x14ac:dyDescent="0.2">
      <c r="A36" s="841"/>
      <c r="B36" s="841"/>
    </row>
    <row r="37" spans="1:9" ht="15" customHeight="1" x14ac:dyDescent="0.2">
      <c r="A37" s="842"/>
      <c r="B37" s="842"/>
      <c r="C37" s="842"/>
      <c r="E37" s="842"/>
      <c r="G37" s="842"/>
      <c r="I37" s="842"/>
    </row>
    <row r="38" spans="1:9" ht="15" customHeight="1" x14ac:dyDescent="0.2">
      <c r="A38" s="839"/>
      <c r="B38" s="839"/>
      <c r="C38" s="840"/>
      <c r="E38" s="840"/>
      <c r="G38" s="840"/>
      <c r="I38" s="840"/>
    </row>
    <row r="39" spans="1:9" ht="15" customHeight="1" x14ac:dyDescent="0.2">
      <c r="A39" s="842"/>
      <c r="B39" s="842"/>
      <c r="C39" s="843"/>
      <c r="E39" s="843"/>
      <c r="G39" s="843"/>
      <c r="I39" s="843"/>
    </row>
    <row r="40" spans="1:9" ht="15" customHeight="1" x14ac:dyDescent="0.2">
      <c r="A40" s="841"/>
      <c r="B40" s="841"/>
      <c r="C40" s="843"/>
      <c r="E40" s="843"/>
      <c r="G40" s="843"/>
      <c r="I40" s="843"/>
    </row>
    <row r="41" spans="1:9" ht="15" customHeight="1" x14ac:dyDescent="0.2">
      <c r="A41" s="839"/>
      <c r="B41" s="839"/>
      <c r="C41" s="840"/>
      <c r="E41" s="840"/>
      <c r="G41" s="840"/>
      <c r="I41" s="840"/>
    </row>
    <row r="42" spans="1:9" ht="15" customHeight="1" x14ac:dyDescent="0.2">
      <c r="A42" s="839"/>
      <c r="B42" s="839"/>
      <c r="C42" s="840"/>
      <c r="E42" s="840"/>
      <c r="G42" s="840"/>
      <c r="I42" s="840"/>
    </row>
    <row r="43" spans="1:9" ht="15" customHeight="1" x14ac:dyDescent="0.2">
      <c r="A43" s="842"/>
      <c r="B43" s="842"/>
      <c r="C43" s="842"/>
      <c r="E43" s="842"/>
      <c r="G43" s="842"/>
      <c r="I43" s="842"/>
    </row>
    <row r="44" spans="1:9" ht="15" customHeight="1" x14ac:dyDescent="0.2">
      <c r="A44" s="841"/>
      <c r="B44" s="841"/>
      <c r="C44" s="842"/>
      <c r="E44" s="842"/>
      <c r="G44" s="842"/>
      <c r="I44" s="842"/>
    </row>
    <row r="45" spans="1:9" ht="15" customHeight="1" x14ac:dyDescent="0.2">
      <c r="A45" s="839"/>
      <c r="B45" s="839"/>
      <c r="C45" s="840"/>
      <c r="E45" s="840"/>
      <c r="G45" s="840"/>
      <c r="I45" s="840"/>
    </row>
    <row r="46" spans="1:9" ht="15" customHeight="1" x14ac:dyDescent="0.2">
      <c r="A46" s="839"/>
      <c r="B46" s="839"/>
      <c r="C46" s="843"/>
      <c r="E46" s="843"/>
      <c r="G46" s="843"/>
      <c r="I46" s="843"/>
    </row>
    <row r="47" spans="1:9" ht="15" customHeight="1" x14ac:dyDescent="0.2">
      <c r="A47" s="839"/>
      <c r="B47" s="839"/>
      <c r="C47" s="840"/>
      <c r="E47" s="840"/>
      <c r="G47" s="840"/>
      <c r="I47" s="840"/>
    </row>
    <row r="48" spans="1:9" ht="15" customHeight="1" x14ac:dyDescent="0.2">
      <c r="A48" s="839"/>
      <c r="B48" s="839"/>
      <c r="C48" s="840"/>
      <c r="E48" s="840"/>
      <c r="G48" s="840"/>
      <c r="I48" s="840"/>
    </row>
    <row r="49" spans="1:9" ht="15" customHeight="1" x14ac:dyDescent="0.2">
      <c r="A49" s="839"/>
      <c r="B49" s="839"/>
      <c r="C49" s="840"/>
      <c r="E49" s="840"/>
      <c r="G49" s="840"/>
      <c r="I49" s="840"/>
    </row>
    <row r="50" spans="1:9" ht="15" customHeight="1" x14ac:dyDescent="0.2">
      <c r="A50" s="839"/>
      <c r="B50" s="839"/>
      <c r="C50" s="840"/>
      <c r="E50" s="840"/>
      <c r="G50" s="840"/>
      <c r="I50" s="840"/>
    </row>
    <row r="51" spans="1:9" ht="15" customHeight="1" x14ac:dyDescent="0.2">
      <c r="A51" s="839"/>
      <c r="B51" s="839"/>
      <c r="C51" s="840"/>
      <c r="E51" s="840"/>
      <c r="G51" s="840"/>
      <c r="I51" s="840"/>
    </row>
    <row r="52" spans="1:9" ht="15" customHeight="1" x14ac:dyDescent="0.2">
      <c r="A52" s="842"/>
      <c r="B52" s="842"/>
    </row>
    <row r="53" spans="1:9" ht="15" customHeight="1" x14ac:dyDescent="0.2">
      <c r="A53" s="842"/>
      <c r="B53" s="842"/>
      <c r="C53" s="843"/>
      <c r="E53" s="843"/>
      <c r="G53" s="843"/>
      <c r="I53" s="843"/>
    </row>
    <row r="54" spans="1:9" ht="15" customHeight="1" x14ac:dyDescent="0.2">
      <c r="A54" s="841"/>
      <c r="B54" s="841"/>
      <c r="C54" s="843"/>
      <c r="E54" s="843"/>
      <c r="G54" s="843"/>
      <c r="I54" s="843"/>
    </row>
    <row r="55" spans="1:9" ht="15" customHeight="1" x14ac:dyDescent="0.2">
      <c r="A55" s="839"/>
      <c r="B55" s="839"/>
      <c r="C55" s="840"/>
      <c r="E55" s="840"/>
      <c r="G55" s="840"/>
      <c r="I55" s="840"/>
    </row>
    <row r="56" spans="1:9" ht="15" customHeight="1" x14ac:dyDescent="0.2">
      <c r="A56" s="839"/>
      <c r="B56" s="839"/>
      <c r="C56" s="840"/>
      <c r="E56" s="840"/>
      <c r="G56" s="840"/>
      <c r="I56" s="840"/>
    </row>
    <row r="57" spans="1:9" ht="15" customHeight="1" x14ac:dyDescent="0.2">
      <c r="A57" s="839"/>
      <c r="B57" s="839"/>
      <c r="C57" s="840"/>
      <c r="E57" s="840"/>
      <c r="G57" s="840"/>
      <c r="I57" s="840"/>
    </row>
    <row r="58" spans="1:9" ht="15" customHeight="1" x14ac:dyDescent="0.2">
      <c r="A58" s="839"/>
      <c r="B58" s="839"/>
      <c r="C58" s="840"/>
      <c r="E58" s="840"/>
      <c r="G58" s="840"/>
      <c r="I58" s="840"/>
    </row>
    <row r="59" spans="1:9" ht="15" customHeight="1" x14ac:dyDescent="0.2">
      <c r="A59" s="842"/>
      <c r="B59" s="842"/>
      <c r="C59" s="840"/>
      <c r="E59" s="840"/>
      <c r="G59" s="840"/>
      <c r="I59" s="840"/>
    </row>
    <row r="60" spans="1:9" ht="15" customHeight="1" x14ac:dyDescent="0.2">
      <c r="A60" s="841"/>
      <c r="B60" s="841"/>
      <c r="C60" s="840"/>
      <c r="E60" s="840"/>
      <c r="G60" s="840"/>
      <c r="I60" s="840"/>
    </row>
    <row r="61" spans="1:9" ht="15" customHeight="1" x14ac:dyDescent="0.2">
      <c r="A61" s="839"/>
      <c r="B61" s="839"/>
      <c r="C61" s="840"/>
      <c r="E61" s="840"/>
      <c r="G61" s="840"/>
      <c r="I61" s="840"/>
    </row>
    <row r="62" spans="1:9" ht="15" customHeight="1" x14ac:dyDescent="0.2">
      <c r="A62" s="839"/>
      <c r="B62" s="839"/>
      <c r="C62" s="840"/>
      <c r="E62" s="840"/>
      <c r="G62" s="840"/>
      <c r="I62" s="840"/>
    </row>
    <row r="63" spans="1:9" ht="15" customHeight="1" x14ac:dyDescent="0.2">
      <c r="A63" s="842"/>
      <c r="B63" s="842"/>
      <c r="C63" s="843"/>
      <c r="E63" s="843"/>
      <c r="G63" s="843"/>
      <c r="I63" s="843"/>
    </row>
    <row r="64" spans="1:9" ht="15" customHeight="1" x14ac:dyDescent="0.2">
      <c r="A64" s="841"/>
      <c r="B64" s="841"/>
      <c r="C64" s="843"/>
      <c r="E64" s="843"/>
      <c r="G64" s="843"/>
      <c r="I64" s="843"/>
    </row>
    <row r="65" spans="1:9" ht="15" customHeight="1" x14ac:dyDescent="0.2">
      <c r="A65" s="844"/>
      <c r="B65" s="844"/>
      <c r="C65" s="843"/>
      <c r="E65" s="843"/>
      <c r="G65" s="843"/>
      <c r="I65" s="843"/>
    </row>
    <row r="66" spans="1:9" ht="15" customHeight="1" x14ac:dyDescent="0.2">
      <c r="A66" s="839"/>
      <c r="B66" s="839"/>
      <c r="C66" s="840"/>
      <c r="E66" s="840"/>
      <c r="G66" s="840"/>
      <c r="I66" s="840"/>
    </row>
    <row r="67" spans="1:9" ht="15" customHeight="1" x14ac:dyDescent="0.2">
      <c r="A67" s="839"/>
      <c r="B67" s="839"/>
      <c r="C67" s="840"/>
      <c r="E67" s="840"/>
      <c r="G67" s="840"/>
      <c r="I67" s="840"/>
    </row>
    <row r="68" spans="1:9" ht="15" customHeight="1" x14ac:dyDescent="0.2">
      <c r="A68" s="839"/>
      <c r="B68" s="839"/>
      <c r="C68" s="840"/>
      <c r="E68" s="840"/>
      <c r="G68" s="840"/>
      <c r="I68" s="840"/>
    </row>
    <row r="69" spans="1:9" ht="15" customHeight="1" x14ac:dyDescent="0.2">
      <c r="A69" s="839"/>
      <c r="B69" s="839"/>
      <c r="C69" s="840"/>
      <c r="E69" s="840"/>
      <c r="G69" s="840"/>
      <c r="I69" s="840"/>
    </row>
    <row r="70" spans="1:9" ht="15" customHeight="1" x14ac:dyDescent="0.2">
      <c r="A70" s="839"/>
      <c r="B70" s="839"/>
      <c r="C70" s="840"/>
      <c r="E70" s="840"/>
      <c r="G70" s="840"/>
      <c r="I70" s="840"/>
    </row>
    <row r="71" spans="1:9" ht="15" customHeight="1" x14ac:dyDescent="0.2">
      <c r="A71" s="839"/>
      <c r="B71" s="839"/>
      <c r="C71" s="840"/>
      <c r="E71" s="840"/>
      <c r="G71" s="840"/>
      <c r="I71" s="840"/>
    </row>
    <row r="72" spans="1:9" ht="15" customHeight="1" x14ac:dyDescent="0.2">
      <c r="A72" s="839"/>
      <c r="B72" s="839"/>
      <c r="C72" s="840"/>
      <c r="E72" s="840"/>
      <c r="G72" s="840"/>
      <c r="I72" s="840"/>
    </row>
    <row r="73" spans="1:9" ht="15" customHeight="1" x14ac:dyDescent="0.2">
      <c r="A73" s="842"/>
      <c r="B73" s="842"/>
      <c r="C73" s="843"/>
      <c r="E73" s="843"/>
      <c r="G73" s="843"/>
      <c r="I73" s="843"/>
    </row>
    <row r="74" spans="1:9" ht="15" customHeight="1" x14ac:dyDescent="0.2">
      <c r="A74" s="841"/>
      <c r="B74" s="841"/>
      <c r="C74" s="843"/>
      <c r="E74" s="843"/>
      <c r="G74" s="843"/>
      <c r="I74" s="843"/>
    </row>
    <row r="75" spans="1:9" ht="15" customHeight="1" x14ac:dyDescent="0.2">
      <c r="A75" s="839"/>
      <c r="B75" s="839"/>
      <c r="C75" s="840"/>
      <c r="E75" s="840"/>
      <c r="G75" s="840"/>
      <c r="I75" s="840"/>
    </row>
    <row r="76" spans="1:9" ht="15" customHeight="1" x14ac:dyDescent="0.2">
      <c r="A76" s="842"/>
      <c r="B76" s="842"/>
      <c r="C76" s="843"/>
      <c r="E76" s="843"/>
      <c r="G76" s="843"/>
      <c r="I76" s="843"/>
    </row>
    <row r="77" spans="1:9" ht="15" customHeight="1" x14ac:dyDescent="0.2">
      <c r="A77" s="841"/>
      <c r="B77" s="841"/>
      <c r="C77" s="843"/>
      <c r="E77" s="843"/>
      <c r="G77" s="843"/>
      <c r="I77" s="843"/>
    </row>
    <row r="78" spans="1:9" ht="15" customHeight="1" x14ac:dyDescent="0.2">
      <c r="A78" s="839"/>
      <c r="B78" s="839"/>
      <c r="C78" s="840"/>
      <c r="E78" s="840"/>
      <c r="G78" s="840"/>
      <c r="I78" s="840"/>
    </row>
    <row r="79" spans="1:9" ht="15" customHeight="1" x14ac:dyDescent="0.2">
      <c r="A79" s="839"/>
      <c r="B79" s="839"/>
      <c r="C79" s="840"/>
      <c r="E79" s="840"/>
      <c r="G79" s="840"/>
      <c r="I79" s="840"/>
    </row>
    <row r="80" spans="1:9" ht="15" customHeight="1" x14ac:dyDescent="0.2">
      <c r="A80" s="839"/>
      <c r="B80" s="839"/>
      <c r="C80" s="840"/>
      <c r="E80" s="840"/>
      <c r="G80" s="840"/>
      <c r="I80" s="840"/>
    </row>
    <row r="81" spans="1:9" ht="15" customHeight="1" x14ac:dyDescent="0.2">
      <c r="A81" s="842"/>
      <c r="B81" s="842"/>
      <c r="C81" s="840"/>
      <c r="E81" s="840"/>
      <c r="G81" s="840"/>
      <c r="I81" s="840"/>
    </row>
    <row r="82" spans="1:9" ht="15" customHeight="1" x14ac:dyDescent="0.2">
      <c r="A82" s="841"/>
      <c r="B82" s="841"/>
      <c r="C82" s="840"/>
      <c r="E82" s="840"/>
      <c r="G82" s="840"/>
      <c r="I82" s="840"/>
    </row>
    <row r="83" spans="1:9" ht="15" customHeight="1" x14ac:dyDescent="0.2">
      <c r="A83" s="839"/>
      <c r="B83" s="839"/>
      <c r="C83" s="840"/>
      <c r="E83" s="840"/>
      <c r="G83" s="840"/>
      <c r="I83" s="840"/>
    </row>
    <row r="84" spans="1:9" ht="15" customHeight="1" x14ac:dyDescent="0.2">
      <c r="A84" s="839"/>
      <c r="B84" s="839"/>
      <c r="C84" s="840"/>
      <c r="E84" s="840"/>
      <c r="G84" s="840"/>
      <c r="I84" s="840"/>
    </row>
    <row r="85" spans="1:9" ht="15" customHeight="1" x14ac:dyDescent="0.2">
      <c r="A85" s="839"/>
      <c r="B85" s="839"/>
      <c r="C85" s="840"/>
      <c r="E85" s="840"/>
      <c r="G85" s="840"/>
      <c r="I85" s="840"/>
    </row>
    <row r="86" spans="1:9" ht="15" customHeight="1" x14ac:dyDescent="0.2">
      <c r="A86" s="839"/>
      <c r="B86" s="839"/>
    </row>
    <row r="87" spans="1:9" ht="15" customHeight="1" x14ac:dyDescent="0.2">
      <c r="A87" s="839"/>
      <c r="B87" s="839"/>
    </row>
    <row r="88" spans="1:9" ht="15" customHeight="1" x14ac:dyDescent="0.2">
      <c r="A88" s="839"/>
      <c r="B88" s="839"/>
    </row>
  </sheetData>
  <mergeCells count="2">
    <mergeCell ref="B17:I17"/>
    <mergeCell ref="B19:I19"/>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A1:J100"/>
  <sheetViews>
    <sheetView showGridLines="0" zoomScaleNormal="100" zoomScaleSheetLayoutView="100" workbookViewId="0"/>
  </sheetViews>
  <sheetFormatPr defaultColWidth="9.140625" defaultRowHeight="12" x14ac:dyDescent="0.2"/>
  <cols>
    <col min="1" max="2" width="1.5703125" style="10" customWidth="1"/>
    <col min="3" max="3" width="39.7109375" style="10" customWidth="1"/>
    <col min="4" max="4" width="8.85546875" style="10" bestFit="1" customWidth="1"/>
    <col min="5" max="5" width="0.42578125" style="10" customWidth="1"/>
    <col min="6" max="6" width="8.28515625" style="10" customWidth="1"/>
    <col min="7" max="7" width="0.42578125" style="10" customWidth="1"/>
    <col min="8" max="8" width="8.28515625" style="10" customWidth="1"/>
    <col min="9" max="9" width="0.42578125" style="10" customWidth="1"/>
    <col min="10" max="10" width="8.28515625" style="10" customWidth="1"/>
    <col min="11" max="16384" width="9.140625" style="10"/>
  </cols>
  <sheetData>
    <row r="1" spans="1:10" ht="18.75" customHeight="1" x14ac:dyDescent="0.2">
      <c r="A1" s="26" t="s">
        <v>588</v>
      </c>
      <c r="B1" s="26"/>
      <c r="C1" s="26"/>
      <c r="D1" s="195"/>
      <c r="E1" s="195"/>
      <c r="F1" s="195"/>
      <c r="G1" s="195"/>
      <c r="H1" s="195"/>
      <c r="I1" s="195"/>
      <c r="J1" s="195"/>
    </row>
    <row r="2" spans="1:10" ht="33.75" x14ac:dyDescent="0.2">
      <c r="A2" s="845"/>
      <c r="B2" s="845" t="s">
        <v>0</v>
      </c>
      <c r="C2" s="846"/>
      <c r="D2" s="804" t="s">
        <v>573</v>
      </c>
      <c r="E2" s="660"/>
      <c r="F2" s="806" t="s">
        <v>23</v>
      </c>
      <c r="G2" s="660"/>
      <c r="H2" s="804" t="s">
        <v>326</v>
      </c>
      <c r="I2" s="660"/>
      <c r="J2" s="804" t="s">
        <v>327</v>
      </c>
    </row>
    <row r="3" spans="1:10" ht="1.9" customHeight="1" x14ac:dyDescent="0.2">
      <c r="A3" s="847"/>
      <c r="B3" s="847"/>
      <c r="C3" s="847"/>
      <c r="D3" s="848"/>
      <c r="E3" s="31"/>
      <c r="F3" s="849"/>
      <c r="G3" s="31"/>
      <c r="H3" s="850"/>
      <c r="I3" s="31"/>
      <c r="J3" s="850"/>
    </row>
    <row r="4" spans="1:10" ht="1.9" customHeight="1" x14ac:dyDescent="0.2">
      <c r="A4" s="810"/>
      <c r="B4" s="810"/>
      <c r="C4" s="810"/>
      <c r="D4" s="811"/>
      <c r="E4" s="82"/>
      <c r="F4" s="812"/>
      <c r="G4" s="82"/>
      <c r="H4" s="309"/>
      <c r="I4" s="82"/>
      <c r="J4" s="309"/>
    </row>
    <row r="5" spans="1:10" ht="15" customHeight="1" x14ac:dyDescent="0.2">
      <c r="A5" s="813" t="s">
        <v>589</v>
      </c>
      <c r="B5" s="813"/>
      <c r="C5" s="813"/>
      <c r="D5" s="335"/>
      <c r="F5" s="778"/>
      <c r="H5" s="777"/>
      <c r="J5" s="777"/>
    </row>
    <row r="6" spans="1:10" ht="12" customHeight="1" x14ac:dyDescent="0.2">
      <c r="B6" s="851" t="s">
        <v>590</v>
      </c>
      <c r="C6" s="851"/>
      <c r="D6" s="407">
        <v>-251</v>
      </c>
      <c r="F6" s="780">
        <v>-569</v>
      </c>
      <c r="H6" s="775">
        <v>-781</v>
      </c>
      <c r="J6" s="775">
        <v>-883</v>
      </c>
    </row>
    <row r="7" spans="1:10" ht="12" customHeight="1" x14ac:dyDescent="0.2">
      <c r="B7" s="851" t="s">
        <v>591</v>
      </c>
      <c r="C7" s="852"/>
      <c r="D7" s="407">
        <v>-854</v>
      </c>
      <c r="E7" s="853"/>
      <c r="F7" s="780">
        <v>-588</v>
      </c>
      <c r="G7" s="853"/>
      <c r="H7" s="775">
        <v>194</v>
      </c>
      <c r="I7" s="853"/>
      <c r="J7" s="775">
        <v>-8</v>
      </c>
    </row>
    <row r="8" spans="1:10" ht="12" customHeight="1" x14ac:dyDescent="0.2">
      <c r="B8" s="851" t="s">
        <v>592</v>
      </c>
      <c r="C8" s="852"/>
      <c r="D8" s="407">
        <v>-1427</v>
      </c>
      <c r="E8" s="853"/>
      <c r="F8" s="780">
        <v>-190</v>
      </c>
      <c r="G8" s="853"/>
      <c r="H8" s="775">
        <v>117</v>
      </c>
      <c r="I8" s="853"/>
      <c r="J8" s="775">
        <v>569</v>
      </c>
    </row>
    <row r="9" spans="1:10" ht="13.5" customHeight="1" x14ac:dyDescent="0.2">
      <c r="B9" s="854" t="s">
        <v>593</v>
      </c>
      <c r="C9" s="817"/>
      <c r="D9" s="783">
        <v>4706</v>
      </c>
      <c r="E9" s="855"/>
      <c r="F9" s="784">
        <v>2865</v>
      </c>
      <c r="G9" s="855"/>
      <c r="H9" s="782">
        <v>2826</v>
      </c>
      <c r="I9" s="855"/>
      <c r="J9" s="782">
        <v>3025</v>
      </c>
    </row>
    <row r="10" spans="1:10" ht="12.6" customHeight="1" x14ac:dyDescent="0.2">
      <c r="B10" s="817"/>
      <c r="C10" s="817"/>
      <c r="D10" s="774">
        <v>2174</v>
      </c>
      <c r="E10" s="856"/>
      <c r="F10" s="776">
        <v>1518</v>
      </c>
      <c r="G10" s="856"/>
      <c r="H10" s="773">
        <v>2356</v>
      </c>
      <c r="I10" s="856"/>
      <c r="J10" s="773">
        <v>2703</v>
      </c>
    </row>
    <row r="11" spans="1:10" ht="11.45" customHeight="1" x14ac:dyDescent="0.2">
      <c r="A11" s="813" t="s">
        <v>594</v>
      </c>
      <c r="B11" s="813"/>
      <c r="C11" s="813"/>
      <c r="D11" s="407"/>
      <c r="F11" s="780"/>
      <c r="H11" s="775"/>
      <c r="J11" s="775"/>
    </row>
    <row r="12" spans="1:10" ht="12" customHeight="1" x14ac:dyDescent="0.2">
      <c r="B12" s="851" t="s">
        <v>595</v>
      </c>
      <c r="C12" s="852"/>
      <c r="D12" s="857">
        <v>-3169</v>
      </c>
      <c r="E12" s="858"/>
      <c r="F12" s="859">
        <v>2358</v>
      </c>
      <c r="G12" s="858"/>
      <c r="H12" s="860">
        <v>1222</v>
      </c>
      <c r="I12" s="858"/>
      <c r="J12" s="860">
        <v>1189</v>
      </c>
    </row>
    <row r="13" spans="1:10" ht="13.5" customHeight="1" x14ac:dyDescent="0.2">
      <c r="B13" s="851" t="s">
        <v>596</v>
      </c>
      <c r="C13" s="852"/>
      <c r="D13" s="783">
        <v>276</v>
      </c>
      <c r="E13" s="855"/>
      <c r="F13" s="784">
        <v>-18</v>
      </c>
      <c r="G13" s="855"/>
      <c r="H13" s="782">
        <v>-19</v>
      </c>
      <c r="I13" s="855"/>
      <c r="J13" s="782">
        <v>-19</v>
      </c>
    </row>
    <row r="14" spans="1:10" ht="12.6" customHeight="1" x14ac:dyDescent="0.2">
      <c r="A14" s="817"/>
      <c r="B14" s="817"/>
      <c r="C14" s="817"/>
      <c r="D14" s="774">
        <v>-2893</v>
      </c>
      <c r="E14" s="856"/>
      <c r="F14" s="776">
        <v>2340</v>
      </c>
      <c r="G14" s="856"/>
      <c r="H14" s="773">
        <v>1203</v>
      </c>
      <c r="I14" s="856"/>
      <c r="J14" s="773">
        <v>1170</v>
      </c>
    </row>
    <row r="15" spans="1:10" ht="12.6" customHeight="1" x14ac:dyDescent="0.2">
      <c r="A15" s="854" t="s">
        <v>597</v>
      </c>
      <c r="B15" s="854"/>
      <c r="C15" s="854"/>
      <c r="D15" s="773">
        <v>100</v>
      </c>
      <c r="E15" s="856"/>
      <c r="F15" s="861">
        <v>250</v>
      </c>
      <c r="G15" s="856"/>
      <c r="H15" s="773">
        <v>150</v>
      </c>
      <c r="I15" s="856"/>
      <c r="J15" s="773">
        <v>100</v>
      </c>
    </row>
    <row r="16" spans="1:10" ht="1.5" customHeight="1" x14ac:dyDescent="0.2">
      <c r="A16" s="818"/>
      <c r="B16" s="818"/>
      <c r="C16" s="818"/>
      <c r="D16" s="775"/>
      <c r="F16" s="820"/>
      <c r="H16" s="775"/>
      <c r="J16" s="775"/>
    </row>
    <row r="17" spans="1:10" ht="14.45" customHeight="1" x14ac:dyDescent="0.2">
      <c r="A17" s="821" t="s">
        <v>598</v>
      </c>
      <c r="B17" s="821"/>
      <c r="C17" s="821"/>
      <c r="D17" s="336">
        <v>-619</v>
      </c>
      <c r="F17" s="337">
        <v>4108</v>
      </c>
      <c r="H17" s="789">
        <v>3709</v>
      </c>
      <c r="J17" s="789">
        <v>3973</v>
      </c>
    </row>
    <row r="18" spans="1:10" ht="2.25" customHeight="1" x14ac:dyDescent="0.2">
      <c r="A18" s="862"/>
      <c r="B18" s="862"/>
      <c r="C18" s="862"/>
      <c r="D18" s="863"/>
      <c r="E18" s="31"/>
      <c r="F18" s="864"/>
      <c r="G18" s="31"/>
      <c r="H18" s="863"/>
      <c r="I18" s="31"/>
      <c r="J18" s="863"/>
    </row>
    <row r="19" spans="1:10" ht="25.5" customHeight="1" x14ac:dyDescent="0.2">
      <c r="A19" s="865">
        <v>1</v>
      </c>
      <c r="B19" s="922" t="s">
        <v>599</v>
      </c>
      <c r="C19" s="922"/>
      <c r="D19" s="922"/>
      <c r="E19" s="922"/>
      <c r="F19" s="922"/>
      <c r="G19" s="922"/>
      <c r="H19" s="922"/>
      <c r="I19" s="922"/>
      <c r="J19" s="922"/>
    </row>
    <row r="20" spans="1:10" ht="15" customHeight="1" x14ac:dyDescent="0.2">
      <c r="A20" s="866"/>
      <c r="B20" s="866"/>
      <c r="C20" s="866"/>
      <c r="D20" s="867"/>
      <c r="F20" s="867"/>
      <c r="H20" s="867"/>
      <c r="J20" s="867"/>
    </row>
    <row r="21" spans="1:10" ht="15" customHeight="1" x14ac:dyDescent="0.2">
      <c r="A21" s="866"/>
      <c r="B21" s="866"/>
      <c r="C21" s="866"/>
      <c r="D21" s="867"/>
      <c r="F21" s="867"/>
      <c r="H21" s="867"/>
      <c r="J21" s="867"/>
    </row>
    <row r="22" spans="1:10" ht="15" customHeight="1" x14ac:dyDescent="0.2">
      <c r="A22" s="866"/>
      <c r="B22" s="866"/>
      <c r="C22" s="866"/>
      <c r="D22" s="868"/>
      <c r="F22" s="867"/>
      <c r="H22" s="867"/>
      <c r="J22" s="867"/>
    </row>
    <row r="23" spans="1:10" ht="15" customHeight="1" x14ac:dyDescent="0.2">
      <c r="A23" s="866"/>
      <c r="B23" s="866"/>
      <c r="C23" s="866"/>
      <c r="D23" s="867"/>
      <c r="F23" s="867"/>
      <c r="H23" s="867"/>
      <c r="J23" s="867"/>
    </row>
    <row r="24" spans="1:10" ht="15" customHeight="1" x14ac:dyDescent="0.2">
      <c r="A24" s="866"/>
      <c r="B24" s="866"/>
      <c r="C24" s="866"/>
      <c r="D24" s="867"/>
      <c r="F24" s="867"/>
      <c r="H24" s="867"/>
      <c r="J24" s="867"/>
    </row>
    <row r="25" spans="1:10" ht="15" customHeight="1" x14ac:dyDescent="0.2">
      <c r="A25" s="866"/>
      <c r="B25" s="866"/>
      <c r="C25" s="866"/>
      <c r="D25" s="867"/>
      <c r="F25" s="867"/>
      <c r="H25" s="867"/>
      <c r="J25" s="867"/>
    </row>
    <row r="26" spans="1:10" ht="15" customHeight="1" x14ac:dyDescent="0.2">
      <c r="A26" s="866"/>
      <c r="B26" s="866"/>
      <c r="C26" s="866"/>
      <c r="D26" s="867"/>
      <c r="F26" s="867"/>
      <c r="H26" s="867"/>
      <c r="J26" s="867"/>
    </row>
    <row r="27" spans="1:10" ht="15" customHeight="1" x14ac:dyDescent="0.2">
      <c r="A27" s="869"/>
      <c r="B27" s="869"/>
      <c r="C27" s="869"/>
      <c r="D27" s="870"/>
      <c r="F27" s="870"/>
      <c r="H27" s="870"/>
      <c r="J27" s="870"/>
    </row>
    <row r="28" spans="1:10" ht="15" customHeight="1" x14ac:dyDescent="0.2">
      <c r="A28" s="871"/>
      <c r="B28" s="871"/>
      <c r="C28" s="871"/>
      <c r="D28" s="870"/>
      <c r="F28" s="870"/>
      <c r="H28" s="870"/>
      <c r="J28" s="870"/>
    </row>
    <row r="29" spans="1:10" ht="15" customHeight="1" x14ac:dyDescent="0.2">
      <c r="A29" s="866"/>
      <c r="B29" s="866"/>
      <c r="C29" s="866"/>
      <c r="D29" s="867"/>
      <c r="F29" s="867"/>
      <c r="H29" s="867"/>
      <c r="J29" s="867"/>
    </row>
    <row r="30" spans="1:10" ht="15" customHeight="1" x14ac:dyDescent="0.2">
      <c r="A30" s="866"/>
      <c r="B30" s="866"/>
      <c r="C30" s="866"/>
      <c r="D30" s="867"/>
      <c r="F30" s="867"/>
      <c r="H30" s="867"/>
      <c r="J30" s="867"/>
    </row>
    <row r="31" spans="1:10" x14ac:dyDescent="0.2">
      <c r="A31" s="866"/>
      <c r="B31" s="866"/>
      <c r="C31" s="866"/>
      <c r="D31" s="867"/>
      <c r="F31" s="867"/>
      <c r="H31" s="867"/>
      <c r="J31" s="867"/>
    </row>
    <row r="32" spans="1:10" x14ac:dyDescent="0.2">
      <c r="A32" s="866"/>
      <c r="B32" s="866"/>
      <c r="C32" s="866"/>
      <c r="D32" s="867"/>
      <c r="F32" s="867"/>
      <c r="H32" s="867"/>
      <c r="J32" s="867"/>
    </row>
    <row r="33" spans="1:10" ht="15" customHeight="1" x14ac:dyDescent="0.2">
      <c r="A33" s="866"/>
      <c r="B33" s="866"/>
      <c r="C33" s="866"/>
      <c r="D33" s="867"/>
      <c r="F33" s="867"/>
      <c r="H33" s="867"/>
      <c r="J33" s="867"/>
    </row>
    <row r="34" spans="1:10" ht="15" customHeight="1" x14ac:dyDescent="0.2">
      <c r="A34" s="866"/>
      <c r="B34" s="866"/>
      <c r="C34" s="866"/>
      <c r="D34" s="867"/>
      <c r="F34" s="867"/>
      <c r="H34" s="867"/>
      <c r="J34" s="867"/>
    </row>
    <row r="35" spans="1:10" ht="15" customHeight="1" x14ac:dyDescent="0.2">
      <c r="A35" s="866"/>
      <c r="B35" s="866"/>
      <c r="C35" s="866"/>
      <c r="D35" s="867"/>
      <c r="F35" s="867"/>
      <c r="H35" s="867"/>
      <c r="J35" s="867"/>
    </row>
    <row r="36" spans="1:10" ht="15" customHeight="1" x14ac:dyDescent="0.2">
      <c r="A36" s="866"/>
      <c r="B36" s="866"/>
      <c r="C36" s="866"/>
      <c r="D36" s="867"/>
      <c r="F36" s="867"/>
      <c r="H36" s="867"/>
      <c r="J36" s="867"/>
    </row>
    <row r="37" spans="1:10" ht="15" customHeight="1" x14ac:dyDescent="0.2">
      <c r="A37" s="866"/>
      <c r="B37" s="866"/>
      <c r="C37" s="866"/>
      <c r="D37" s="867"/>
      <c r="F37" s="867"/>
      <c r="H37" s="867"/>
      <c r="J37" s="867"/>
    </row>
    <row r="38" spans="1:10" ht="15" customHeight="1" x14ac:dyDescent="0.2">
      <c r="D38" s="867"/>
      <c r="F38" s="867"/>
      <c r="H38" s="867"/>
      <c r="J38" s="867"/>
    </row>
    <row r="39" spans="1:10" ht="15" customHeight="1" x14ac:dyDescent="0.2">
      <c r="A39" s="866"/>
      <c r="B39" s="866"/>
      <c r="C39" s="866"/>
      <c r="D39" s="867"/>
      <c r="F39" s="867"/>
      <c r="H39" s="867"/>
      <c r="J39" s="867"/>
    </row>
    <row r="40" spans="1:10" ht="15" customHeight="1" x14ac:dyDescent="0.2">
      <c r="A40" s="866"/>
      <c r="B40" s="866"/>
      <c r="C40" s="866"/>
      <c r="D40" s="867"/>
      <c r="F40" s="867"/>
      <c r="H40" s="867"/>
      <c r="J40" s="867"/>
    </row>
    <row r="41" spans="1:10" ht="15" customHeight="1" x14ac:dyDescent="0.2">
      <c r="A41" s="866"/>
      <c r="B41" s="866"/>
      <c r="C41" s="866"/>
      <c r="D41" s="867"/>
      <c r="F41" s="867"/>
      <c r="H41" s="867"/>
      <c r="J41" s="867"/>
    </row>
    <row r="42" spans="1:10" ht="15" customHeight="1" x14ac:dyDescent="0.2">
      <c r="A42" s="866"/>
      <c r="B42" s="866"/>
      <c r="C42" s="866"/>
      <c r="D42" s="867"/>
      <c r="F42" s="867"/>
      <c r="H42" s="867"/>
      <c r="J42" s="867"/>
    </row>
    <row r="43" spans="1:10" ht="15" customHeight="1" x14ac:dyDescent="0.2">
      <c r="D43" s="867"/>
      <c r="F43" s="867"/>
      <c r="H43" s="867"/>
      <c r="J43" s="867"/>
    </row>
    <row r="44" spans="1:10" ht="15" customHeight="1" x14ac:dyDescent="0.2">
      <c r="A44" s="866"/>
      <c r="B44" s="866"/>
      <c r="C44" s="866"/>
      <c r="D44" s="867"/>
      <c r="F44" s="867"/>
      <c r="H44" s="867"/>
      <c r="J44" s="867"/>
    </row>
    <row r="45" spans="1:10" ht="15" customHeight="1" x14ac:dyDescent="0.2">
      <c r="A45" s="866"/>
      <c r="B45" s="866"/>
      <c r="C45" s="866"/>
      <c r="D45" s="867"/>
      <c r="F45" s="867"/>
      <c r="H45" s="867"/>
      <c r="J45" s="867"/>
    </row>
    <row r="46" spans="1:10" ht="15" customHeight="1" x14ac:dyDescent="0.2"/>
    <row r="47" spans="1:10" ht="15" customHeight="1" x14ac:dyDescent="0.2">
      <c r="A47" s="872"/>
      <c r="B47" s="872"/>
      <c r="C47" s="872"/>
      <c r="D47" s="867"/>
      <c r="F47" s="867"/>
      <c r="H47" s="867"/>
      <c r="J47" s="867"/>
    </row>
    <row r="48" spans="1:10" ht="15" customHeight="1" x14ac:dyDescent="0.2">
      <c r="A48" s="872"/>
      <c r="B48" s="872"/>
      <c r="C48" s="872"/>
    </row>
    <row r="49" spans="1:10" ht="15" customHeight="1" x14ac:dyDescent="0.2">
      <c r="A49" s="869"/>
      <c r="B49" s="869"/>
      <c r="C49" s="869"/>
      <c r="D49" s="869"/>
      <c r="F49" s="869"/>
      <c r="H49" s="869"/>
      <c r="J49" s="869"/>
    </row>
    <row r="50" spans="1:10" ht="15" customHeight="1" x14ac:dyDescent="0.2">
      <c r="A50" s="866"/>
      <c r="B50" s="866"/>
      <c r="C50" s="866"/>
      <c r="D50" s="867"/>
      <c r="F50" s="867"/>
      <c r="H50" s="867"/>
      <c r="J50" s="867"/>
    </row>
    <row r="51" spans="1:10" ht="15" customHeight="1" x14ac:dyDescent="0.2">
      <c r="A51" s="869"/>
      <c r="B51" s="869"/>
      <c r="C51" s="869"/>
      <c r="D51" s="870"/>
      <c r="F51" s="870"/>
      <c r="H51" s="870"/>
      <c r="J51" s="870"/>
    </row>
    <row r="52" spans="1:10" ht="15" customHeight="1" x14ac:dyDescent="0.2">
      <c r="A52" s="872"/>
      <c r="B52" s="872"/>
      <c r="C52" s="872"/>
      <c r="D52" s="870"/>
      <c r="F52" s="870"/>
      <c r="H52" s="870"/>
      <c r="J52" s="870"/>
    </row>
    <row r="53" spans="1:10" ht="15" customHeight="1" x14ac:dyDescent="0.2">
      <c r="A53" s="866"/>
      <c r="B53" s="866"/>
      <c r="C53" s="866"/>
      <c r="D53" s="867"/>
      <c r="F53" s="867"/>
      <c r="H53" s="867"/>
      <c r="J53" s="867"/>
    </row>
    <row r="54" spans="1:10" ht="15" customHeight="1" x14ac:dyDescent="0.2">
      <c r="A54" s="866"/>
      <c r="B54" s="866"/>
      <c r="C54" s="866"/>
      <c r="D54" s="867"/>
      <c r="F54" s="867"/>
      <c r="H54" s="867"/>
      <c r="J54" s="867"/>
    </row>
    <row r="55" spans="1:10" ht="15" customHeight="1" x14ac:dyDescent="0.2">
      <c r="A55" s="869"/>
      <c r="B55" s="869"/>
      <c r="C55" s="869"/>
      <c r="D55" s="869"/>
      <c r="F55" s="869"/>
      <c r="H55" s="869"/>
      <c r="J55" s="869"/>
    </row>
    <row r="56" spans="1:10" ht="15" customHeight="1" x14ac:dyDescent="0.2">
      <c r="A56" s="872"/>
      <c r="B56" s="872"/>
      <c r="C56" s="872"/>
      <c r="D56" s="869"/>
      <c r="F56" s="869"/>
      <c r="H56" s="869"/>
      <c r="J56" s="869"/>
    </row>
    <row r="57" spans="1:10" ht="15" customHeight="1" x14ac:dyDescent="0.2">
      <c r="A57" s="866"/>
      <c r="B57" s="866"/>
      <c r="C57" s="866"/>
      <c r="D57" s="867"/>
      <c r="F57" s="867"/>
      <c r="H57" s="867"/>
      <c r="J57" s="867"/>
    </row>
    <row r="58" spans="1:10" ht="15" customHeight="1" x14ac:dyDescent="0.2">
      <c r="A58" s="866"/>
      <c r="B58" s="866"/>
      <c r="C58" s="866"/>
      <c r="D58" s="870"/>
      <c r="F58" s="870"/>
      <c r="H58" s="870"/>
      <c r="J58" s="870"/>
    </row>
    <row r="59" spans="1:10" ht="15" customHeight="1" x14ac:dyDescent="0.2">
      <c r="A59" s="866"/>
      <c r="B59" s="866"/>
      <c r="C59" s="866"/>
      <c r="D59" s="867"/>
      <c r="F59" s="867"/>
      <c r="H59" s="867"/>
      <c r="J59" s="867"/>
    </row>
    <row r="60" spans="1:10" ht="15" customHeight="1" x14ac:dyDescent="0.2">
      <c r="A60" s="866"/>
      <c r="B60" s="866"/>
      <c r="C60" s="866"/>
      <c r="D60" s="867"/>
      <c r="F60" s="867"/>
      <c r="H60" s="867"/>
      <c r="J60" s="867"/>
    </row>
    <row r="61" spans="1:10" ht="15" customHeight="1" x14ac:dyDescent="0.2">
      <c r="A61" s="866"/>
      <c r="B61" s="866"/>
      <c r="C61" s="866"/>
      <c r="D61" s="867"/>
      <c r="F61" s="867"/>
      <c r="H61" s="867"/>
      <c r="J61" s="867"/>
    </row>
    <row r="62" spans="1:10" ht="15" customHeight="1" x14ac:dyDescent="0.2">
      <c r="A62" s="866"/>
      <c r="B62" s="866"/>
      <c r="C62" s="866"/>
      <c r="D62" s="867"/>
      <c r="F62" s="867"/>
      <c r="H62" s="867"/>
      <c r="J62" s="867"/>
    </row>
    <row r="63" spans="1:10" ht="15" customHeight="1" x14ac:dyDescent="0.2">
      <c r="A63" s="866"/>
      <c r="B63" s="866"/>
      <c r="C63" s="866"/>
      <c r="D63" s="867"/>
      <c r="F63" s="867"/>
      <c r="H63" s="867"/>
      <c r="J63" s="867"/>
    </row>
    <row r="64" spans="1:10" ht="15" customHeight="1" x14ac:dyDescent="0.2">
      <c r="A64" s="869"/>
      <c r="B64" s="869"/>
      <c r="C64" s="869"/>
    </row>
    <row r="65" spans="1:10" ht="15" customHeight="1" x14ac:dyDescent="0.2">
      <c r="A65" s="869"/>
      <c r="B65" s="869"/>
      <c r="C65" s="869"/>
      <c r="D65" s="870"/>
      <c r="F65" s="870"/>
      <c r="H65" s="870"/>
      <c r="J65" s="870"/>
    </row>
    <row r="66" spans="1:10" ht="15" customHeight="1" x14ac:dyDescent="0.2">
      <c r="A66" s="872"/>
      <c r="B66" s="872"/>
      <c r="C66" s="872"/>
      <c r="D66" s="870"/>
      <c r="F66" s="870"/>
      <c r="H66" s="870"/>
      <c r="J66" s="870"/>
    </row>
    <row r="67" spans="1:10" ht="15" customHeight="1" x14ac:dyDescent="0.2">
      <c r="A67" s="866"/>
      <c r="B67" s="866"/>
      <c r="C67" s="866"/>
      <c r="D67" s="867"/>
      <c r="F67" s="867"/>
      <c r="H67" s="867"/>
      <c r="J67" s="867"/>
    </row>
    <row r="68" spans="1:10" ht="15" customHeight="1" x14ac:dyDescent="0.2">
      <c r="A68" s="866"/>
      <c r="B68" s="866"/>
      <c r="C68" s="866"/>
      <c r="D68" s="867"/>
      <c r="F68" s="867"/>
      <c r="H68" s="867"/>
      <c r="J68" s="867"/>
    </row>
    <row r="69" spans="1:10" ht="15" customHeight="1" x14ac:dyDescent="0.2">
      <c r="A69" s="866"/>
      <c r="B69" s="866"/>
      <c r="C69" s="866"/>
      <c r="D69" s="867"/>
      <c r="F69" s="867"/>
      <c r="H69" s="867"/>
      <c r="J69" s="867"/>
    </row>
    <row r="70" spans="1:10" ht="15" customHeight="1" x14ac:dyDescent="0.2">
      <c r="A70" s="866"/>
      <c r="B70" s="866"/>
      <c r="C70" s="866"/>
      <c r="D70" s="867"/>
      <c r="F70" s="867"/>
      <c r="H70" s="867"/>
      <c r="J70" s="867"/>
    </row>
    <row r="71" spans="1:10" ht="15" customHeight="1" x14ac:dyDescent="0.2">
      <c r="A71" s="869"/>
      <c r="B71" s="869"/>
      <c r="C71" s="869"/>
      <c r="D71" s="867"/>
      <c r="F71" s="867"/>
      <c r="H71" s="867"/>
      <c r="J71" s="867"/>
    </row>
    <row r="72" spans="1:10" ht="15" customHeight="1" x14ac:dyDescent="0.2">
      <c r="A72" s="872"/>
      <c r="B72" s="872"/>
      <c r="C72" s="872"/>
      <c r="D72" s="867"/>
      <c r="F72" s="867"/>
      <c r="H72" s="867"/>
      <c r="J72" s="867"/>
    </row>
    <row r="73" spans="1:10" ht="15" customHeight="1" x14ac:dyDescent="0.2">
      <c r="A73" s="866"/>
      <c r="B73" s="866"/>
      <c r="C73" s="866"/>
      <c r="D73" s="867"/>
      <c r="F73" s="867"/>
      <c r="H73" s="867"/>
      <c r="J73" s="867"/>
    </row>
    <row r="74" spans="1:10" ht="15" customHeight="1" x14ac:dyDescent="0.2">
      <c r="A74" s="866"/>
      <c r="B74" s="866"/>
      <c r="C74" s="866"/>
      <c r="D74" s="867"/>
      <c r="F74" s="867"/>
      <c r="H74" s="867"/>
      <c r="J74" s="867"/>
    </row>
    <row r="75" spans="1:10" ht="15" customHeight="1" x14ac:dyDescent="0.2">
      <c r="A75" s="869"/>
      <c r="B75" s="869"/>
      <c r="C75" s="869"/>
      <c r="D75" s="870"/>
      <c r="F75" s="870"/>
      <c r="H75" s="870"/>
      <c r="J75" s="870"/>
    </row>
    <row r="76" spans="1:10" ht="15" customHeight="1" x14ac:dyDescent="0.2">
      <c r="A76" s="872"/>
      <c r="B76" s="872"/>
      <c r="C76" s="872"/>
      <c r="D76" s="870"/>
      <c r="F76" s="870"/>
      <c r="H76" s="870"/>
      <c r="J76" s="870"/>
    </row>
    <row r="77" spans="1:10" ht="15" customHeight="1" x14ac:dyDescent="0.2">
      <c r="A77" s="871"/>
      <c r="B77" s="871"/>
      <c r="C77" s="871"/>
      <c r="D77" s="870"/>
      <c r="F77" s="870"/>
      <c r="H77" s="870"/>
      <c r="J77" s="870"/>
    </row>
    <row r="78" spans="1:10" ht="15" customHeight="1" x14ac:dyDescent="0.2">
      <c r="A78" s="866"/>
      <c r="B78" s="866"/>
      <c r="C78" s="866"/>
      <c r="D78" s="867"/>
      <c r="F78" s="867"/>
      <c r="H78" s="867"/>
      <c r="J78" s="867"/>
    </row>
    <row r="79" spans="1:10" ht="15" customHeight="1" x14ac:dyDescent="0.2">
      <c r="A79" s="866"/>
      <c r="B79" s="866"/>
      <c r="C79" s="866"/>
      <c r="D79" s="867"/>
      <c r="F79" s="867"/>
      <c r="H79" s="867"/>
      <c r="J79" s="867"/>
    </row>
    <row r="80" spans="1:10" ht="15" customHeight="1" x14ac:dyDescent="0.2">
      <c r="A80" s="866"/>
      <c r="B80" s="866"/>
      <c r="C80" s="866"/>
      <c r="D80" s="867"/>
      <c r="F80" s="867"/>
      <c r="H80" s="867"/>
      <c r="J80" s="867"/>
    </row>
    <row r="81" spans="1:10" ht="15" customHeight="1" x14ac:dyDescent="0.2">
      <c r="A81" s="866"/>
      <c r="B81" s="866"/>
      <c r="C81" s="866"/>
      <c r="D81" s="867"/>
      <c r="F81" s="867"/>
      <c r="H81" s="867"/>
      <c r="J81" s="867"/>
    </row>
    <row r="82" spans="1:10" ht="15" customHeight="1" x14ac:dyDescent="0.2">
      <c r="A82" s="866"/>
      <c r="B82" s="866"/>
      <c r="C82" s="866"/>
      <c r="D82" s="867"/>
      <c r="F82" s="867"/>
      <c r="H82" s="867"/>
      <c r="J82" s="867"/>
    </row>
    <row r="83" spans="1:10" ht="15" customHeight="1" x14ac:dyDescent="0.2">
      <c r="A83" s="866"/>
      <c r="B83" s="866"/>
      <c r="C83" s="866"/>
      <c r="D83" s="867"/>
      <c r="F83" s="867"/>
      <c r="H83" s="867"/>
      <c r="J83" s="867"/>
    </row>
    <row r="84" spans="1:10" ht="15" customHeight="1" x14ac:dyDescent="0.2">
      <c r="A84" s="866"/>
      <c r="B84" s="866"/>
      <c r="C84" s="866"/>
      <c r="D84" s="867"/>
      <c r="F84" s="867"/>
      <c r="H84" s="867"/>
      <c r="J84" s="867"/>
    </row>
    <row r="85" spans="1:10" ht="15" customHeight="1" x14ac:dyDescent="0.2">
      <c r="A85" s="869"/>
      <c r="B85" s="869"/>
      <c r="C85" s="869"/>
      <c r="D85" s="870"/>
      <c r="F85" s="870"/>
      <c r="H85" s="870"/>
      <c r="J85" s="870"/>
    </row>
    <row r="86" spans="1:10" ht="15" customHeight="1" x14ac:dyDescent="0.2">
      <c r="A86" s="872"/>
      <c r="B86" s="872"/>
      <c r="C86" s="872"/>
      <c r="D86" s="870"/>
      <c r="F86" s="870"/>
      <c r="H86" s="870"/>
      <c r="J86" s="870"/>
    </row>
    <row r="87" spans="1:10" ht="15" customHeight="1" x14ac:dyDescent="0.2">
      <c r="A87" s="866"/>
      <c r="B87" s="866"/>
      <c r="C87" s="866"/>
      <c r="D87" s="867"/>
      <c r="F87" s="867"/>
      <c r="H87" s="867"/>
      <c r="J87" s="867"/>
    </row>
    <row r="88" spans="1:10" ht="15" customHeight="1" x14ac:dyDescent="0.2">
      <c r="A88" s="869"/>
      <c r="B88" s="869"/>
      <c r="C88" s="869"/>
      <c r="D88" s="870"/>
      <c r="F88" s="870"/>
      <c r="H88" s="870"/>
      <c r="J88" s="870"/>
    </row>
    <row r="89" spans="1:10" ht="15" customHeight="1" x14ac:dyDescent="0.2">
      <c r="A89" s="872"/>
      <c r="B89" s="872"/>
      <c r="C89" s="872"/>
      <c r="D89" s="870"/>
      <c r="F89" s="870"/>
      <c r="H89" s="870"/>
      <c r="J89" s="870"/>
    </row>
    <row r="90" spans="1:10" ht="15" customHeight="1" x14ac:dyDescent="0.2">
      <c r="A90" s="866"/>
      <c r="B90" s="866"/>
      <c r="C90" s="866"/>
      <c r="D90" s="867"/>
      <c r="F90" s="867"/>
      <c r="H90" s="867"/>
      <c r="J90" s="867"/>
    </row>
    <row r="91" spans="1:10" ht="15" customHeight="1" x14ac:dyDescent="0.2">
      <c r="A91" s="866"/>
      <c r="B91" s="866"/>
      <c r="C91" s="866"/>
      <c r="D91" s="867"/>
      <c r="F91" s="867"/>
      <c r="H91" s="867"/>
      <c r="J91" s="867"/>
    </row>
    <row r="92" spans="1:10" ht="15" customHeight="1" x14ac:dyDescent="0.2">
      <c r="A92" s="866"/>
      <c r="B92" s="866"/>
      <c r="C92" s="866"/>
      <c r="D92" s="867"/>
      <c r="F92" s="867"/>
      <c r="H92" s="867"/>
      <c r="J92" s="867"/>
    </row>
    <row r="93" spans="1:10" ht="15" customHeight="1" x14ac:dyDescent="0.2">
      <c r="A93" s="869"/>
      <c r="B93" s="869"/>
      <c r="C93" s="869"/>
      <c r="D93" s="867"/>
      <c r="F93" s="867"/>
      <c r="H93" s="867"/>
      <c r="J93" s="867"/>
    </row>
    <row r="94" spans="1:10" ht="15" customHeight="1" x14ac:dyDescent="0.2">
      <c r="A94" s="872"/>
      <c r="B94" s="872"/>
      <c r="C94" s="872"/>
      <c r="D94" s="867"/>
      <c r="F94" s="867"/>
      <c r="H94" s="867"/>
      <c r="J94" s="867"/>
    </row>
    <row r="95" spans="1:10" ht="15" customHeight="1" x14ac:dyDescent="0.2">
      <c r="A95" s="866"/>
      <c r="B95" s="866"/>
      <c r="C95" s="866"/>
      <c r="D95" s="867"/>
      <c r="F95" s="867"/>
      <c r="H95" s="867"/>
      <c r="J95" s="867"/>
    </row>
    <row r="96" spans="1:10" ht="15" customHeight="1" x14ac:dyDescent="0.2">
      <c r="A96" s="866"/>
      <c r="B96" s="866"/>
      <c r="C96" s="866"/>
      <c r="D96" s="867"/>
      <c r="F96" s="867"/>
      <c r="H96" s="867"/>
      <c r="J96" s="867"/>
    </row>
    <row r="97" spans="1:10" ht="15" customHeight="1" x14ac:dyDescent="0.2">
      <c r="A97" s="866"/>
      <c r="B97" s="866"/>
      <c r="C97" s="866"/>
      <c r="D97" s="867"/>
      <c r="F97" s="867"/>
      <c r="H97" s="867"/>
      <c r="J97" s="867"/>
    </row>
    <row r="98" spans="1:10" ht="15" customHeight="1" x14ac:dyDescent="0.2">
      <c r="A98" s="866"/>
      <c r="B98" s="866"/>
      <c r="C98" s="866"/>
    </row>
    <row r="99" spans="1:10" ht="15" customHeight="1" x14ac:dyDescent="0.2">
      <c r="A99" s="866"/>
      <c r="B99" s="866"/>
      <c r="C99" s="866"/>
    </row>
    <row r="100" spans="1:10" ht="15" customHeight="1" x14ac:dyDescent="0.2">
      <c r="A100" s="866"/>
      <c r="B100" s="866"/>
      <c r="C100" s="866"/>
    </row>
  </sheetData>
  <mergeCells count="1">
    <mergeCell ref="B19:J19"/>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D14"/>
  <sheetViews>
    <sheetView showGridLines="0" tabSelected="1" zoomScaleNormal="100" zoomScaleSheetLayoutView="100" workbookViewId="0">
      <selection activeCell="C3" sqref="C3"/>
    </sheetView>
  </sheetViews>
  <sheetFormatPr defaultColWidth="8.85546875" defaultRowHeight="12.75" x14ac:dyDescent="0.2"/>
  <cols>
    <col min="1" max="1" width="1.7109375" style="24" customWidth="1"/>
    <col min="2" max="2" width="36.42578125" style="24" customWidth="1"/>
    <col min="3" max="3" width="16.85546875" style="24" bestFit="1" customWidth="1"/>
    <col min="4" max="4" width="15.28515625" style="24" bestFit="1" customWidth="1"/>
    <col min="5" max="16384" width="8.85546875" style="24"/>
  </cols>
  <sheetData>
    <row r="1" spans="1:4" x14ac:dyDescent="0.2">
      <c r="A1" s="26" t="s">
        <v>600</v>
      </c>
      <c r="B1" s="26"/>
      <c r="C1" s="26"/>
      <c r="D1" s="26"/>
    </row>
    <row r="2" spans="1:4" x14ac:dyDescent="0.2">
      <c r="A2" s="11"/>
      <c r="B2" s="11"/>
      <c r="C2" s="11"/>
      <c r="D2" s="88" t="s">
        <v>601</v>
      </c>
    </row>
    <row r="3" spans="1:4" x14ac:dyDescent="0.2">
      <c r="A3" s="88"/>
      <c r="B3" s="88" t="s">
        <v>602</v>
      </c>
      <c r="C3" s="88" t="s">
        <v>603</v>
      </c>
      <c r="D3" s="873" t="s">
        <v>0</v>
      </c>
    </row>
    <row r="4" spans="1:4" ht="3.75" customHeight="1" x14ac:dyDescent="0.2">
      <c r="A4" s="874"/>
      <c r="B4" s="874"/>
      <c r="C4" s="874"/>
      <c r="D4" s="875"/>
    </row>
    <row r="5" spans="1:4" ht="3.75" customHeight="1" x14ac:dyDescent="0.2">
      <c r="A5" s="88"/>
      <c r="B5" s="88"/>
      <c r="C5" s="88"/>
      <c r="D5" s="873"/>
    </row>
    <row r="6" spans="1:4" x14ac:dyDescent="0.2">
      <c r="A6" s="331" t="s">
        <v>604</v>
      </c>
      <c r="B6" s="14"/>
      <c r="C6" s="876">
        <v>0.01</v>
      </c>
      <c r="D6" s="877" t="s">
        <v>605</v>
      </c>
    </row>
    <row r="7" spans="1:4" x14ac:dyDescent="0.2">
      <c r="A7" s="331" t="s">
        <v>606</v>
      </c>
      <c r="B7" s="14"/>
      <c r="C7" s="878">
        <v>50</v>
      </c>
      <c r="D7" s="879" t="s">
        <v>607</v>
      </c>
    </row>
    <row r="8" spans="1:4" x14ac:dyDescent="0.2">
      <c r="A8" s="331" t="s">
        <v>608</v>
      </c>
      <c r="B8" s="14"/>
      <c r="C8" s="880" t="s">
        <v>609</v>
      </c>
      <c r="D8" s="879" t="s">
        <v>610</v>
      </c>
    </row>
    <row r="9" spans="1:4" x14ac:dyDescent="0.2">
      <c r="A9" s="331" t="s">
        <v>611</v>
      </c>
      <c r="B9" s="14"/>
      <c r="C9" s="881" t="s">
        <v>612</v>
      </c>
      <c r="D9" s="882" t="s">
        <v>613</v>
      </c>
    </row>
    <row r="10" spans="1:4" x14ac:dyDescent="0.2">
      <c r="A10" s="331" t="s">
        <v>614</v>
      </c>
      <c r="B10" s="14"/>
      <c r="C10" s="881" t="s">
        <v>615</v>
      </c>
      <c r="D10" s="882" t="s">
        <v>616</v>
      </c>
    </row>
    <row r="11" spans="1:4" x14ac:dyDescent="0.2">
      <c r="A11" s="331" t="s">
        <v>617</v>
      </c>
      <c r="B11" s="14"/>
      <c r="C11" s="881" t="s">
        <v>618</v>
      </c>
      <c r="D11" s="882" t="s">
        <v>619</v>
      </c>
    </row>
    <row r="12" spans="1:4" ht="6" customHeight="1" x14ac:dyDescent="0.2">
      <c r="A12" s="883"/>
      <c r="B12" s="883"/>
      <c r="C12" s="106"/>
      <c r="D12" s="340"/>
    </row>
    <row r="13" spans="1:4" ht="22.5" customHeight="1" x14ac:dyDescent="0.2">
      <c r="A13" s="884" t="s">
        <v>620</v>
      </c>
      <c r="B13" s="885" t="s">
        <v>621</v>
      </c>
      <c r="C13" s="886"/>
      <c r="D13" s="886"/>
    </row>
    <row r="14" spans="1:4" ht="9.75" customHeight="1" x14ac:dyDescent="0.2">
      <c r="A14" s="884">
        <v>2</v>
      </c>
      <c r="B14" s="887" t="s">
        <v>622</v>
      </c>
      <c r="C14" s="886"/>
      <c r="D14" s="886"/>
    </row>
  </sheetData>
  <printOptions horizontalCentered="1"/>
  <pageMargins left="0.51181102362204722" right="0.31496062992125984" top="0.51181102362204722" bottom="0.35433070866141736" header="0.31496062992125984" footer="0.51181102362204722"/>
  <pageSetup orientation="portrait" r:id="rId1"/>
  <headerFooter alignWithMargins="0"/>
  <ignoredErrors>
    <ignoredError sqref="D10 A13"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O58"/>
  <sheetViews>
    <sheetView showGridLines="0" zoomScaleNormal="100" zoomScaleSheetLayoutView="100" workbookViewId="0"/>
  </sheetViews>
  <sheetFormatPr defaultColWidth="8.85546875" defaultRowHeight="12.75" x14ac:dyDescent="0.2"/>
  <cols>
    <col min="1" max="1" width="59.5703125" style="119" customWidth="1"/>
    <col min="2" max="4" width="7.7109375" style="24" customWidth="1"/>
    <col min="5" max="6" width="8.85546875" style="63"/>
    <col min="7" max="10" width="8.85546875" style="24"/>
    <col min="11" max="11" width="30.7109375" style="24" customWidth="1"/>
    <col min="12" max="16384" width="8.85546875" style="24"/>
  </cols>
  <sheetData>
    <row r="1" spans="1:15" s="82" customFormat="1" ht="19.5" customHeight="1" x14ac:dyDescent="0.2">
      <c r="A1" s="79" t="s">
        <v>58</v>
      </c>
      <c r="B1" s="26"/>
      <c r="C1" s="26"/>
      <c r="D1" s="26"/>
      <c r="E1" s="81"/>
      <c r="F1" s="63"/>
    </row>
    <row r="2" spans="1:15" s="88" customFormat="1" ht="11.25" x14ac:dyDescent="0.2">
      <c r="A2" s="125" t="s">
        <v>0</v>
      </c>
      <c r="B2" s="85" t="s">
        <v>15</v>
      </c>
      <c r="C2" s="85" t="s">
        <v>16</v>
      </c>
      <c r="D2" s="85" t="s">
        <v>17</v>
      </c>
      <c r="E2" s="86"/>
      <c r="F2" s="87"/>
    </row>
    <row r="3" spans="1:15" s="88" customFormat="1" ht="3.75" customHeight="1" x14ac:dyDescent="0.2">
      <c r="A3" s="90"/>
      <c r="B3" s="91"/>
      <c r="C3" s="91"/>
      <c r="D3" s="91"/>
      <c r="E3" s="87"/>
      <c r="F3" s="87"/>
    </row>
    <row r="4" spans="1:15" s="10" customFormat="1" ht="12.95" customHeight="1" x14ac:dyDescent="0.2">
      <c r="A4" s="93" t="s">
        <v>59</v>
      </c>
      <c r="B4" s="94">
        <v>0</v>
      </c>
      <c r="C4" s="94">
        <v>-345</v>
      </c>
      <c r="D4" s="94">
        <v>-1394</v>
      </c>
      <c r="E4" s="61"/>
      <c r="F4" s="61"/>
    </row>
    <row r="5" spans="1:15" s="10" customFormat="1" ht="12.95" customHeight="1" x14ac:dyDescent="0.2">
      <c r="A5" s="93" t="s">
        <v>60</v>
      </c>
      <c r="B5" s="94">
        <v>463</v>
      </c>
      <c r="C5" s="94">
        <v>1850</v>
      </c>
      <c r="D5" s="94">
        <v>1922</v>
      </c>
      <c r="E5" s="98"/>
      <c r="F5" s="98"/>
      <c r="G5" s="98"/>
      <c r="I5" s="114"/>
      <c r="J5" s="107"/>
      <c r="K5" s="107"/>
      <c r="L5" s="98"/>
      <c r="M5" s="98"/>
      <c r="N5" s="98"/>
      <c r="O5" s="98"/>
    </row>
    <row r="6" spans="1:15" s="10" customFormat="1" ht="12.95" customHeight="1" x14ac:dyDescent="0.2">
      <c r="A6" s="126" t="s">
        <v>61</v>
      </c>
      <c r="B6" s="94">
        <v>87</v>
      </c>
      <c r="C6" s="94">
        <v>200</v>
      </c>
      <c r="D6" s="94">
        <v>200</v>
      </c>
      <c r="E6" s="112"/>
      <c r="F6" s="112"/>
      <c r="G6" s="112"/>
      <c r="I6" s="128"/>
      <c r="J6" s="107"/>
      <c r="K6" s="107"/>
      <c r="L6" s="107"/>
      <c r="M6" s="107"/>
      <c r="N6" s="107"/>
      <c r="O6" s="107"/>
    </row>
    <row r="7" spans="1:15" s="10" customFormat="1" ht="12.95" customHeight="1" x14ac:dyDescent="0.2">
      <c r="A7" s="126" t="s">
        <v>62</v>
      </c>
      <c r="B7" s="94">
        <v>35</v>
      </c>
      <c r="C7" s="94">
        <v>40</v>
      </c>
      <c r="D7" s="94">
        <v>40</v>
      </c>
      <c r="E7" s="112"/>
      <c r="F7" s="112"/>
      <c r="G7" s="112"/>
      <c r="I7" s="127"/>
      <c r="J7" s="107"/>
      <c r="K7" s="107"/>
      <c r="L7" s="112"/>
      <c r="M7" s="112"/>
      <c r="N7" s="112"/>
      <c r="O7" s="112"/>
    </row>
    <row r="8" spans="1:15" s="10" customFormat="1" ht="12.95" customHeight="1" x14ac:dyDescent="0.2">
      <c r="A8" s="126" t="s">
        <v>63</v>
      </c>
      <c r="B8" s="94">
        <v>50</v>
      </c>
      <c r="C8" s="94">
        <v>200</v>
      </c>
      <c r="D8" s="94">
        <v>200</v>
      </c>
      <c r="E8" s="98"/>
      <c r="F8" s="98"/>
      <c r="G8" s="98"/>
      <c r="I8" s="114"/>
      <c r="J8" s="107"/>
      <c r="K8" s="107"/>
      <c r="L8" s="98"/>
      <c r="M8" s="98"/>
      <c r="N8" s="98"/>
      <c r="O8" s="98"/>
    </row>
    <row r="9" spans="1:15" s="10" customFormat="1" ht="12.95" customHeight="1" x14ac:dyDescent="0.2">
      <c r="A9" s="126" t="s">
        <v>64</v>
      </c>
      <c r="B9" s="94">
        <v>81</v>
      </c>
      <c r="C9" s="94">
        <v>81</v>
      </c>
      <c r="D9" s="94">
        <v>81</v>
      </c>
      <c r="E9" s="115"/>
      <c r="F9" s="115"/>
      <c r="G9" s="98"/>
      <c r="I9" s="114"/>
      <c r="J9" s="107"/>
      <c r="K9" s="107"/>
      <c r="L9" s="98"/>
      <c r="M9" s="98"/>
      <c r="N9" s="98"/>
      <c r="O9" s="98"/>
    </row>
    <row r="10" spans="1:15" s="10" customFormat="1" ht="12.95" customHeight="1" x14ac:dyDescent="0.2">
      <c r="A10" s="126" t="s">
        <v>65</v>
      </c>
      <c r="B10" s="94">
        <v>16</v>
      </c>
      <c r="C10" s="94">
        <v>16</v>
      </c>
      <c r="D10" s="94">
        <v>16</v>
      </c>
      <c r="E10" s="107"/>
      <c r="F10" s="107"/>
      <c r="G10" s="107"/>
      <c r="I10" s="114"/>
      <c r="J10" s="107"/>
      <c r="K10" s="107"/>
      <c r="L10" s="98"/>
      <c r="M10" s="98"/>
      <c r="N10" s="98"/>
      <c r="O10" s="98"/>
    </row>
    <row r="11" spans="1:15" s="14" customFormat="1" ht="12.95" customHeight="1" x14ac:dyDescent="0.2">
      <c r="A11" s="93" t="s">
        <v>66</v>
      </c>
      <c r="B11" s="94">
        <v>95</v>
      </c>
      <c r="C11" s="94">
        <v>95</v>
      </c>
      <c r="D11" s="94">
        <v>95</v>
      </c>
      <c r="E11" s="121"/>
      <c r="F11" s="121"/>
      <c r="G11" s="121"/>
      <c r="I11" s="114"/>
      <c r="J11" s="107"/>
      <c r="K11" s="107"/>
      <c r="L11" s="98"/>
      <c r="M11" s="98"/>
      <c r="N11" s="98"/>
      <c r="O11" s="98"/>
    </row>
    <row r="12" spans="1:15" s="14" customFormat="1" ht="12.95" customHeight="1" x14ac:dyDescent="0.2">
      <c r="A12" s="93" t="s">
        <v>67</v>
      </c>
      <c r="B12" s="94">
        <v>50</v>
      </c>
      <c r="C12" s="94">
        <v>75</v>
      </c>
      <c r="D12" s="94">
        <v>75</v>
      </c>
      <c r="E12" s="130"/>
      <c r="F12" s="130"/>
      <c r="G12" s="129"/>
      <c r="I12" s="114"/>
      <c r="J12" s="107"/>
      <c r="K12" s="107"/>
      <c r="L12" s="98"/>
      <c r="M12" s="98"/>
      <c r="N12" s="98"/>
      <c r="O12" s="98"/>
    </row>
    <row r="13" spans="1:15" s="10" customFormat="1" ht="12.95" customHeight="1" x14ac:dyDescent="0.2">
      <c r="A13" s="93" t="s">
        <v>68</v>
      </c>
      <c r="B13" s="99">
        <v>3</v>
      </c>
      <c r="C13" s="99">
        <v>17</v>
      </c>
      <c r="D13" s="99">
        <v>18</v>
      </c>
      <c r="E13" s="107"/>
      <c r="F13" s="107"/>
      <c r="G13" s="107"/>
      <c r="I13" s="114"/>
      <c r="J13" s="107"/>
      <c r="K13" s="107"/>
      <c r="L13" s="98"/>
      <c r="M13" s="98"/>
      <c r="N13" s="98"/>
      <c r="O13" s="98"/>
    </row>
    <row r="14" spans="1:15" s="10" customFormat="1" ht="14.25" customHeight="1" x14ac:dyDescent="0.2">
      <c r="A14" s="131" t="s">
        <v>69</v>
      </c>
      <c r="B14" s="103">
        <v>880</v>
      </c>
      <c r="C14" s="103">
        <v>2229</v>
      </c>
      <c r="D14" s="103">
        <v>1253</v>
      </c>
      <c r="E14" s="107"/>
      <c r="F14" s="107"/>
      <c r="G14" s="107"/>
      <c r="I14" s="114"/>
      <c r="J14" s="107"/>
      <c r="K14" s="107"/>
      <c r="L14" s="98"/>
      <c r="M14" s="98"/>
      <c r="N14" s="98"/>
      <c r="O14" s="98"/>
    </row>
    <row r="15" spans="1:15" s="10" customFormat="1" ht="3" customHeight="1" x14ac:dyDescent="0.2">
      <c r="A15" s="105"/>
      <c r="B15" s="132"/>
      <c r="C15" s="132"/>
      <c r="D15" s="132"/>
      <c r="E15" s="107"/>
      <c r="F15" s="107"/>
      <c r="G15" s="107"/>
      <c r="I15" s="114"/>
      <c r="J15" s="107"/>
      <c r="K15" s="107"/>
      <c r="L15" s="98"/>
      <c r="M15" s="98"/>
      <c r="N15" s="98"/>
      <c r="O15" s="98"/>
    </row>
    <row r="16" spans="1:15" s="10" customFormat="1" ht="14.25" x14ac:dyDescent="0.2">
      <c r="A16" s="93"/>
      <c r="B16" s="99"/>
      <c r="C16" s="99"/>
      <c r="D16" s="99"/>
      <c r="F16" s="61"/>
      <c r="I16" s="114"/>
      <c r="J16" s="107"/>
      <c r="K16" s="107"/>
      <c r="L16" s="98"/>
      <c r="M16" s="115"/>
      <c r="N16" s="115"/>
      <c r="O16" s="98"/>
    </row>
    <row r="17" spans="1:15" s="10" customFormat="1" ht="14.25" x14ac:dyDescent="0.2">
      <c r="A17" s="93"/>
      <c r="B17" s="94"/>
      <c r="C17" s="94"/>
      <c r="D17" s="94"/>
      <c r="E17" s="133"/>
      <c r="F17" s="133"/>
      <c r="G17" s="94"/>
      <c r="I17" s="120"/>
      <c r="J17" s="107"/>
      <c r="K17" s="107"/>
      <c r="L17" s="121"/>
      <c r="M17" s="121"/>
      <c r="N17" s="121"/>
      <c r="O17" s="121"/>
    </row>
    <row r="18" spans="1:15" s="10" customFormat="1" x14ac:dyDescent="0.2">
      <c r="A18" s="93"/>
      <c r="B18" s="94"/>
      <c r="C18" s="94"/>
      <c r="D18" s="94"/>
      <c r="E18" s="133"/>
      <c r="F18" s="133"/>
      <c r="G18" s="94"/>
      <c r="I18" s="120"/>
      <c r="J18" s="107"/>
      <c r="K18" s="107"/>
      <c r="L18" s="122"/>
      <c r="M18" s="122"/>
      <c r="N18" s="122"/>
      <c r="O18" s="122"/>
    </row>
    <row r="19" spans="1:15" s="10" customFormat="1" ht="14.25" x14ac:dyDescent="0.2">
      <c r="A19" s="93"/>
      <c r="B19" s="94"/>
      <c r="C19" s="94"/>
      <c r="D19" s="94"/>
      <c r="E19" s="133"/>
      <c r="F19" s="133"/>
      <c r="G19" s="94"/>
      <c r="I19" s="120"/>
      <c r="J19" s="107"/>
      <c r="K19" s="107"/>
      <c r="L19" s="123"/>
      <c r="M19" s="123"/>
      <c r="N19" s="123"/>
      <c r="O19" s="123"/>
    </row>
    <row r="20" spans="1:15" s="10" customFormat="1" ht="14.25" x14ac:dyDescent="0.2">
      <c r="A20" s="93"/>
      <c r="B20" s="94"/>
      <c r="C20" s="94"/>
      <c r="D20" s="94"/>
      <c r="E20" s="133"/>
      <c r="F20" s="133"/>
      <c r="G20" s="94"/>
      <c r="I20" s="120"/>
      <c r="J20" s="107"/>
      <c r="K20" s="111"/>
      <c r="L20" s="121"/>
      <c r="M20" s="121"/>
      <c r="N20" s="121"/>
      <c r="O20" s="121"/>
    </row>
    <row r="21" spans="1:15" s="10" customFormat="1" x14ac:dyDescent="0.2">
      <c r="A21" s="93"/>
      <c r="B21" s="94"/>
      <c r="C21" s="94"/>
      <c r="D21" s="94"/>
      <c r="E21" s="115"/>
      <c r="F21" s="115"/>
      <c r="G21" s="98"/>
      <c r="I21" s="110"/>
    </row>
    <row r="22" spans="1:15" s="10" customFormat="1" ht="14.25" x14ac:dyDescent="0.2">
      <c r="A22" s="93"/>
      <c r="B22" s="99"/>
      <c r="C22" s="99"/>
      <c r="D22" s="99"/>
      <c r="E22" s="115"/>
      <c r="F22" s="115"/>
      <c r="G22" s="98"/>
      <c r="I22" s="110"/>
    </row>
    <row r="23" spans="1:15" s="10" customFormat="1" x14ac:dyDescent="0.2">
      <c r="A23" s="93"/>
      <c r="B23" s="94"/>
      <c r="C23" s="94"/>
      <c r="D23" s="94"/>
      <c r="E23" s="115"/>
      <c r="F23" s="115"/>
      <c r="G23" s="98"/>
      <c r="I23" s="110"/>
    </row>
    <row r="24" spans="1:15" s="10" customFormat="1" ht="12" customHeight="1" x14ac:dyDescent="0.2">
      <c r="A24" s="93"/>
      <c r="E24" s="118"/>
      <c r="F24" s="118"/>
      <c r="G24" s="98"/>
      <c r="I24" s="113"/>
    </row>
    <row r="25" spans="1:15" s="14" customFormat="1" ht="12" customHeight="1" x14ac:dyDescent="0.2">
      <c r="A25" s="134"/>
      <c r="B25" s="94"/>
      <c r="C25" s="94"/>
      <c r="D25" s="94"/>
      <c r="E25" s="115"/>
      <c r="F25" s="115"/>
      <c r="G25" s="98"/>
      <c r="I25" s="110"/>
    </row>
    <row r="26" spans="1:15" s="14" customFormat="1" ht="12" customHeight="1" x14ac:dyDescent="0.2">
      <c r="A26" s="134"/>
      <c r="B26" s="94"/>
      <c r="C26" s="94"/>
      <c r="D26" s="94"/>
      <c r="E26" s="115"/>
      <c r="F26" s="115"/>
      <c r="G26" s="98"/>
      <c r="I26" s="110"/>
    </row>
    <row r="27" spans="1:15" s="14" customFormat="1" ht="14.25" x14ac:dyDescent="0.2">
      <c r="A27" s="134"/>
      <c r="B27" s="94"/>
      <c r="C27" s="94"/>
      <c r="D27" s="94"/>
      <c r="E27" s="130"/>
      <c r="F27" s="130"/>
      <c r="G27" s="129"/>
      <c r="I27" s="110"/>
    </row>
    <row r="28" spans="1:15" ht="14.25" x14ac:dyDescent="0.2">
      <c r="A28" s="134"/>
      <c r="B28" s="94"/>
      <c r="C28" s="94"/>
      <c r="D28" s="94"/>
      <c r="E28" s="121"/>
      <c r="F28" s="121"/>
      <c r="G28" s="121"/>
      <c r="I28" s="111"/>
    </row>
    <row r="29" spans="1:15" s="14" customFormat="1" x14ac:dyDescent="0.2">
      <c r="A29" s="134"/>
      <c r="B29" s="94"/>
      <c r="C29" s="94"/>
      <c r="D29" s="94"/>
      <c r="E29" s="107"/>
      <c r="F29" s="107"/>
      <c r="G29" s="107"/>
      <c r="H29" s="107"/>
      <c r="I29" s="107"/>
      <c r="J29" s="107"/>
    </row>
    <row r="30" spans="1:15" s="14" customFormat="1" ht="12" x14ac:dyDescent="0.2">
      <c r="A30" s="134"/>
      <c r="B30" s="94"/>
      <c r="C30" s="94"/>
      <c r="D30" s="94"/>
      <c r="E30" s="62"/>
      <c r="F30" s="62"/>
    </row>
    <row r="31" spans="1:15" s="14" customFormat="1" ht="12" x14ac:dyDescent="0.2">
      <c r="A31" s="134"/>
      <c r="B31" s="94"/>
      <c r="C31" s="94"/>
      <c r="D31" s="94"/>
      <c r="E31" s="62"/>
      <c r="F31" s="62"/>
    </row>
    <row r="32" spans="1:15" s="14" customFormat="1" ht="12" customHeight="1" x14ac:dyDescent="0.2">
      <c r="A32" s="134"/>
      <c r="B32" s="94"/>
      <c r="C32" s="94"/>
      <c r="D32" s="94"/>
      <c r="E32" s="107"/>
      <c r="F32" s="107"/>
      <c r="G32" s="107"/>
      <c r="H32" s="107"/>
      <c r="I32" s="107"/>
      <c r="J32" s="107"/>
    </row>
    <row r="33" spans="1:9" s="14" customFormat="1" ht="12" x14ac:dyDescent="0.2">
      <c r="A33" s="134"/>
      <c r="B33" s="94"/>
      <c r="C33" s="94"/>
      <c r="D33" s="94"/>
      <c r="E33" s="112"/>
      <c r="F33" s="112"/>
      <c r="G33" s="112"/>
      <c r="I33" s="112"/>
    </row>
    <row r="34" spans="1:9" s="14" customFormat="1" ht="12" x14ac:dyDescent="0.2">
      <c r="A34" s="134"/>
      <c r="B34" s="94"/>
      <c r="C34" s="94"/>
      <c r="D34" s="94"/>
      <c r="E34" s="118"/>
      <c r="F34" s="118"/>
      <c r="G34" s="118"/>
      <c r="I34" s="113"/>
    </row>
    <row r="35" spans="1:9" s="14" customFormat="1" x14ac:dyDescent="0.2">
      <c r="A35" s="135"/>
      <c r="B35" s="94"/>
      <c r="C35" s="133"/>
      <c r="D35" s="133"/>
      <c r="E35" s="98"/>
      <c r="F35" s="98"/>
      <c r="G35" s="98"/>
      <c r="I35" s="111"/>
    </row>
    <row r="36" spans="1:9" s="14" customFormat="1" x14ac:dyDescent="0.2">
      <c r="A36" s="134"/>
      <c r="B36" s="94"/>
      <c r="C36" s="94"/>
      <c r="D36" s="94"/>
      <c r="E36" s="98"/>
      <c r="F36" s="98"/>
      <c r="G36" s="98"/>
      <c r="I36" s="111"/>
    </row>
    <row r="37" spans="1:9" s="14" customFormat="1" ht="14.25" x14ac:dyDescent="0.2">
      <c r="A37" s="134"/>
      <c r="B37" s="99"/>
      <c r="C37" s="99"/>
      <c r="D37" s="99"/>
      <c r="E37" s="98"/>
      <c r="F37" s="98"/>
      <c r="G37" s="98"/>
      <c r="I37" s="111"/>
    </row>
    <row r="38" spans="1:9" s="10" customFormat="1" x14ac:dyDescent="0.2">
      <c r="A38" s="93"/>
      <c r="B38" s="14"/>
      <c r="C38" s="14"/>
      <c r="D38" s="14"/>
      <c r="E38" s="98"/>
      <c r="F38" s="98"/>
      <c r="G38" s="98"/>
      <c r="I38" s="111"/>
    </row>
    <row r="39" spans="1:9" s="10" customFormat="1" ht="5.25" customHeight="1" x14ac:dyDescent="0.2">
      <c r="A39" s="93"/>
      <c r="B39" s="14"/>
      <c r="C39" s="14"/>
      <c r="D39" s="14"/>
      <c r="E39" s="98"/>
      <c r="F39" s="98"/>
      <c r="G39" s="98"/>
      <c r="I39" s="111"/>
    </row>
    <row r="40" spans="1:9" s="10" customFormat="1" x14ac:dyDescent="0.2">
      <c r="A40" s="93"/>
      <c r="B40" s="14"/>
      <c r="C40" s="14"/>
      <c r="D40" s="14"/>
      <c r="E40" s="98"/>
      <c r="F40" s="98"/>
      <c r="G40" s="98"/>
      <c r="I40" s="111"/>
    </row>
    <row r="41" spans="1:9" s="10" customFormat="1" x14ac:dyDescent="0.2">
      <c r="A41" s="93"/>
      <c r="B41" s="14"/>
      <c r="C41" s="14"/>
      <c r="D41" s="14"/>
      <c r="E41" s="115"/>
      <c r="F41" s="115"/>
      <c r="G41" s="98"/>
      <c r="I41" s="111"/>
    </row>
    <row r="42" spans="1:9" s="10" customFormat="1" ht="14.25" x14ac:dyDescent="0.2">
      <c r="A42" s="93"/>
      <c r="B42" s="99"/>
      <c r="C42" s="99"/>
      <c r="D42" s="99"/>
      <c r="E42" s="118"/>
      <c r="F42" s="118"/>
      <c r="G42" s="98"/>
      <c r="I42" s="113"/>
    </row>
    <row r="43" spans="1:9" s="10" customFormat="1" ht="14.25" x14ac:dyDescent="0.2">
      <c r="A43" s="93"/>
      <c r="B43" s="76"/>
      <c r="C43" s="76"/>
      <c r="D43" s="76"/>
      <c r="E43" s="115"/>
      <c r="F43" s="115"/>
      <c r="G43" s="98"/>
      <c r="I43" s="111"/>
    </row>
    <row r="44" spans="1:9" s="12" customFormat="1" ht="14.25" x14ac:dyDescent="0.2">
      <c r="A44" s="95"/>
      <c r="B44" s="76"/>
      <c r="C44" s="76"/>
      <c r="D44" s="76"/>
      <c r="E44" s="115"/>
      <c r="F44" s="115"/>
      <c r="G44" s="98"/>
      <c r="I44" s="111"/>
    </row>
    <row r="45" spans="1:9" s="12" customFormat="1" ht="14.25" x14ac:dyDescent="0.2">
      <c r="A45" s="95"/>
      <c r="B45" s="38"/>
      <c r="C45" s="38"/>
      <c r="D45" s="38"/>
      <c r="E45" s="115"/>
      <c r="F45" s="115"/>
      <c r="G45" s="98"/>
      <c r="I45" s="111"/>
    </row>
    <row r="46" spans="1:9" s="12" customFormat="1" ht="3" customHeight="1" x14ac:dyDescent="0.2">
      <c r="A46" s="104"/>
      <c r="B46" s="136"/>
      <c r="C46" s="136"/>
      <c r="D46" s="136"/>
      <c r="E46" s="115"/>
      <c r="F46" s="115"/>
      <c r="G46" s="98"/>
      <c r="I46" s="111"/>
    </row>
    <row r="47" spans="1:9" s="12" customFormat="1" ht="2.25" customHeight="1" x14ac:dyDescent="0.2">
      <c r="A47" s="119"/>
      <c r="B47" s="24"/>
      <c r="C47" s="24"/>
      <c r="D47" s="24"/>
      <c r="E47" s="115"/>
      <c r="F47" s="115"/>
      <c r="G47" s="98"/>
      <c r="I47" s="111"/>
    </row>
    <row r="48" spans="1:9" s="12" customFormat="1" ht="10.5" customHeight="1" x14ac:dyDescent="0.2">
      <c r="A48" s="119"/>
      <c r="B48" s="24"/>
      <c r="C48" s="24"/>
      <c r="D48" s="24"/>
      <c r="E48" s="115"/>
      <c r="F48" s="115"/>
      <c r="G48" s="98"/>
      <c r="I48" s="111"/>
    </row>
    <row r="49" spans="1:10" ht="10.5" customHeight="1" x14ac:dyDescent="0.2">
      <c r="A49" s="137"/>
      <c r="B49" s="138"/>
      <c r="C49" s="138"/>
      <c r="D49" s="138"/>
      <c r="E49" s="118"/>
      <c r="F49" s="118"/>
      <c r="G49" s="98"/>
      <c r="I49" s="113"/>
    </row>
    <row r="50" spans="1:10" x14ac:dyDescent="0.2">
      <c r="E50" s="115"/>
      <c r="F50" s="115"/>
      <c r="G50" s="98"/>
      <c r="I50" s="111"/>
    </row>
    <row r="51" spans="1:10" x14ac:dyDescent="0.2">
      <c r="E51" s="115"/>
      <c r="F51" s="115"/>
      <c r="G51" s="98"/>
      <c r="I51" s="111"/>
    </row>
    <row r="52" spans="1:10" x14ac:dyDescent="0.2">
      <c r="E52" s="115"/>
      <c r="F52" s="115"/>
      <c r="G52" s="98"/>
      <c r="I52" s="111"/>
    </row>
    <row r="53" spans="1:10" ht="14.25" x14ac:dyDescent="0.2">
      <c r="E53" s="121"/>
      <c r="F53" s="121"/>
      <c r="G53" s="121"/>
      <c r="I53" s="111"/>
    </row>
    <row r="54" spans="1:10" x14ac:dyDescent="0.2">
      <c r="E54" s="122"/>
      <c r="F54" s="122"/>
      <c r="G54" s="122"/>
      <c r="I54" s="110"/>
    </row>
    <row r="55" spans="1:10" ht="17.25" x14ac:dyDescent="0.4">
      <c r="A55" s="24"/>
      <c r="E55" s="123"/>
      <c r="F55" s="123"/>
      <c r="G55" s="123"/>
      <c r="I55" s="124"/>
    </row>
    <row r="56" spans="1:10" ht="14.25" x14ac:dyDescent="0.2">
      <c r="A56" s="24"/>
      <c r="E56" s="121"/>
      <c r="F56" s="121"/>
      <c r="G56" s="121"/>
      <c r="I56" s="111"/>
    </row>
    <row r="57" spans="1:10" x14ac:dyDescent="0.2">
      <c r="A57" s="24"/>
      <c r="E57" s="107"/>
      <c r="F57" s="107"/>
      <c r="G57" s="107"/>
      <c r="H57" s="107"/>
      <c r="I57" s="107"/>
      <c r="J57" s="107"/>
    </row>
    <row r="58" spans="1:10" x14ac:dyDescent="0.2">
      <c r="A58" s="24"/>
      <c r="E58" s="107"/>
      <c r="F58" s="107"/>
      <c r="G58" s="107"/>
      <c r="H58" s="107"/>
      <c r="I58" s="111"/>
      <c r="J58" s="107"/>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R2106"/>
  <sheetViews>
    <sheetView showGridLines="0" zoomScaleNormal="100" zoomScaleSheetLayoutView="100" workbookViewId="0">
      <selection activeCell="P32" sqref="P32"/>
    </sheetView>
  </sheetViews>
  <sheetFormatPr defaultColWidth="9.7109375" defaultRowHeight="12.75" x14ac:dyDescent="0.2"/>
  <cols>
    <col min="1" max="1" width="35.140625" customWidth="1"/>
    <col min="2" max="2" width="0.5703125" customWidth="1"/>
    <col min="3" max="3" width="6.7109375" customWidth="1"/>
    <col min="4" max="4" width="0.7109375" customWidth="1"/>
    <col min="5" max="5" width="6.7109375" customWidth="1"/>
    <col min="6" max="6" width="0.5703125" customWidth="1"/>
    <col min="7" max="7" width="6.7109375" customWidth="1"/>
    <col min="8" max="8" width="0.5703125" customWidth="1"/>
    <col min="9" max="9" width="6.7109375" customWidth="1"/>
    <col min="10" max="10" width="0.85546875" customWidth="1"/>
    <col min="11" max="11" width="0.42578125" customWidth="1"/>
    <col min="12" max="12" width="6.7109375" customWidth="1"/>
    <col min="13" max="13" width="0.5703125" customWidth="1"/>
    <col min="14" max="14" width="6.7109375" customWidth="1"/>
    <col min="15" max="15" width="0.7109375" customWidth="1"/>
    <col min="16" max="16" width="6.7109375" customWidth="1"/>
    <col min="17" max="17" width="0.7109375" customWidth="1"/>
    <col min="18" max="18" width="6.7109375" customWidth="1"/>
  </cols>
  <sheetData>
    <row r="1" spans="1:18" s="143" customFormat="1" ht="15.75" customHeight="1" x14ac:dyDescent="0.2">
      <c r="A1" s="139" t="s">
        <v>70</v>
      </c>
      <c r="B1" s="139"/>
      <c r="C1" s="140"/>
      <c r="D1" s="140"/>
      <c r="E1" s="140"/>
      <c r="F1" s="140"/>
      <c r="G1" s="140"/>
      <c r="H1" s="140"/>
      <c r="I1" s="140"/>
      <c r="J1" s="140"/>
      <c r="K1" s="140"/>
      <c r="L1" s="140"/>
      <c r="M1" s="140"/>
      <c r="N1" s="140"/>
      <c r="O1" s="141"/>
      <c r="P1" s="142"/>
      <c r="Q1" s="142"/>
      <c r="R1" s="142"/>
    </row>
    <row r="2" spans="1:18" s="147" customFormat="1" ht="15" customHeight="1" x14ac:dyDescent="0.2">
      <c r="A2" s="144" t="s">
        <v>71</v>
      </c>
      <c r="B2" s="144"/>
      <c r="C2" s="889"/>
      <c r="D2" s="889"/>
      <c r="E2" s="889"/>
      <c r="F2" s="890"/>
      <c r="G2" s="890"/>
      <c r="H2" s="890"/>
      <c r="I2" s="890"/>
      <c r="J2" s="145"/>
      <c r="K2" s="146"/>
      <c r="L2" s="889" t="s">
        <v>72</v>
      </c>
      <c r="M2" s="889"/>
      <c r="N2" s="889"/>
      <c r="O2" s="889"/>
      <c r="P2" s="889"/>
      <c r="Q2" s="889"/>
      <c r="R2" s="889"/>
    </row>
    <row r="3" spans="1:18" s="147" customFormat="1" ht="11.25" x14ac:dyDescent="0.2">
      <c r="A3" s="148" t="s">
        <v>73</v>
      </c>
      <c r="B3" s="149"/>
      <c r="C3" s="150" t="s">
        <v>74</v>
      </c>
      <c r="D3" s="150"/>
      <c r="E3" s="150" t="s">
        <v>75</v>
      </c>
      <c r="F3" s="150"/>
      <c r="G3" s="150" t="s">
        <v>76</v>
      </c>
      <c r="H3" s="150"/>
      <c r="I3" s="150" t="s">
        <v>77</v>
      </c>
      <c r="J3" s="151"/>
      <c r="K3" s="152"/>
      <c r="L3" s="150" t="s">
        <v>74</v>
      </c>
      <c r="M3" s="150"/>
      <c r="N3" s="150" t="s">
        <v>75</v>
      </c>
      <c r="O3" s="150"/>
      <c r="P3" s="150" t="s">
        <v>76</v>
      </c>
      <c r="Q3" s="150"/>
      <c r="R3" s="150" t="s">
        <v>77</v>
      </c>
    </row>
    <row r="4" spans="1:18" s="147" customFormat="1" ht="5.25" customHeight="1" x14ac:dyDescent="0.2">
      <c r="A4" s="144"/>
      <c r="B4" s="144"/>
      <c r="C4" s="153"/>
      <c r="D4" s="153"/>
      <c r="E4" s="153"/>
      <c r="F4" s="153"/>
      <c r="G4" s="153"/>
      <c r="H4" s="153"/>
      <c r="I4" s="153"/>
      <c r="J4" s="154"/>
      <c r="K4" s="155"/>
      <c r="L4" s="153"/>
      <c r="M4" s="153"/>
      <c r="N4" s="153"/>
      <c r="O4" s="153"/>
      <c r="P4" s="153"/>
      <c r="Q4" s="153"/>
      <c r="R4" s="153"/>
    </row>
    <row r="5" spans="1:18" s="161" customFormat="1" ht="11.65" customHeight="1" x14ac:dyDescent="0.2">
      <c r="A5" s="156" t="s">
        <v>78</v>
      </c>
      <c r="B5" s="157" t="s">
        <v>79</v>
      </c>
      <c r="C5" s="188">
        <v>3.4</v>
      </c>
      <c r="D5" s="188"/>
      <c r="E5" s="188">
        <v>2.2999999999999998</v>
      </c>
      <c r="F5" s="188"/>
      <c r="G5" s="188">
        <v>2</v>
      </c>
      <c r="H5" s="188"/>
      <c r="I5" s="188">
        <v>2</v>
      </c>
      <c r="J5" s="159"/>
      <c r="K5" s="160"/>
      <c r="L5" s="188">
        <v>2.9</v>
      </c>
      <c r="M5" s="188"/>
      <c r="N5" s="188">
        <v>2.1</v>
      </c>
      <c r="O5" s="188">
        <v>2.1</v>
      </c>
      <c r="P5" s="188">
        <v>2</v>
      </c>
      <c r="Q5" s="188"/>
      <c r="R5" s="188">
        <v>2</v>
      </c>
    </row>
    <row r="6" spans="1:18" s="161" customFormat="1" ht="11.65" customHeight="1" x14ac:dyDescent="0.2">
      <c r="A6" s="156" t="s">
        <v>80</v>
      </c>
      <c r="B6" s="157" t="s">
        <v>79</v>
      </c>
      <c r="C6" s="188">
        <v>5.9</v>
      </c>
      <c r="D6" s="188"/>
      <c r="E6" s="188">
        <v>4.4000000000000004</v>
      </c>
      <c r="F6" s="188"/>
      <c r="G6" s="188">
        <v>4</v>
      </c>
      <c r="H6" s="188"/>
      <c r="I6" s="188">
        <v>3.9</v>
      </c>
      <c r="J6" s="159"/>
      <c r="K6" s="160"/>
      <c r="L6" s="188">
        <v>5.0999999999999996</v>
      </c>
      <c r="M6" s="188"/>
      <c r="N6" s="188">
        <v>4.0999999999999996</v>
      </c>
      <c r="O6" s="188"/>
      <c r="P6" s="188">
        <v>4</v>
      </c>
      <c r="Q6" s="188"/>
      <c r="R6" s="188">
        <v>3.9</v>
      </c>
    </row>
    <row r="7" spans="1:18" s="161" customFormat="1" ht="11.65" customHeight="1" x14ac:dyDescent="0.2">
      <c r="A7" s="162" t="s">
        <v>81</v>
      </c>
      <c r="B7" s="163" t="s">
        <v>79</v>
      </c>
      <c r="C7" s="188">
        <v>5.0999999999999996</v>
      </c>
      <c r="D7" s="188"/>
      <c r="E7" s="188">
        <v>4.0999999999999996</v>
      </c>
      <c r="F7" s="188"/>
      <c r="G7" s="188">
        <v>3.9</v>
      </c>
      <c r="H7" s="188"/>
      <c r="I7" s="188">
        <v>3.8</v>
      </c>
      <c r="J7" s="159"/>
      <c r="K7" s="160"/>
      <c r="L7" s="188">
        <v>4.0999999999999996</v>
      </c>
      <c r="M7" s="188"/>
      <c r="N7" s="188">
        <v>4</v>
      </c>
      <c r="O7" s="188"/>
      <c r="P7" s="188">
        <v>3.9</v>
      </c>
      <c r="Q7" s="188"/>
      <c r="R7" s="188">
        <v>3.8</v>
      </c>
    </row>
    <row r="8" spans="1:18" s="158" customFormat="1" ht="11.65" customHeight="1" x14ac:dyDescent="0.2">
      <c r="A8" s="162" t="s">
        <v>82</v>
      </c>
      <c r="B8" s="163"/>
      <c r="C8" s="188">
        <v>11.2</v>
      </c>
      <c r="D8" s="188"/>
      <c r="E8" s="188">
        <v>5.5</v>
      </c>
      <c r="F8" s="188"/>
      <c r="G8" s="188">
        <v>3.3</v>
      </c>
      <c r="H8" s="188"/>
      <c r="I8" s="188">
        <v>3.3</v>
      </c>
      <c r="J8" s="159"/>
      <c r="K8" s="160"/>
      <c r="L8" s="188">
        <v>9.1</v>
      </c>
      <c r="M8" s="188"/>
      <c r="N8" s="188">
        <v>2.8</v>
      </c>
      <c r="O8" s="188"/>
      <c r="P8" s="188">
        <v>2.8</v>
      </c>
      <c r="Q8" s="188"/>
      <c r="R8" s="188">
        <v>2.8</v>
      </c>
    </row>
    <row r="9" spans="1:18" s="158" customFormat="1" ht="11.65" customHeight="1" x14ac:dyDescent="0.2">
      <c r="A9" s="156" t="s">
        <v>83</v>
      </c>
      <c r="B9" s="163" t="s">
        <v>79</v>
      </c>
      <c r="C9" s="188">
        <v>14</v>
      </c>
      <c r="D9" s="188"/>
      <c r="E9" s="188">
        <v>2.6</v>
      </c>
      <c r="F9" s="188"/>
      <c r="G9" s="188">
        <v>2.2999999999999998</v>
      </c>
      <c r="H9" s="188"/>
      <c r="I9" s="188">
        <v>2.2000000000000002</v>
      </c>
      <c r="J9" s="159"/>
      <c r="K9" s="160"/>
      <c r="L9" s="188">
        <v>6.3</v>
      </c>
      <c r="M9" s="188"/>
      <c r="N9" s="188">
        <v>2.5</v>
      </c>
      <c r="O9" s="188"/>
      <c r="P9" s="188">
        <v>1.9</v>
      </c>
      <c r="Q9" s="188"/>
      <c r="R9" s="188">
        <v>2</v>
      </c>
    </row>
    <row r="10" spans="1:18" s="158" customFormat="1" ht="11.65" customHeight="1" x14ac:dyDescent="0.2">
      <c r="A10" s="162" t="s">
        <v>84</v>
      </c>
      <c r="B10" s="163"/>
      <c r="C10" s="188">
        <v>7.2</v>
      </c>
      <c r="D10" s="188"/>
      <c r="E10" s="188">
        <v>5</v>
      </c>
      <c r="F10" s="188"/>
      <c r="G10" s="188">
        <v>4.5999999999999996</v>
      </c>
      <c r="H10" s="188"/>
      <c r="I10" s="188">
        <v>4.7</v>
      </c>
      <c r="J10" s="159"/>
      <c r="K10" s="160"/>
      <c r="L10" s="188">
        <v>5.8</v>
      </c>
      <c r="M10" s="188"/>
      <c r="N10" s="188">
        <v>4.9000000000000004</v>
      </c>
      <c r="O10" s="188"/>
      <c r="P10" s="188">
        <v>4.5999999999999996</v>
      </c>
      <c r="Q10" s="188"/>
      <c r="R10" s="188">
        <v>4.7</v>
      </c>
    </row>
    <row r="11" spans="1:18" s="158" customFormat="1" ht="11.65" customHeight="1" x14ac:dyDescent="0.2">
      <c r="A11" s="156" t="s">
        <v>85</v>
      </c>
      <c r="B11" s="163" t="s">
        <v>79</v>
      </c>
      <c r="C11" s="188">
        <v>5.2</v>
      </c>
      <c r="D11" s="188"/>
      <c r="E11" s="188">
        <v>6</v>
      </c>
      <c r="F11" s="188"/>
      <c r="G11" s="188">
        <v>5.2</v>
      </c>
      <c r="H11" s="188"/>
      <c r="I11" s="188">
        <v>4.8</v>
      </c>
      <c r="J11" s="159"/>
      <c r="K11" s="160"/>
      <c r="L11" s="188">
        <v>5.4</v>
      </c>
      <c r="M11" s="188"/>
      <c r="N11" s="188">
        <v>5.6</v>
      </c>
      <c r="O11" s="188"/>
      <c r="P11" s="188">
        <v>4.9000000000000004</v>
      </c>
      <c r="Q11" s="188"/>
      <c r="R11" s="188">
        <v>5</v>
      </c>
    </row>
    <row r="12" spans="1:18" s="158" customFormat="1" ht="11.65" customHeight="1" x14ac:dyDescent="0.2">
      <c r="A12" s="156" t="s">
        <v>86</v>
      </c>
      <c r="B12" s="163"/>
      <c r="C12" s="188">
        <v>6.9</v>
      </c>
      <c r="D12" s="188"/>
      <c r="E12" s="188">
        <v>6.8</v>
      </c>
      <c r="F12" s="188"/>
      <c r="G12" s="188">
        <v>5.7</v>
      </c>
      <c r="H12" s="188"/>
      <c r="I12" s="188">
        <v>5.0999999999999996</v>
      </c>
      <c r="J12" s="159"/>
      <c r="K12" s="160"/>
      <c r="L12" s="188">
        <v>6.6</v>
      </c>
      <c r="M12" s="188"/>
      <c r="N12" s="188">
        <v>6.4</v>
      </c>
      <c r="O12" s="188"/>
      <c r="P12" s="188">
        <v>4.9000000000000004</v>
      </c>
      <c r="Q12" s="188"/>
      <c r="R12" s="188">
        <v>4.9000000000000004</v>
      </c>
    </row>
    <row r="13" spans="1:18" s="158" customFormat="1" ht="11.65" customHeight="1" x14ac:dyDescent="0.2">
      <c r="A13" s="156" t="s">
        <v>87</v>
      </c>
      <c r="B13" s="163"/>
      <c r="C13" s="188">
        <v>9.5</v>
      </c>
      <c r="D13" s="188"/>
      <c r="E13" s="188">
        <v>4.3</v>
      </c>
      <c r="F13" s="188"/>
      <c r="G13" s="188">
        <v>3.8</v>
      </c>
      <c r="H13" s="188"/>
      <c r="I13" s="188">
        <v>3.7</v>
      </c>
      <c r="J13" s="159"/>
      <c r="K13" s="160"/>
      <c r="L13" s="188">
        <v>5.9</v>
      </c>
      <c r="M13" s="188"/>
      <c r="N13" s="188">
        <v>4</v>
      </c>
      <c r="O13" s="188"/>
      <c r="P13" s="188">
        <v>3.6</v>
      </c>
      <c r="Q13" s="188"/>
      <c r="R13" s="188">
        <v>3.6</v>
      </c>
    </row>
    <row r="14" spans="1:18" s="158" customFormat="1" ht="12" customHeight="1" x14ac:dyDescent="0.2">
      <c r="A14" s="156" t="s">
        <v>88</v>
      </c>
      <c r="B14" s="163" t="s">
        <v>79</v>
      </c>
      <c r="C14" s="188">
        <v>3.7</v>
      </c>
      <c r="D14" s="188"/>
      <c r="E14" s="188">
        <v>1.4</v>
      </c>
      <c r="F14" s="188"/>
      <c r="G14" s="188">
        <v>1.1000000000000001</v>
      </c>
      <c r="H14" s="188"/>
      <c r="I14" s="188">
        <v>1</v>
      </c>
      <c r="J14" s="159"/>
      <c r="K14" s="160"/>
      <c r="L14" s="188">
        <v>3.1</v>
      </c>
      <c r="M14" s="188"/>
      <c r="N14" s="188">
        <v>1.2</v>
      </c>
      <c r="O14" s="188"/>
      <c r="P14" s="188">
        <v>1.1000000000000001</v>
      </c>
      <c r="Q14" s="188"/>
      <c r="R14" s="188">
        <v>1.1000000000000001</v>
      </c>
    </row>
    <row r="15" spans="1:18" s="158" customFormat="1" ht="11.65" customHeight="1" x14ac:dyDescent="0.2">
      <c r="A15" s="156" t="s">
        <v>89</v>
      </c>
      <c r="B15" s="163" t="s">
        <v>79</v>
      </c>
      <c r="C15" s="188">
        <v>4.4000000000000004</v>
      </c>
      <c r="D15" s="188"/>
      <c r="E15" s="188">
        <v>-26.8</v>
      </c>
      <c r="F15" s="188"/>
      <c r="G15" s="188">
        <v>-6.1</v>
      </c>
      <c r="H15" s="188"/>
      <c r="I15" s="188">
        <v>-1.8</v>
      </c>
      <c r="J15" s="159"/>
      <c r="K15" s="160"/>
      <c r="L15" s="188">
        <v>-8.5</v>
      </c>
      <c r="M15" s="188"/>
      <c r="N15" s="188">
        <v>-20.8</v>
      </c>
      <c r="O15" s="188"/>
      <c r="P15" s="188">
        <v>-10.9</v>
      </c>
      <c r="Q15" s="188"/>
      <c r="R15" s="188">
        <v>0.1</v>
      </c>
    </row>
    <row r="16" spans="1:18" s="158" customFormat="1" ht="11.65" customHeight="1" x14ac:dyDescent="0.2">
      <c r="A16" s="156" t="s">
        <v>90</v>
      </c>
      <c r="B16" s="163"/>
      <c r="C16" s="188">
        <v>2.4</v>
      </c>
      <c r="D16" s="188"/>
      <c r="E16" s="188">
        <v>-0.2</v>
      </c>
      <c r="F16" s="188"/>
      <c r="G16" s="188">
        <v>0</v>
      </c>
      <c r="H16" s="188"/>
      <c r="I16" s="188">
        <v>0</v>
      </c>
      <c r="J16" s="159"/>
      <c r="K16" s="160"/>
      <c r="L16" s="188">
        <v>1.8</v>
      </c>
      <c r="M16" s="188"/>
      <c r="N16" s="188">
        <v>0.4</v>
      </c>
      <c r="O16" s="188"/>
      <c r="P16" s="188">
        <v>0</v>
      </c>
      <c r="Q16" s="188"/>
      <c r="R16" s="188">
        <v>0</v>
      </c>
    </row>
    <row r="17" spans="1:18" s="158" customFormat="1" ht="4.5" customHeight="1" x14ac:dyDescent="0.2">
      <c r="A17" s="156"/>
      <c r="B17" s="163" t="s">
        <v>79</v>
      </c>
      <c r="J17" s="159"/>
      <c r="K17" s="160"/>
    </row>
    <row r="18" spans="1:18" s="161" customFormat="1" ht="11.65" customHeight="1" x14ac:dyDescent="0.2">
      <c r="A18" s="156" t="s">
        <v>91</v>
      </c>
      <c r="B18" s="157" t="s">
        <v>79</v>
      </c>
      <c r="C18" s="164">
        <v>410</v>
      </c>
      <c r="D18" s="158"/>
      <c r="E18" s="164">
        <v>403</v>
      </c>
      <c r="F18" s="158"/>
      <c r="G18" s="164">
        <v>373</v>
      </c>
      <c r="H18" s="158"/>
      <c r="I18" s="164">
        <v>340</v>
      </c>
      <c r="J18" s="165"/>
      <c r="K18" s="166"/>
      <c r="L18" s="164">
        <v>377</v>
      </c>
      <c r="M18" s="158"/>
      <c r="N18" s="164">
        <v>360</v>
      </c>
      <c r="O18" s="158"/>
      <c r="P18" s="164">
        <v>340</v>
      </c>
      <c r="Q18" s="158"/>
      <c r="R18" s="164">
        <v>330</v>
      </c>
    </row>
    <row r="19" spans="1:18" s="161" customFormat="1" ht="11.65" customHeight="1" x14ac:dyDescent="0.2">
      <c r="A19" s="156" t="s">
        <v>92</v>
      </c>
      <c r="B19" s="157" t="s">
        <v>79</v>
      </c>
      <c r="C19" s="164">
        <v>894</v>
      </c>
      <c r="D19" s="158"/>
      <c r="E19" s="164">
        <v>945</v>
      </c>
      <c r="F19" s="158"/>
      <c r="G19" s="164">
        <v>880</v>
      </c>
      <c r="H19" s="158"/>
      <c r="I19" s="164">
        <v>850</v>
      </c>
      <c r="J19" s="165"/>
      <c r="K19" s="166"/>
      <c r="L19" s="164">
        <v>858</v>
      </c>
      <c r="M19" s="158"/>
      <c r="N19" s="164">
        <v>835</v>
      </c>
      <c r="O19" s="158"/>
      <c r="P19" s="164">
        <v>803</v>
      </c>
      <c r="Q19" s="158"/>
      <c r="R19" s="164">
        <v>800</v>
      </c>
    </row>
    <row r="20" spans="1:18" s="161" customFormat="1" ht="11.65" customHeight="1" x14ac:dyDescent="0.2">
      <c r="A20" s="156" t="s">
        <v>93</v>
      </c>
      <c r="B20" s="167" t="s">
        <v>79</v>
      </c>
      <c r="C20" s="188">
        <v>77</v>
      </c>
      <c r="D20" s="188"/>
      <c r="E20" s="188">
        <v>78.3</v>
      </c>
      <c r="F20" s="188"/>
      <c r="G20" s="188">
        <v>79.7</v>
      </c>
      <c r="H20" s="188"/>
      <c r="I20" s="188">
        <v>79.599999999999994</v>
      </c>
      <c r="J20" s="168"/>
      <c r="K20" s="169"/>
      <c r="L20" s="188">
        <v>76.3</v>
      </c>
      <c r="M20" s="188"/>
      <c r="N20" s="188">
        <v>77.3</v>
      </c>
      <c r="O20" s="188"/>
      <c r="P20" s="188">
        <v>78.8</v>
      </c>
      <c r="Q20" s="188"/>
      <c r="R20" s="188">
        <v>79.900000000000006</v>
      </c>
    </row>
    <row r="21" spans="1:18" s="161" customFormat="1" ht="2.25" customHeight="1" x14ac:dyDescent="0.2">
      <c r="A21" s="170"/>
      <c r="B21" s="171"/>
      <c r="C21" s="172"/>
      <c r="D21" s="172"/>
      <c r="E21" s="172"/>
      <c r="F21" s="172"/>
      <c r="G21" s="172"/>
      <c r="H21" s="172"/>
      <c r="I21" s="172"/>
      <c r="J21" s="173"/>
      <c r="K21" s="174"/>
      <c r="L21" s="172"/>
      <c r="M21" s="172"/>
      <c r="N21" s="172"/>
      <c r="O21" s="172"/>
      <c r="P21" s="172"/>
      <c r="Q21" s="172"/>
      <c r="R21" s="172"/>
    </row>
    <row r="22" spans="1:18" s="147" customFormat="1" ht="2.25" customHeight="1" x14ac:dyDescent="0.2">
      <c r="A22" s="144"/>
      <c r="B22" s="144"/>
      <c r="C22" s="153"/>
      <c r="D22" s="153"/>
      <c r="E22" s="153"/>
      <c r="F22" s="153"/>
      <c r="G22" s="153"/>
      <c r="H22" s="153"/>
      <c r="I22" s="153"/>
      <c r="J22" s="154"/>
      <c r="K22" s="155"/>
      <c r="L22" s="153"/>
      <c r="M22" s="153"/>
      <c r="N22" s="153"/>
      <c r="O22" s="153"/>
      <c r="P22" s="153"/>
      <c r="Q22" s="153"/>
      <c r="R22" s="153"/>
    </row>
    <row r="23" spans="1:18" s="147" customFormat="1" ht="2.85" customHeight="1" x14ac:dyDescent="0.2">
      <c r="A23" s="144"/>
      <c r="B23" s="144"/>
      <c r="C23" s="175"/>
      <c r="D23" s="175"/>
      <c r="E23" s="175"/>
      <c r="F23" s="175"/>
      <c r="G23" s="175"/>
      <c r="H23" s="175"/>
      <c r="I23" s="175"/>
      <c r="J23" s="176"/>
      <c r="K23" s="177"/>
      <c r="L23" s="175"/>
      <c r="M23" s="175"/>
      <c r="N23" s="175"/>
      <c r="O23" s="175"/>
      <c r="P23" s="175"/>
      <c r="Q23" s="175"/>
      <c r="R23" s="175"/>
    </row>
    <row r="24" spans="1:18" s="147" customFormat="1" ht="10.35" customHeight="1" x14ac:dyDescent="0.2">
      <c r="A24" s="178" t="s">
        <v>94</v>
      </c>
      <c r="B24" s="144"/>
      <c r="C24" s="179" t="s">
        <v>14</v>
      </c>
      <c r="D24" s="179"/>
      <c r="E24" s="179" t="s">
        <v>15</v>
      </c>
      <c r="F24" s="179"/>
      <c r="G24" s="179" t="s">
        <v>16</v>
      </c>
      <c r="H24" s="179"/>
      <c r="I24" s="179" t="s">
        <v>17</v>
      </c>
      <c r="J24" s="180"/>
      <c r="K24" s="181"/>
      <c r="L24" s="179" t="s">
        <v>14</v>
      </c>
      <c r="M24" s="179"/>
      <c r="N24" s="179" t="s">
        <v>15</v>
      </c>
      <c r="O24" s="179"/>
      <c r="P24" s="179" t="s">
        <v>16</v>
      </c>
      <c r="Q24" s="179"/>
      <c r="R24" s="179" t="s">
        <v>17</v>
      </c>
    </row>
    <row r="25" spans="1:18" s="147" customFormat="1" ht="5.25" customHeight="1" x14ac:dyDescent="0.2">
      <c r="A25" s="144"/>
      <c r="B25" s="144"/>
      <c r="C25" s="153"/>
      <c r="D25" s="153"/>
      <c r="E25" s="153"/>
      <c r="F25" s="153"/>
      <c r="G25" s="153"/>
      <c r="H25" s="153"/>
      <c r="I25" s="153"/>
      <c r="J25" s="154"/>
      <c r="K25" s="155"/>
      <c r="L25" s="153"/>
      <c r="M25" s="153"/>
      <c r="N25" s="153"/>
      <c r="O25" s="153"/>
      <c r="P25" s="153"/>
      <c r="Q25" s="153"/>
      <c r="R25" s="153"/>
    </row>
    <row r="26" spans="1:18" s="161" customFormat="1" ht="11.65" customHeight="1" x14ac:dyDescent="0.2">
      <c r="A26" s="156" t="s">
        <v>95</v>
      </c>
      <c r="B26" s="157"/>
      <c r="C26" s="182">
        <v>0.96</v>
      </c>
      <c r="D26" s="158"/>
      <c r="E26" s="182">
        <v>1.08</v>
      </c>
      <c r="F26" s="158"/>
      <c r="G26" s="182">
        <v>1.17</v>
      </c>
      <c r="H26" s="158"/>
      <c r="I26" s="182">
        <v>1.39</v>
      </c>
      <c r="J26" s="154"/>
      <c r="K26" s="183"/>
      <c r="L26" s="182">
        <v>1.6</v>
      </c>
      <c r="M26" s="158"/>
      <c r="N26" s="182">
        <v>1.68</v>
      </c>
      <c r="O26" s="158"/>
      <c r="P26" s="182">
        <v>1.78</v>
      </c>
      <c r="Q26" s="158"/>
      <c r="R26" s="182">
        <v>1.97</v>
      </c>
    </row>
    <row r="27" spans="1:18" s="161" customFormat="1" ht="11.65" customHeight="1" x14ac:dyDescent="0.2">
      <c r="A27" s="156" t="s">
        <v>96</v>
      </c>
      <c r="B27" s="157"/>
      <c r="C27" s="166">
        <v>1500</v>
      </c>
      <c r="D27" s="158"/>
      <c r="E27" s="166">
        <v>300</v>
      </c>
      <c r="F27" s="158"/>
      <c r="G27" s="166">
        <v>300</v>
      </c>
      <c r="H27" s="158"/>
      <c r="I27" s="166">
        <v>250</v>
      </c>
      <c r="J27" s="154"/>
      <c r="K27" s="184"/>
      <c r="L27" s="166">
        <v>1956</v>
      </c>
      <c r="M27" s="158"/>
      <c r="N27" s="166">
        <v>160</v>
      </c>
      <c r="O27" s="158"/>
      <c r="P27" s="166">
        <v>200</v>
      </c>
      <c r="Q27" s="158"/>
      <c r="R27" s="166">
        <v>250</v>
      </c>
    </row>
    <row r="28" spans="1:18" s="161" customFormat="1" ht="11.65" customHeight="1" x14ac:dyDescent="0.2">
      <c r="A28" s="156" t="s">
        <v>97</v>
      </c>
      <c r="B28" s="157"/>
      <c r="C28" s="166">
        <v>25</v>
      </c>
      <c r="D28" s="158"/>
      <c r="E28" s="166">
        <v>24</v>
      </c>
      <c r="F28" s="158"/>
      <c r="G28" s="166">
        <v>25</v>
      </c>
      <c r="H28" s="158"/>
      <c r="I28" s="166">
        <v>27</v>
      </c>
      <c r="J28" s="154"/>
      <c r="K28" s="184"/>
      <c r="L28" s="166">
        <v>24</v>
      </c>
      <c r="M28" s="158"/>
      <c r="N28" s="166">
        <v>24</v>
      </c>
      <c r="O28" s="158"/>
      <c r="P28" s="166">
        <v>25</v>
      </c>
      <c r="Q28" s="158"/>
      <c r="R28" s="166">
        <v>26</v>
      </c>
    </row>
    <row r="29" spans="1:18" s="161" customFormat="1" ht="11.65" customHeight="1" x14ac:dyDescent="0.2">
      <c r="A29" s="156" t="s">
        <v>98</v>
      </c>
      <c r="B29" s="157"/>
      <c r="C29" s="166">
        <v>170</v>
      </c>
      <c r="D29" s="158"/>
      <c r="E29" s="166">
        <v>144</v>
      </c>
      <c r="F29" s="158"/>
      <c r="G29" s="166">
        <v>131</v>
      </c>
      <c r="H29" s="158"/>
      <c r="I29" s="166">
        <v>127</v>
      </c>
      <c r="J29" s="154"/>
      <c r="K29" s="184"/>
      <c r="L29" s="166">
        <v>145</v>
      </c>
      <c r="M29" s="158"/>
      <c r="N29" s="166">
        <v>120</v>
      </c>
      <c r="O29" s="158"/>
      <c r="P29" s="166">
        <v>116</v>
      </c>
      <c r="Q29" s="158"/>
      <c r="R29" s="166">
        <v>118</v>
      </c>
    </row>
    <row r="30" spans="1:18" s="161" customFormat="1" ht="11.65" customHeight="1" x14ac:dyDescent="0.2">
      <c r="A30" s="156" t="s">
        <v>99</v>
      </c>
      <c r="B30" s="167"/>
      <c r="C30" s="185">
        <v>2.87</v>
      </c>
      <c r="D30" s="158"/>
      <c r="E30" s="185">
        <v>2.93</v>
      </c>
      <c r="F30" s="158"/>
      <c r="G30" s="185">
        <v>3</v>
      </c>
      <c r="H30" s="158"/>
      <c r="I30" s="185">
        <v>3.1</v>
      </c>
      <c r="J30" s="154"/>
      <c r="K30" s="163"/>
      <c r="L30" s="185">
        <v>2.56</v>
      </c>
      <c r="M30" s="158"/>
      <c r="N30" s="185">
        <v>2.6</v>
      </c>
      <c r="O30" s="158"/>
      <c r="P30" s="185">
        <v>2.72</v>
      </c>
      <c r="Q30" s="158"/>
      <c r="R30" s="185">
        <v>2.82</v>
      </c>
    </row>
    <row r="31" spans="1:18" s="161" customFormat="1" ht="4.1500000000000004" customHeight="1" x14ac:dyDescent="0.2">
      <c r="A31" s="157"/>
      <c r="B31" s="167"/>
      <c r="C31" s="158"/>
      <c r="D31" s="158"/>
      <c r="E31" s="158"/>
      <c r="F31" s="158"/>
      <c r="G31" s="158"/>
      <c r="H31" s="158"/>
      <c r="I31" s="158"/>
      <c r="J31" s="154"/>
      <c r="K31" s="163"/>
      <c r="L31" s="158"/>
      <c r="M31" s="158"/>
      <c r="N31" s="158"/>
      <c r="O31" s="158"/>
      <c r="P31" s="158"/>
      <c r="Q31" s="158"/>
      <c r="R31" s="158"/>
    </row>
    <row r="32" spans="1:18" s="161" customFormat="1" ht="11.65" customHeight="1" x14ac:dyDescent="0.2">
      <c r="A32" s="186" t="s">
        <v>100</v>
      </c>
      <c r="B32" s="187"/>
      <c r="C32" s="188">
        <v>57</v>
      </c>
      <c r="D32" s="158"/>
      <c r="E32" s="188">
        <v>58</v>
      </c>
      <c r="F32" s="158"/>
      <c r="G32" s="188">
        <v>58</v>
      </c>
      <c r="H32" s="158"/>
      <c r="I32" s="188">
        <v>57</v>
      </c>
      <c r="J32" s="154"/>
      <c r="K32" s="189"/>
      <c r="L32" s="188">
        <v>58</v>
      </c>
      <c r="M32" s="158"/>
      <c r="N32" s="188">
        <v>59</v>
      </c>
      <c r="O32" s="158"/>
      <c r="P32" s="188">
        <v>59</v>
      </c>
      <c r="Q32" s="158"/>
      <c r="R32" s="188">
        <v>58</v>
      </c>
    </row>
    <row r="33" spans="1:18" ht="2.25" customHeight="1" x14ac:dyDescent="0.2">
      <c r="A33" s="190"/>
      <c r="B33" s="190" t="s">
        <v>101</v>
      </c>
      <c r="C33" s="171"/>
      <c r="D33" s="171"/>
      <c r="E33" s="171"/>
      <c r="F33" s="171"/>
      <c r="G33" s="171"/>
      <c r="H33" s="171"/>
      <c r="I33" s="171"/>
      <c r="J33" s="173"/>
      <c r="K33" s="174"/>
      <c r="L33" s="172"/>
      <c r="M33" s="172"/>
      <c r="N33" s="172"/>
      <c r="O33" s="171"/>
      <c r="P33" s="191"/>
      <c r="Q33" s="191"/>
      <c r="R33" s="191"/>
    </row>
    <row r="34" spans="1:18" ht="13.35" customHeight="1" x14ac:dyDescent="0.2">
      <c r="A34" s="192"/>
      <c r="B34" s="167"/>
      <c r="C34" s="167"/>
      <c r="D34" s="167"/>
      <c r="E34" s="192"/>
      <c r="F34" s="192"/>
      <c r="G34" s="192"/>
      <c r="H34" s="192"/>
      <c r="I34" s="192"/>
      <c r="J34" s="193"/>
      <c r="K34" s="193"/>
      <c r="L34" s="193"/>
      <c r="M34" s="193"/>
      <c r="N34" s="193"/>
      <c r="O34" s="167"/>
    </row>
    <row r="35" spans="1:18" ht="11.25" customHeight="1" x14ac:dyDescent="0.2">
      <c r="A35" s="167"/>
      <c r="B35" s="167"/>
      <c r="C35" s="167"/>
      <c r="D35" s="167"/>
      <c r="E35" s="167"/>
      <c r="F35" s="167"/>
      <c r="G35" s="167"/>
      <c r="H35" s="167"/>
      <c r="I35" s="167"/>
      <c r="J35" s="193"/>
      <c r="K35" s="193"/>
      <c r="L35" s="193"/>
      <c r="M35" s="193"/>
      <c r="N35" s="193"/>
      <c r="O35" s="167"/>
    </row>
    <row r="36" spans="1:18" x14ac:dyDescent="0.2">
      <c r="J36" s="194"/>
      <c r="K36" s="194"/>
      <c r="L36" s="194"/>
      <c r="M36" s="194"/>
      <c r="N36" s="194"/>
    </row>
    <row r="37" spans="1:18" x14ac:dyDescent="0.2">
      <c r="J37" s="194"/>
      <c r="K37" s="194"/>
      <c r="L37" s="194"/>
      <c r="M37" s="194"/>
      <c r="N37" s="194"/>
    </row>
    <row r="38" spans="1:18" x14ac:dyDescent="0.2">
      <c r="E38" s="167"/>
      <c r="F38" s="167"/>
      <c r="G38" s="167"/>
      <c r="H38" s="167"/>
      <c r="I38" s="167"/>
      <c r="J38" s="194"/>
      <c r="K38" s="194"/>
      <c r="L38" s="194"/>
      <c r="M38" s="194"/>
    </row>
    <row r="39" spans="1:18" x14ac:dyDescent="0.2">
      <c r="J39" s="194"/>
      <c r="K39" s="194"/>
      <c r="L39" s="194"/>
      <c r="M39" s="194"/>
      <c r="N39" s="194"/>
    </row>
    <row r="40" spans="1:18" x14ac:dyDescent="0.2">
      <c r="J40" s="194"/>
      <c r="K40" s="194"/>
      <c r="L40" s="194"/>
      <c r="M40" s="194"/>
      <c r="N40" s="194"/>
    </row>
    <row r="41" spans="1:18" x14ac:dyDescent="0.2">
      <c r="J41" s="194"/>
      <c r="K41" s="194"/>
      <c r="L41" s="194"/>
      <c r="M41" s="194"/>
      <c r="N41" s="194"/>
    </row>
    <row r="42" spans="1:18" x14ac:dyDescent="0.2">
      <c r="J42" s="194"/>
      <c r="K42" s="194"/>
      <c r="L42" s="194"/>
      <c r="M42" s="194"/>
      <c r="N42" s="194"/>
    </row>
    <row r="43" spans="1:18" x14ac:dyDescent="0.2">
      <c r="J43" s="194"/>
      <c r="K43" s="194"/>
      <c r="L43" s="194"/>
      <c r="M43" s="194"/>
      <c r="N43" s="194"/>
    </row>
    <row r="44" spans="1:18" x14ac:dyDescent="0.2">
      <c r="J44" s="194"/>
      <c r="K44" s="194"/>
      <c r="L44" s="194"/>
      <c r="M44" s="194"/>
      <c r="N44" s="194"/>
    </row>
    <row r="45" spans="1:18" x14ac:dyDescent="0.2">
      <c r="J45" s="194"/>
      <c r="K45" s="194"/>
      <c r="L45" s="194"/>
      <c r="M45" s="194"/>
      <c r="N45" s="194"/>
    </row>
    <row r="46" spans="1:18" x14ac:dyDescent="0.2">
      <c r="J46" s="194"/>
      <c r="K46" s="194"/>
      <c r="L46" s="194"/>
      <c r="M46" s="194"/>
      <c r="N46" s="194"/>
    </row>
    <row r="47" spans="1:18" x14ac:dyDescent="0.2">
      <c r="J47" s="194"/>
      <c r="K47" s="194"/>
      <c r="L47" s="194"/>
      <c r="M47" s="194"/>
      <c r="N47" s="194"/>
    </row>
    <row r="48" spans="1:18" x14ac:dyDescent="0.2">
      <c r="J48" s="194"/>
      <c r="K48" s="194"/>
      <c r="L48" s="194"/>
      <c r="M48" s="194"/>
      <c r="N48" s="194"/>
    </row>
    <row r="49" spans="10:14" x14ac:dyDescent="0.2">
      <c r="J49" s="194"/>
      <c r="K49" s="194"/>
      <c r="L49" s="194"/>
      <c r="M49" s="194"/>
      <c r="N49" s="194"/>
    </row>
    <row r="50" spans="10:14" x14ac:dyDescent="0.2">
      <c r="J50" s="194"/>
      <c r="K50" s="194"/>
      <c r="L50" s="194"/>
      <c r="M50" s="194"/>
      <c r="N50" s="194"/>
    </row>
    <row r="51" spans="10:14" x14ac:dyDescent="0.2">
      <c r="J51" s="194"/>
      <c r="K51" s="194"/>
      <c r="L51" s="194"/>
      <c r="M51" s="194"/>
      <c r="N51" s="194"/>
    </row>
    <row r="52" spans="10:14" x14ac:dyDescent="0.2">
      <c r="J52" s="194"/>
      <c r="K52" s="194"/>
      <c r="L52" s="194"/>
      <c r="M52" s="194"/>
      <c r="N52" s="194"/>
    </row>
    <row r="53" spans="10:14" x14ac:dyDescent="0.2">
      <c r="J53" s="194"/>
      <c r="K53" s="194"/>
      <c r="L53" s="194"/>
      <c r="M53" s="194"/>
      <c r="N53" s="194"/>
    </row>
    <row r="54" spans="10:14" x14ac:dyDescent="0.2">
      <c r="J54" s="194"/>
      <c r="K54" s="194"/>
      <c r="L54" s="194"/>
      <c r="M54" s="194"/>
      <c r="N54" s="194"/>
    </row>
    <row r="55" spans="10:14" x14ac:dyDescent="0.2">
      <c r="J55" s="194"/>
      <c r="K55" s="194"/>
      <c r="L55" s="194"/>
      <c r="M55" s="194"/>
      <c r="N55" s="194"/>
    </row>
    <row r="56" spans="10:14" x14ac:dyDescent="0.2">
      <c r="J56" s="194"/>
      <c r="K56" s="194"/>
      <c r="L56" s="194"/>
      <c r="M56" s="194"/>
      <c r="N56" s="194"/>
    </row>
    <row r="57" spans="10:14" x14ac:dyDescent="0.2">
      <c r="J57" s="194"/>
      <c r="K57" s="194"/>
      <c r="L57" s="194"/>
      <c r="M57" s="194"/>
      <c r="N57" s="194"/>
    </row>
    <row r="58" spans="10:14" x14ac:dyDescent="0.2">
      <c r="J58" s="194"/>
      <c r="K58" s="194"/>
      <c r="L58" s="194"/>
      <c r="M58" s="194"/>
      <c r="N58" s="194"/>
    </row>
    <row r="59" spans="10:14" x14ac:dyDescent="0.2">
      <c r="J59" s="194"/>
      <c r="K59" s="194"/>
      <c r="L59" s="194"/>
      <c r="M59" s="194"/>
      <c r="N59" s="194"/>
    </row>
    <row r="60" spans="10:14" x14ac:dyDescent="0.2">
      <c r="J60" s="194"/>
      <c r="K60" s="194"/>
      <c r="L60" s="194"/>
      <c r="M60" s="194"/>
      <c r="N60" s="194"/>
    </row>
    <row r="61" spans="10:14" x14ac:dyDescent="0.2">
      <c r="J61" s="194"/>
      <c r="K61" s="194"/>
      <c r="L61" s="194"/>
      <c r="M61" s="194"/>
      <c r="N61" s="194"/>
    </row>
    <row r="62" spans="10:14" x14ac:dyDescent="0.2">
      <c r="J62" s="194"/>
      <c r="K62" s="194"/>
      <c r="L62" s="194"/>
      <c r="M62" s="194"/>
      <c r="N62" s="194"/>
    </row>
    <row r="63" spans="10:14" x14ac:dyDescent="0.2">
      <c r="J63" s="194"/>
      <c r="K63" s="194"/>
      <c r="L63" s="194"/>
      <c r="M63" s="194"/>
      <c r="N63" s="194"/>
    </row>
    <row r="64" spans="10:14" x14ac:dyDescent="0.2">
      <c r="J64" s="194"/>
      <c r="K64" s="194"/>
      <c r="L64" s="194"/>
      <c r="M64" s="194"/>
      <c r="N64" s="194"/>
    </row>
    <row r="65" spans="10:14" x14ac:dyDescent="0.2">
      <c r="J65" s="194"/>
      <c r="K65" s="194"/>
      <c r="L65" s="194"/>
      <c r="M65" s="194"/>
      <c r="N65" s="194"/>
    </row>
    <row r="66" spans="10:14" x14ac:dyDescent="0.2">
      <c r="J66" s="194"/>
      <c r="K66" s="194"/>
      <c r="L66" s="194"/>
      <c r="M66" s="194"/>
      <c r="N66" s="194"/>
    </row>
    <row r="67" spans="10:14" x14ac:dyDescent="0.2">
      <c r="J67" s="194"/>
      <c r="K67" s="194"/>
      <c r="L67" s="194"/>
      <c r="M67" s="194"/>
      <c r="N67" s="194"/>
    </row>
    <row r="68" spans="10:14" x14ac:dyDescent="0.2">
      <c r="J68" s="194"/>
      <c r="K68" s="194"/>
      <c r="L68" s="194"/>
      <c r="M68" s="194"/>
      <c r="N68" s="194"/>
    </row>
    <row r="69" spans="10:14" x14ac:dyDescent="0.2">
      <c r="J69" s="194"/>
      <c r="K69" s="194"/>
      <c r="L69" s="194"/>
      <c r="M69" s="194"/>
      <c r="N69" s="194"/>
    </row>
    <row r="70" spans="10:14" x14ac:dyDescent="0.2">
      <c r="J70" s="194"/>
      <c r="K70" s="194"/>
      <c r="L70" s="194"/>
      <c r="M70" s="194"/>
      <c r="N70" s="194"/>
    </row>
    <row r="71" spans="10:14" x14ac:dyDescent="0.2">
      <c r="J71" s="194"/>
      <c r="K71" s="194"/>
      <c r="L71" s="194"/>
      <c r="M71" s="194"/>
      <c r="N71" s="194"/>
    </row>
    <row r="72" spans="10:14" x14ac:dyDescent="0.2">
      <c r="J72" s="194"/>
      <c r="K72" s="194"/>
      <c r="L72" s="194"/>
      <c r="M72" s="194"/>
      <c r="N72" s="194"/>
    </row>
    <row r="73" spans="10:14" x14ac:dyDescent="0.2">
      <c r="J73" s="194"/>
      <c r="K73" s="194"/>
      <c r="L73" s="194"/>
      <c r="M73" s="194"/>
      <c r="N73" s="194"/>
    </row>
    <row r="74" spans="10:14" x14ac:dyDescent="0.2">
      <c r="J74" s="194"/>
      <c r="K74" s="194"/>
      <c r="L74" s="194"/>
      <c r="M74" s="194"/>
      <c r="N74" s="194"/>
    </row>
    <row r="75" spans="10:14" x14ac:dyDescent="0.2">
      <c r="J75" s="194"/>
      <c r="K75" s="194"/>
      <c r="L75" s="194"/>
      <c r="M75" s="194"/>
      <c r="N75" s="194"/>
    </row>
    <row r="76" spans="10:14" x14ac:dyDescent="0.2">
      <c r="J76" s="194"/>
      <c r="K76" s="194"/>
      <c r="L76" s="194"/>
      <c r="M76" s="194"/>
      <c r="N76" s="194"/>
    </row>
    <row r="77" spans="10:14" x14ac:dyDescent="0.2">
      <c r="J77" s="194"/>
      <c r="K77" s="194"/>
      <c r="L77" s="194"/>
      <c r="M77" s="194"/>
      <c r="N77" s="194"/>
    </row>
    <row r="78" spans="10:14" x14ac:dyDescent="0.2">
      <c r="J78" s="194"/>
      <c r="K78" s="194"/>
      <c r="L78" s="194"/>
      <c r="M78" s="194"/>
      <c r="N78" s="194"/>
    </row>
    <row r="79" spans="10:14" x14ac:dyDescent="0.2">
      <c r="J79" s="194"/>
      <c r="K79" s="194"/>
      <c r="L79" s="194"/>
      <c r="M79" s="194"/>
      <c r="N79" s="194"/>
    </row>
    <row r="80" spans="10:14" x14ac:dyDescent="0.2">
      <c r="J80" s="194"/>
      <c r="K80" s="194"/>
      <c r="L80" s="194"/>
      <c r="M80" s="194"/>
      <c r="N80" s="194"/>
    </row>
    <row r="81" spans="10:14" x14ac:dyDescent="0.2">
      <c r="J81" s="194"/>
      <c r="K81" s="194"/>
      <c r="L81" s="194"/>
      <c r="M81" s="194"/>
      <c r="N81" s="194"/>
    </row>
    <row r="82" spans="10:14" x14ac:dyDescent="0.2">
      <c r="J82" s="194"/>
      <c r="K82" s="194"/>
      <c r="L82" s="194"/>
      <c r="M82" s="194"/>
      <c r="N82" s="194"/>
    </row>
    <row r="83" spans="10:14" x14ac:dyDescent="0.2">
      <c r="J83" s="194"/>
      <c r="K83" s="194"/>
      <c r="L83" s="194"/>
      <c r="M83" s="194"/>
      <c r="N83" s="194"/>
    </row>
    <row r="84" spans="10:14" x14ac:dyDescent="0.2">
      <c r="J84" s="194"/>
      <c r="K84" s="194"/>
      <c r="L84" s="194"/>
      <c r="M84" s="194"/>
      <c r="N84" s="194"/>
    </row>
    <row r="85" spans="10:14" x14ac:dyDescent="0.2">
      <c r="J85" s="194"/>
      <c r="K85" s="194"/>
      <c r="L85" s="194"/>
      <c r="M85" s="194"/>
      <c r="N85" s="194"/>
    </row>
    <row r="86" spans="10:14" x14ac:dyDescent="0.2">
      <c r="J86" s="194"/>
      <c r="K86" s="194"/>
      <c r="L86" s="194"/>
      <c r="M86" s="194"/>
      <c r="N86" s="194"/>
    </row>
    <row r="87" spans="10:14" x14ac:dyDescent="0.2">
      <c r="J87" s="194"/>
      <c r="K87" s="194"/>
      <c r="L87" s="194"/>
      <c r="M87" s="194"/>
      <c r="N87" s="194"/>
    </row>
    <row r="88" spans="10:14" x14ac:dyDescent="0.2">
      <c r="J88" s="194"/>
      <c r="K88" s="194"/>
      <c r="L88" s="194"/>
      <c r="M88" s="194"/>
      <c r="N88" s="194"/>
    </row>
    <row r="89" spans="10:14" x14ac:dyDescent="0.2">
      <c r="J89" s="194"/>
      <c r="K89" s="194"/>
      <c r="L89" s="194"/>
      <c r="M89" s="194"/>
      <c r="N89" s="194"/>
    </row>
    <row r="90" spans="10:14" x14ac:dyDescent="0.2">
      <c r="J90" s="194"/>
      <c r="K90" s="194"/>
      <c r="L90" s="194"/>
      <c r="M90" s="194"/>
      <c r="N90" s="194"/>
    </row>
    <row r="91" spans="10:14" x14ac:dyDescent="0.2">
      <c r="J91" s="194"/>
      <c r="K91" s="194"/>
      <c r="L91" s="194"/>
      <c r="M91" s="194"/>
      <c r="N91" s="194"/>
    </row>
    <row r="92" spans="10:14" x14ac:dyDescent="0.2">
      <c r="J92" s="194"/>
      <c r="K92" s="194"/>
      <c r="L92" s="194"/>
      <c r="M92" s="194"/>
      <c r="N92" s="194"/>
    </row>
    <row r="93" spans="10:14" x14ac:dyDescent="0.2">
      <c r="J93" s="194"/>
      <c r="K93" s="194"/>
      <c r="L93" s="194"/>
      <c r="M93" s="194"/>
      <c r="N93" s="194"/>
    </row>
    <row r="94" spans="10:14" x14ac:dyDescent="0.2">
      <c r="J94" s="194"/>
      <c r="K94" s="194"/>
      <c r="L94" s="194"/>
      <c r="M94" s="194"/>
      <c r="N94" s="194"/>
    </row>
    <row r="95" spans="10:14" x14ac:dyDescent="0.2">
      <c r="J95" s="194"/>
      <c r="K95" s="194"/>
      <c r="L95" s="194"/>
      <c r="M95" s="194"/>
      <c r="N95" s="194"/>
    </row>
    <row r="96" spans="10:14" x14ac:dyDescent="0.2">
      <c r="J96" s="194"/>
      <c r="K96" s="194"/>
      <c r="L96" s="194"/>
      <c r="M96" s="194"/>
      <c r="N96" s="194"/>
    </row>
    <row r="97" spans="10:14" x14ac:dyDescent="0.2">
      <c r="J97" s="194"/>
      <c r="K97" s="194"/>
      <c r="L97" s="194"/>
      <c r="M97" s="194"/>
      <c r="N97" s="194"/>
    </row>
    <row r="98" spans="10:14" x14ac:dyDescent="0.2">
      <c r="J98" s="194"/>
      <c r="K98" s="194"/>
      <c r="L98" s="194"/>
      <c r="M98" s="194"/>
      <c r="N98" s="194"/>
    </row>
    <row r="99" spans="10:14" x14ac:dyDescent="0.2">
      <c r="J99" s="194"/>
      <c r="K99" s="194"/>
      <c r="L99" s="194"/>
      <c r="M99" s="194"/>
      <c r="N99" s="194"/>
    </row>
    <row r="100" spans="10:14" x14ac:dyDescent="0.2">
      <c r="J100" s="194"/>
      <c r="K100" s="194"/>
      <c r="L100" s="194"/>
      <c r="M100" s="194"/>
      <c r="N100" s="194"/>
    </row>
    <row r="101" spans="10:14" x14ac:dyDescent="0.2">
      <c r="J101" s="194"/>
      <c r="K101" s="194"/>
      <c r="L101" s="194"/>
      <c r="M101" s="194"/>
      <c r="N101" s="194"/>
    </row>
    <row r="102" spans="10:14" x14ac:dyDescent="0.2">
      <c r="J102" s="194"/>
      <c r="K102" s="194"/>
      <c r="L102" s="194"/>
      <c r="M102" s="194"/>
      <c r="N102" s="194"/>
    </row>
    <row r="103" spans="10:14" x14ac:dyDescent="0.2">
      <c r="J103" s="194"/>
      <c r="K103" s="194"/>
      <c r="L103" s="194"/>
      <c r="M103" s="194"/>
      <c r="N103" s="194"/>
    </row>
    <row r="104" spans="10:14" x14ac:dyDescent="0.2">
      <c r="J104" s="194"/>
      <c r="K104" s="194"/>
      <c r="L104" s="194"/>
      <c r="M104" s="194"/>
      <c r="N104" s="194"/>
    </row>
    <row r="105" spans="10:14" x14ac:dyDescent="0.2">
      <c r="J105" s="194"/>
      <c r="K105" s="194"/>
      <c r="L105" s="194"/>
      <c r="M105" s="194"/>
      <c r="N105" s="194"/>
    </row>
    <row r="106" spans="10:14" x14ac:dyDescent="0.2">
      <c r="J106" s="194"/>
      <c r="K106" s="194"/>
      <c r="L106" s="194"/>
      <c r="M106" s="194"/>
      <c r="N106" s="194"/>
    </row>
    <row r="107" spans="10:14" x14ac:dyDescent="0.2">
      <c r="J107" s="194"/>
      <c r="K107" s="194"/>
      <c r="L107" s="194"/>
      <c r="M107" s="194"/>
      <c r="N107" s="194"/>
    </row>
    <row r="108" spans="10:14" x14ac:dyDescent="0.2">
      <c r="J108" s="194"/>
      <c r="K108" s="194"/>
      <c r="L108" s="194"/>
      <c r="M108" s="194"/>
      <c r="N108" s="194"/>
    </row>
    <row r="109" spans="10:14" x14ac:dyDescent="0.2">
      <c r="J109" s="194"/>
      <c r="K109" s="194"/>
      <c r="L109" s="194"/>
      <c r="M109" s="194"/>
      <c r="N109" s="194"/>
    </row>
    <row r="110" spans="10:14" x14ac:dyDescent="0.2">
      <c r="J110" s="194"/>
      <c r="K110" s="194"/>
      <c r="L110" s="194"/>
      <c r="M110" s="194"/>
      <c r="N110" s="194"/>
    </row>
    <row r="111" spans="10:14" x14ac:dyDescent="0.2">
      <c r="J111" s="194"/>
      <c r="K111" s="194"/>
      <c r="L111" s="194"/>
      <c r="M111" s="194"/>
      <c r="N111" s="194"/>
    </row>
    <row r="112" spans="10:14" x14ac:dyDescent="0.2">
      <c r="J112" s="194"/>
      <c r="K112" s="194"/>
      <c r="L112" s="194"/>
      <c r="M112" s="194"/>
      <c r="N112" s="194"/>
    </row>
    <row r="113" spans="10:14" x14ac:dyDescent="0.2">
      <c r="J113" s="194"/>
      <c r="K113" s="194"/>
      <c r="L113" s="194"/>
      <c r="M113" s="194"/>
      <c r="N113" s="194"/>
    </row>
    <row r="114" spans="10:14" x14ac:dyDescent="0.2">
      <c r="J114" s="194"/>
      <c r="K114" s="194"/>
      <c r="L114" s="194"/>
      <c r="M114" s="194"/>
      <c r="N114" s="194"/>
    </row>
    <row r="115" spans="10:14" x14ac:dyDescent="0.2">
      <c r="J115" s="194"/>
      <c r="K115" s="194"/>
      <c r="L115" s="194"/>
      <c r="M115" s="194"/>
      <c r="N115" s="194"/>
    </row>
    <row r="116" spans="10:14" x14ac:dyDescent="0.2">
      <c r="J116" s="194"/>
      <c r="K116" s="194"/>
      <c r="L116" s="194"/>
      <c r="M116" s="194"/>
      <c r="N116" s="194"/>
    </row>
    <row r="117" spans="10:14" x14ac:dyDescent="0.2">
      <c r="J117" s="194"/>
      <c r="K117" s="194"/>
      <c r="L117" s="194"/>
      <c r="M117" s="194"/>
      <c r="N117" s="194"/>
    </row>
    <row r="118" spans="10:14" x14ac:dyDescent="0.2">
      <c r="J118" s="194"/>
      <c r="K118" s="194"/>
      <c r="L118" s="194"/>
      <c r="M118" s="194"/>
      <c r="N118" s="194"/>
    </row>
    <row r="119" spans="10:14" x14ac:dyDescent="0.2">
      <c r="J119" s="194"/>
      <c r="K119" s="194"/>
      <c r="L119" s="194"/>
      <c r="M119" s="194"/>
      <c r="N119" s="194"/>
    </row>
    <row r="120" spans="10:14" x14ac:dyDescent="0.2">
      <c r="J120" s="194"/>
      <c r="K120" s="194"/>
      <c r="L120" s="194"/>
      <c r="M120" s="194"/>
      <c r="N120" s="194"/>
    </row>
    <row r="121" spans="10:14" x14ac:dyDescent="0.2">
      <c r="J121" s="194"/>
      <c r="K121" s="194"/>
      <c r="L121" s="194"/>
      <c r="M121" s="194"/>
      <c r="N121" s="194"/>
    </row>
    <row r="122" spans="10:14" x14ac:dyDescent="0.2">
      <c r="J122" s="194"/>
      <c r="K122" s="194"/>
      <c r="L122" s="194"/>
      <c r="M122" s="194"/>
      <c r="N122" s="194"/>
    </row>
    <row r="123" spans="10:14" x14ac:dyDescent="0.2">
      <c r="J123" s="194"/>
      <c r="K123" s="194"/>
      <c r="L123" s="194"/>
      <c r="M123" s="194"/>
      <c r="N123" s="194"/>
    </row>
    <row r="124" spans="10:14" x14ac:dyDescent="0.2">
      <c r="J124" s="194"/>
      <c r="K124" s="194"/>
      <c r="L124" s="194"/>
      <c r="M124" s="194"/>
      <c r="N124" s="194"/>
    </row>
    <row r="125" spans="10:14" x14ac:dyDescent="0.2">
      <c r="J125" s="194"/>
      <c r="K125" s="194"/>
      <c r="L125" s="194"/>
      <c r="M125" s="194"/>
      <c r="N125" s="194"/>
    </row>
    <row r="126" spans="10:14" x14ac:dyDescent="0.2">
      <c r="J126" s="194"/>
      <c r="K126" s="194"/>
      <c r="L126" s="194"/>
      <c r="M126" s="194"/>
      <c r="N126" s="194"/>
    </row>
    <row r="127" spans="10:14" x14ac:dyDescent="0.2">
      <c r="J127" s="194"/>
      <c r="K127" s="194"/>
      <c r="L127" s="194"/>
      <c r="M127" s="194"/>
      <c r="N127" s="194"/>
    </row>
    <row r="128" spans="10:14" x14ac:dyDescent="0.2">
      <c r="J128" s="194"/>
      <c r="K128" s="194"/>
      <c r="L128" s="194"/>
      <c r="M128" s="194"/>
      <c r="N128" s="194"/>
    </row>
    <row r="129" spans="10:14" x14ac:dyDescent="0.2">
      <c r="J129" s="194"/>
      <c r="K129" s="194"/>
      <c r="L129" s="194"/>
      <c r="M129" s="194"/>
      <c r="N129" s="194"/>
    </row>
    <row r="130" spans="10:14" x14ac:dyDescent="0.2">
      <c r="J130" s="194"/>
      <c r="K130" s="194"/>
      <c r="L130" s="194"/>
      <c r="M130" s="194"/>
      <c r="N130" s="194"/>
    </row>
    <row r="131" spans="10:14" x14ac:dyDescent="0.2">
      <c r="J131" s="194"/>
      <c r="K131" s="194"/>
      <c r="L131" s="194"/>
      <c r="M131" s="194"/>
      <c r="N131" s="194"/>
    </row>
    <row r="132" spans="10:14" x14ac:dyDescent="0.2">
      <c r="J132" s="194"/>
      <c r="K132" s="194"/>
      <c r="L132" s="194"/>
      <c r="M132" s="194"/>
      <c r="N132" s="194"/>
    </row>
    <row r="133" spans="10:14" x14ac:dyDescent="0.2">
      <c r="J133" s="194"/>
      <c r="K133" s="194"/>
      <c r="L133" s="194"/>
      <c r="M133" s="194"/>
      <c r="N133" s="194"/>
    </row>
    <row r="134" spans="10:14" x14ac:dyDescent="0.2">
      <c r="J134" s="194"/>
      <c r="K134" s="194"/>
      <c r="L134" s="194"/>
      <c r="M134" s="194"/>
      <c r="N134" s="194"/>
    </row>
    <row r="135" spans="10:14" x14ac:dyDescent="0.2">
      <c r="J135" s="194"/>
      <c r="K135" s="194"/>
      <c r="L135" s="194"/>
      <c r="M135" s="194"/>
      <c r="N135" s="194"/>
    </row>
    <row r="136" spans="10:14" x14ac:dyDescent="0.2">
      <c r="J136" s="194"/>
      <c r="K136" s="194"/>
      <c r="L136" s="194"/>
      <c r="M136" s="194"/>
      <c r="N136" s="194"/>
    </row>
    <row r="137" spans="10:14" x14ac:dyDescent="0.2">
      <c r="J137" s="194"/>
      <c r="K137" s="194"/>
      <c r="L137" s="194"/>
      <c r="M137" s="194"/>
      <c r="N137" s="194"/>
    </row>
    <row r="138" spans="10:14" x14ac:dyDescent="0.2">
      <c r="J138" s="194"/>
      <c r="K138" s="194"/>
      <c r="L138" s="194"/>
      <c r="M138" s="194"/>
      <c r="N138" s="194"/>
    </row>
    <row r="139" spans="10:14" x14ac:dyDescent="0.2">
      <c r="J139" s="194"/>
      <c r="K139" s="194"/>
      <c r="L139" s="194"/>
      <c r="M139" s="194"/>
      <c r="N139" s="194"/>
    </row>
    <row r="140" spans="10:14" x14ac:dyDescent="0.2">
      <c r="J140" s="194"/>
      <c r="K140" s="194"/>
      <c r="L140" s="194"/>
      <c r="M140" s="194"/>
      <c r="N140" s="194"/>
    </row>
    <row r="141" spans="10:14" x14ac:dyDescent="0.2">
      <c r="J141" s="194"/>
      <c r="K141" s="194"/>
      <c r="L141" s="194"/>
      <c r="M141" s="194"/>
      <c r="N141" s="194"/>
    </row>
    <row r="142" spans="10:14" x14ac:dyDescent="0.2">
      <c r="J142" s="194"/>
      <c r="K142" s="194"/>
      <c r="L142" s="194"/>
      <c r="M142" s="194"/>
      <c r="N142" s="194"/>
    </row>
    <row r="143" spans="10:14" x14ac:dyDescent="0.2">
      <c r="J143" s="194"/>
      <c r="K143" s="194"/>
      <c r="L143" s="194"/>
      <c r="M143" s="194"/>
      <c r="N143" s="194"/>
    </row>
    <row r="144" spans="10:14" x14ac:dyDescent="0.2">
      <c r="J144" s="194"/>
      <c r="K144" s="194"/>
      <c r="L144" s="194"/>
      <c r="M144" s="194"/>
      <c r="N144" s="194"/>
    </row>
    <row r="145" spans="10:14" x14ac:dyDescent="0.2">
      <c r="J145" s="194"/>
      <c r="K145" s="194"/>
      <c r="L145" s="194"/>
      <c r="M145" s="194"/>
      <c r="N145" s="194"/>
    </row>
    <row r="146" spans="10:14" x14ac:dyDescent="0.2">
      <c r="J146" s="194"/>
      <c r="K146" s="194"/>
      <c r="L146" s="194"/>
      <c r="M146" s="194"/>
      <c r="N146" s="194"/>
    </row>
    <row r="147" spans="10:14" x14ac:dyDescent="0.2">
      <c r="J147" s="194"/>
      <c r="K147" s="194"/>
      <c r="L147" s="194"/>
      <c r="M147" s="194"/>
      <c r="N147" s="194"/>
    </row>
    <row r="148" spans="10:14" x14ac:dyDescent="0.2">
      <c r="J148" s="194"/>
      <c r="K148" s="194"/>
      <c r="L148" s="194"/>
      <c r="M148" s="194"/>
      <c r="N148" s="194"/>
    </row>
    <row r="149" spans="10:14" x14ac:dyDescent="0.2">
      <c r="J149" s="194"/>
      <c r="K149" s="194"/>
      <c r="L149" s="194"/>
      <c r="M149" s="194"/>
      <c r="N149" s="194"/>
    </row>
    <row r="150" spans="10:14" x14ac:dyDescent="0.2">
      <c r="J150" s="194"/>
      <c r="K150" s="194"/>
      <c r="L150" s="194"/>
      <c r="M150" s="194"/>
      <c r="N150" s="194"/>
    </row>
    <row r="151" spans="10:14" x14ac:dyDescent="0.2">
      <c r="J151" s="194"/>
      <c r="K151" s="194"/>
      <c r="L151" s="194"/>
      <c r="M151" s="194"/>
      <c r="N151" s="194"/>
    </row>
    <row r="152" spans="10:14" x14ac:dyDescent="0.2">
      <c r="J152" s="194"/>
      <c r="K152" s="194"/>
      <c r="L152" s="194"/>
      <c r="M152" s="194"/>
      <c r="N152" s="194"/>
    </row>
    <row r="153" spans="10:14" x14ac:dyDescent="0.2">
      <c r="J153" s="194"/>
      <c r="K153" s="194"/>
      <c r="L153" s="194"/>
      <c r="M153" s="194"/>
      <c r="N153" s="194"/>
    </row>
    <row r="154" spans="10:14" x14ac:dyDescent="0.2">
      <c r="J154" s="194"/>
      <c r="K154" s="194"/>
      <c r="L154" s="194"/>
      <c r="M154" s="194"/>
      <c r="N154" s="194"/>
    </row>
    <row r="155" spans="10:14" x14ac:dyDescent="0.2">
      <c r="J155" s="194"/>
      <c r="K155" s="194"/>
      <c r="L155" s="194"/>
      <c r="M155" s="194"/>
      <c r="N155" s="194"/>
    </row>
    <row r="156" spans="10:14" x14ac:dyDescent="0.2">
      <c r="J156" s="194"/>
      <c r="K156" s="194"/>
      <c r="L156" s="194"/>
      <c r="M156" s="194"/>
      <c r="N156" s="194"/>
    </row>
    <row r="157" spans="10:14" x14ac:dyDescent="0.2">
      <c r="J157" s="194"/>
      <c r="K157" s="194"/>
      <c r="L157" s="194"/>
      <c r="M157" s="194"/>
      <c r="N157" s="194"/>
    </row>
    <row r="158" spans="10:14" x14ac:dyDescent="0.2">
      <c r="J158" s="194"/>
      <c r="K158" s="194"/>
      <c r="L158" s="194"/>
      <c r="M158" s="194"/>
      <c r="N158" s="194"/>
    </row>
    <row r="159" spans="10:14" x14ac:dyDescent="0.2">
      <c r="J159" s="194"/>
      <c r="K159" s="194"/>
      <c r="L159" s="194"/>
      <c r="M159" s="194"/>
      <c r="N159" s="194"/>
    </row>
    <row r="160" spans="10:14" x14ac:dyDescent="0.2">
      <c r="J160" s="194"/>
      <c r="K160" s="194"/>
      <c r="L160" s="194"/>
      <c r="M160" s="194"/>
      <c r="N160" s="194"/>
    </row>
    <row r="161" spans="10:14" x14ac:dyDescent="0.2">
      <c r="J161" s="194"/>
      <c r="K161" s="194"/>
      <c r="L161" s="194"/>
      <c r="M161" s="194"/>
      <c r="N161" s="194"/>
    </row>
    <row r="162" spans="10:14" x14ac:dyDescent="0.2">
      <c r="J162" s="194"/>
      <c r="K162" s="194"/>
      <c r="L162" s="194"/>
      <c r="M162" s="194"/>
      <c r="N162" s="194"/>
    </row>
    <row r="163" spans="10:14" x14ac:dyDescent="0.2">
      <c r="J163" s="194"/>
      <c r="K163" s="194"/>
      <c r="L163" s="194"/>
      <c r="M163" s="194"/>
      <c r="N163" s="194"/>
    </row>
    <row r="164" spans="10:14" x14ac:dyDescent="0.2">
      <c r="J164" s="194"/>
      <c r="K164" s="194"/>
      <c r="L164" s="194"/>
      <c r="M164" s="194"/>
      <c r="N164" s="194"/>
    </row>
    <row r="165" spans="10:14" x14ac:dyDescent="0.2">
      <c r="J165" s="194"/>
      <c r="K165" s="194"/>
      <c r="L165" s="194"/>
      <c r="M165" s="194"/>
      <c r="N165" s="194"/>
    </row>
    <row r="166" spans="10:14" x14ac:dyDescent="0.2">
      <c r="J166" s="194"/>
      <c r="K166" s="194"/>
      <c r="L166" s="194"/>
      <c r="M166" s="194"/>
      <c r="N166" s="194"/>
    </row>
    <row r="167" spans="10:14" x14ac:dyDescent="0.2">
      <c r="J167" s="194"/>
      <c r="K167" s="194"/>
      <c r="L167" s="194"/>
      <c r="M167" s="194"/>
      <c r="N167" s="194"/>
    </row>
    <row r="168" spans="10:14" x14ac:dyDescent="0.2">
      <c r="J168" s="194"/>
      <c r="K168" s="194"/>
      <c r="L168" s="194"/>
      <c r="M168" s="194"/>
      <c r="N168" s="194"/>
    </row>
    <row r="169" spans="10:14" x14ac:dyDescent="0.2">
      <c r="J169" s="194"/>
      <c r="K169" s="194"/>
      <c r="L169" s="194"/>
      <c r="M169" s="194"/>
      <c r="N169" s="194"/>
    </row>
    <row r="170" spans="10:14" x14ac:dyDescent="0.2">
      <c r="J170" s="194"/>
      <c r="K170" s="194"/>
      <c r="L170" s="194"/>
      <c r="M170" s="194"/>
      <c r="N170" s="194"/>
    </row>
    <row r="171" spans="10:14" x14ac:dyDescent="0.2">
      <c r="J171" s="194"/>
      <c r="K171" s="194"/>
      <c r="L171" s="194"/>
      <c r="M171" s="194"/>
      <c r="N171" s="194"/>
    </row>
    <row r="172" spans="10:14" x14ac:dyDescent="0.2">
      <c r="J172" s="194"/>
      <c r="K172" s="194"/>
      <c r="L172" s="194"/>
      <c r="M172" s="194"/>
      <c r="N172" s="194"/>
    </row>
    <row r="173" spans="10:14" x14ac:dyDescent="0.2">
      <c r="J173" s="194"/>
      <c r="K173" s="194"/>
      <c r="L173" s="194"/>
      <c r="M173" s="194"/>
      <c r="N173" s="194"/>
    </row>
    <row r="174" spans="10:14" x14ac:dyDescent="0.2">
      <c r="J174" s="194"/>
      <c r="K174" s="194"/>
      <c r="L174" s="194"/>
      <c r="M174" s="194"/>
      <c r="N174" s="194"/>
    </row>
    <row r="175" spans="10:14" x14ac:dyDescent="0.2">
      <c r="J175" s="194"/>
      <c r="K175" s="194"/>
      <c r="L175" s="194"/>
      <c r="M175" s="194"/>
      <c r="N175" s="194"/>
    </row>
    <row r="176" spans="10:14" x14ac:dyDescent="0.2">
      <c r="J176" s="194"/>
      <c r="K176" s="194"/>
      <c r="L176" s="194"/>
      <c r="M176" s="194"/>
      <c r="N176" s="194"/>
    </row>
    <row r="177" spans="10:14" x14ac:dyDescent="0.2">
      <c r="J177" s="194"/>
      <c r="K177" s="194"/>
      <c r="L177" s="194"/>
      <c r="M177" s="194"/>
      <c r="N177" s="194"/>
    </row>
    <row r="178" spans="10:14" x14ac:dyDescent="0.2">
      <c r="J178" s="194"/>
      <c r="K178" s="194"/>
      <c r="L178" s="194"/>
      <c r="M178" s="194"/>
      <c r="N178" s="194"/>
    </row>
    <row r="179" spans="10:14" x14ac:dyDescent="0.2">
      <c r="J179" s="194"/>
      <c r="K179" s="194"/>
      <c r="L179" s="194"/>
      <c r="M179" s="194"/>
      <c r="N179" s="194"/>
    </row>
    <row r="180" spans="10:14" x14ac:dyDescent="0.2">
      <c r="J180" s="194"/>
      <c r="K180" s="194"/>
      <c r="L180" s="194"/>
      <c r="M180" s="194"/>
      <c r="N180" s="194"/>
    </row>
    <row r="181" spans="10:14" x14ac:dyDescent="0.2">
      <c r="J181" s="194"/>
      <c r="K181" s="194"/>
      <c r="L181" s="194"/>
      <c r="M181" s="194"/>
      <c r="N181" s="194"/>
    </row>
    <row r="182" spans="10:14" x14ac:dyDescent="0.2">
      <c r="J182" s="194"/>
      <c r="K182" s="194"/>
      <c r="L182" s="194"/>
      <c r="M182" s="194"/>
      <c r="N182" s="194"/>
    </row>
    <row r="183" spans="10:14" x14ac:dyDescent="0.2">
      <c r="J183" s="194"/>
      <c r="K183" s="194"/>
      <c r="L183" s="194"/>
      <c r="M183" s="194"/>
      <c r="N183" s="194"/>
    </row>
    <row r="184" spans="10:14" x14ac:dyDescent="0.2">
      <c r="J184" s="194"/>
      <c r="K184" s="194"/>
      <c r="L184" s="194"/>
      <c r="M184" s="194"/>
      <c r="N184" s="194"/>
    </row>
    <row r="185" spans="10:14" x14ac:dyDescent="0.2">
      <c r="J185" s="194"/>
      <c r="K185" s="194"/>
      <c r="L185" s="194"/>
      <c r="M185" s="194"/>
      <c r="N185" s="194"/>
    </row>
    <row r="186" spans="10:14" x14ac:dyDescent="0.2">
      <c r="J186" s="194"/>
      <c r="K186" s="194"/>
      <c r="L186" s="194"/>
      <c r="M186" s="194"/>
      <c r="N186" s="194"/>
    </row>
    <row r="187" spans="10:14" x14ac:dyDescent="0.2">
      <c r="J187" s="194"/>
      <c r="K187" s="194"/>
      <c r="L187" s="194"/>
      <c r="M187" s="194"/>
      <c r="N187" s="194"/>
    </row>
    <row r="188" spans="10:14" x14ac:dyDescent="0.2">
      <c r="J188" s="194"/>
      <c r="K188" s="194"/>
      <c r="L188" s="194"/>
      <c r="M188" s="194"/>
      <c r="N188" s="194"/>
    </row>
    <row r="189" spans="10:14" x14ac:dyDescent="0.2">
      <c r="J189" s="194"/>
      <c r="K189" s="194"/>
      <c r="L189" s="194"/>
      <c r="M189" s="194"/>
      <c r="N189" s="194"/>
    </row>
    <row r="190" spans="10:14" x14ac:dyDescent="0.2">
      <c r="J190" s="194"/>
      <c r="K190" s="194"/>
      <c r="L190" s="194"/>
      <c r="M190" s="194"/>
      <c r="N190" s="194"/>
    </row>
    <row r="191" spans="10:14" x14ac:dyDescent="0.2">
      <c r="J191" s="194"/>
      <c r="K191" s="194"/>
      <c r="L191" s="194"/>
      <c r="M191" s="194"/>
      <c r="N191" s="194"/>
    </row>
    <row r="192" spans="10:14" x14ac:dyDescent="0.2">
      <c r="J192" s="194"/>
      <c r="K192" s="194"/>
      <c r="L192" s="194"/>
      <c r="M192" s="194"/>
      <c r="N192" s="194"/>
    </row>
    <row r="193" spans="10:14" x14ac:dyDescent="0.2">
      <c r="J193" s="194"/>
      <c r="K193" s="194"/>
      <c r="L193" s="194"/>
      <c r="M193" s="194"/>
      <c r="N193" s="194"/>
    </row>
    <row r="194" spans="10:14" x14ac:dyDescent="0.2">
      <c r="J194" s="194"/>
      <c r="K194" s="194"/>
      <c r="L194" s="194"/>
      <c r="M194" s="194"/>
      <c r="N194" s="194"/>
    </row>
    <row r="195" spans="10:14" x14ac:dyDescent="0.2">
      <c r="J195" s="194"/>
      <c r="K195" s="194"/>
      <c r="L195" s="194"/>
      <c r="M195" s="194"/>
      <c r="N195" s="194"/>
    </row>
    <row r="196" spans="10:14" x14ac:dyDescent="0.2">
      <c r="J196" s="194"/>
      <c r="K196" s="194"/>
      <c r="L196" s="194"/>
      <c r="M196" s="194"/>
      <c r="N196" s="194"/>
    </row>
    <row r="197" spans="10:14" x14ac:dyDescent="0.2">
      <c r="J197" s="194"/>
      <c r="K197" s="194"/>
      <c r="L197" s="194"/>
      <c r="M197" s="194"/>
      <c r="N197" s="194"/>
    </row>
    <row r="198" spans="10:14" x14ac:dyDescent="0.2">
      <c r="J198" s="194"/>
      <c r="K198" s="194"/>
      <c r="L198" s="194"/>
      <c r="M198" s="194"/>
      <c r="N198" s="194"/>
    </row>
    <row r="199" spans="10:14" x14ac:dyDescent="0.2">
      <c r="J199" s="194"/>
      <c r="K199" s="194"/>
      <c r="L199" s="194"/>
      <c r="M199" s="194"/>
      <c r="N199" s="194"/>
    </row>
    <row r="200" spans="10:14" x14ac:dyDescent="0.2">
      <c r="J200" s="194"/>
      <c r="K200" s="194"/>
      <c r="L200" s="194"/>
      <c r="M200" s="194"/>
      <c r="N200" s="194"/>
    </row>
    <row r="201" spans="10:14" x14ac:dyDescent="0.2">
      <c r="J201" s="194"/>
      <c r="K201" s="194"/>
      <c r="L201" s="194"/>
      <c r="M201" s="194"/>
      <c r="N201" s="194"/>
    </row>
    <row r="202" spans="10:14" x14ac:dyDescent="0.2">
      <c r="J202" s="194"/>
      <c r="K202" s="194"/>
      <c r="L202" s="194"/>
      <c r="M202" s="194"/>
      <c r="N202" s="194"/>
    </row>
    <row r="203" spans="10:14" x14ac:dyDescent="0.2">
      <c r="J203" s="194"/>
      <c r="K203" s="194"/>
      <c r="L203" s="194"/>
      <c r="M203" s="194"/>
      <c r="N203" s="194"/>
    </row>
    <row r="204" spans="10:14" x14ac:dyDescent="0.2">
      <c r="J204" s="194"/>
      <c r="K204" s="194"/>
      <c r="L204" s="194"/>
      <c r="M204" s="194"/>
      <c r="N204" s="194"/>
    </row>
    <row r="205" spans="10:14" x14ac:dyDescent="0.2">
      <c r="J205" s="194"/>
      <c r="K205" s="194"/>
      <c r="L205" s="194"/>
      <c r="M205" s="194"/>
      <c r="N205" s="194"/>
    </row>
    <row r="206" spans="10:14" x14ac:dyDescent="0.2">
      <c r="J206" s="194"/>
      <c r="K206" s="194"/>
      <c r="L206" s="194"/>
      <c r="M206" s="194"/>
      <c r="N206" s="194"/>
    </row>
    <row r="207" spans="10:14" x14ac:dyDescent="0.2">
      <c r="J207" s="194"/>
      <c r="K207" s="194"/>
      <c r="L207" s="194"/>
      <c r="M207" s="194"/>
      <c r="N207" s="194"/>
    </row>
    <row r="208" spans="10:14" x14ac:dyDescent="0.2">
      <c r="J208" s="194"/>
      <c r="K208" s="194"/>
      <c r="L208" s="194"/>
      <c r="M208" s="194"/>
      <c r="N208" s="194"/>
    </row>
    <row r="209" spans="10:14" x14ac:dyDescent="0.2">
      <c r="J209" s="194"/>
      <c r="K209" s="194"/>
      <c r="L209" s="194"/>
      <c r="M209" s="194"/>
      <c r="N209" s="194"/>
    </row>
    <row r="210" spans="10:14" x14ac:dyDescent="0.2">
      <c r="J210" s="194"/>
      <c r="K210" s="194"/>
      <c r="L210" s="194"/>
      <c r="M210" s="194"/>
      <c r="N210" s="194"/>
    </row>
    <row r="211" spans="10:14" x14ac:dyDescent="0.2">
      <c r="J211" s="194"/>
      <c r="K211" s="194"/>
      <c r="L211" s="194"/>
      <c r="M211" s="194"/>
      <c r="N211" s="194"/>
    </row>
    <row r="212" spans="10:14" x14ac:dyDescent="0.2">
      <c r="J212" s="194"/>
      <c r="K212" s="194"/>
      <c r="L212" s="194"/>
      <c r="M212" s="194"/>
      <c r="N212" s="194"/>
    </row>
    <row r="213" spans="10:14" x14ac:dyDescent="0.2">
      <c r="J213" s="194"/>
      <c r="K213" s="194"/>
      <c r="L213" s="194"/>
      <c r="M213" s="194"/>
      <c r="N213" s="194"/>
    </row>
    <row r="214" spans="10:14" x14ac:dyDescent="0.2">
      <c r="J214" s="194"/>
      <c r="K214" s="194"/>
      <c r="L214" s="194"/>
      <c r="M214" s="194"/>
      <c r="N214" s="194"/>
    </row>
    <row r="215" spans="10:14" x14ac:dyDescent="0.2">
      <c r="J215" s="194"/>
      <c r="K215" s="194"/>
      <c r="L215" s="194"/>
      <c r="M215" s="194"/>
      <c r="N215" s="194"/>
    </row>
    <row r="216" spans="10:14" x14ac:dyDescent="0.2">
      <c r="J216" s="194"/>
      <c r="K216" s="194"/>
      <c r="L216" s="194"/>
      <c r="M216" s="194"/>
      <c r="N216" s="194"/>
    </row>
    <row r="217" spans="10:14" x14ac:dyDescent="0.2">
      <c r="J217" s="194"/>
      <c r="K217" s="194"/>
      <c r="L217" s="194"/>
      <c r="M217" s="194"/>
      <c r="N217" s="194"/>
    </row>
    <row r="218" spans="10:14" x14ac:dyDescent="0.2">
      <c r="J218" s="194"/>
      <c r="K218" s="194"/>
      <c r="L218" s="194"/>
      <c r="M218" s="194"/>
      <c r="N218" s="194"/>
    </row>
    <row r="219" spans="10:14" x14ac:dyDescent="0.2">
      <c r="J219" s="194"/>
      <c r="K219" s="194"/>
      <c r="L219" s="194"/>
      <c r="M219" s="194"/>
      <c r="N219" s="194"/>
    </row>
    <row r="220" spans="10:14" x14ac:dyDescent="0.2">
      <c r="J220" s="194"/>
      <c r="K220" s="194"/>
      <c r="L220" s="194"/>
      <c r="M220" s="194"/>
      <c r="N220" s="194"/>
    </row>
    <row r="221" spans="10:14" x14ac:dyDescent="0.2">
      <c r="J221" s="194"/>
      <c r="K221" s="194"/>
      <c r="L221" s="194"/>
      <c r="M221" s="194"/>
      <c r="N221" s="194"/>
    </row>
    <row r="222" spans="10:14" x14ac:dyDescent="0.2">
      <c r="J222" s="194"/>
      <c r="K222" s="194"/>
      <c r="L222" s="194"/>
      <c r="M222" s="194"/>
      <c r="N222" s="194"/>
    </row>
    <row r="223" spans="10:14" x14ac:dyDescent="0.2">
      <c r="J223" s="194"/>
      <c r="K223" s="194"/>
      <c r="L223" s="194"/>
      <c r="M223" s="194"/>
      <c r="N223" s="194"/>
    </row>
    <row r="224" spans="10:14" x14ac:dyDescent="0.2">
      <c r="J224" s="194"/>
      <c r="K224" s="194"/>
      <c r="L224" s="194"/>
      <c r="M224" s="194"/>
      <c r="N224" s="194"/>
    </row>
    <row r="225" spans="10:14" x14ac:dyDescent="0.2">
      <c r="J225" s="194"/>
      <c r="K225" s="194"/>
      <c r="L225" s="194"/>
      <c r="M225" s="194"/>
      <c r="N225" s="194"/>
    </row>
    <row r="226" spans="10:14" x14ac:dyDescent="0.2">
      <c r="J226" s="194"/>
      <c r="K226" s="194"/>
      <c r="L226" s="194"/>
      <c r="M226" s="194"/>
      <c r="N226" s="194"/>
    </row>
    <row r="227" spans="10:14" x14ac:dyDescent="0.2">
      <c r="J227" s="194"/>
      <c r="K227" s="194"/>
      <c r="L227" s="194"/>
      <c r="M227" s="194"/>
      <c r="N227" s="194"/>
    </row>
    <row r="228" spans="10:14" x14ac:dyDescent="0.2">
      <c r="J228" s="194"/>
      <c r="K228" s="194"/>
      <c r="L228" s="194"/>
      <c r="M228" s="194"/>
      <c r="N228" s="194"/>
    </row>
    <row r="229" spans="10:14" x14ac:dyDescent="0.2">
      <c r="J229" s="194"/>
      <c r="K229" s="194"/>
      <c r="L229" s="194"/>
      <c r="M229" s="194"/>
      <c r="N229" s="194"/>
    </row>
    <row r="230" spans="10:14" x14ac:dyDescent="0.2">
      <c r="J230" s="194"/>
      <c r="K230" s="194"/>
      <c r="L230" s="194"/>
      <c r="M230" s="194"/>
      <c r="N230" s="194"/>
    </row>
    <row r="231" spans="10:14" x14ac:dyDescent="0.2">
      <c r="J231" s="194"/>
      <c r="K231" s="194"/>
      <c r="L231" s="194"/>
      <c r="M231" s="194"/>
      <c r="N231" s="194"/>
    </row>
    <row r="232" spans="10:14" x14ac:dyDescent="0.2">
      <c r="J232" s="194"/>
      <c r="K232" s="194"/>
      <c r="L232" s="194"/>
      <c r="M232" s="194"/>
      <c r="N232" s="194"/>
    </row>
    <row r="233" spans="10:14" x14ac:dyDescent="0.2">
      <c r="J233" s="194"/>
      <c r="K233" s="194"/>
      <c r="L233" s="194"/>
      <c r="M233" s="194"/>
      <c r="N233" s="194"/>
    </row>
    <row r="234" spans="10:14" x14ac:dyDescent="0.2">
      <c r="J234" s="194"/>
      <c r="K234" s="194"/>
      <c r="L234" s="194"/>
      <c r="M234" s="194"/>
      <c r="N234" s="194"/>
    </row>
    <row r="235" spans="10:14" x14ac:dyDescent="0.2">
      <c r="J235" s="194"/>
      <c r="K235" s="194"/>
      <c r="L235" s="194"/>
      <c r="M235" s="194"/>
      <c r="N235" s="194"/>
    </row>
    <row r="236" spans="10:14" x14ac:dyDescent="0.2">
      <c r="J236" s="194"/>
      <c r="K236" s="194"/>
      <c r="L236" s="194"/>
      <c r="M236" s="194"/>
      <c r="N236" s="194"/>
    </row>
    <row r="237" spans="10:14" x14ac:dyDescent="0.2">
      <c r="J237" s="194"/>
      <c r="K237" s="194"/>
      <c r="L237" s="194"/>
      <c r="M237" s="194"/>
      <c r="N237" s="194"/>
    </row>
    <row r="238" spans="10:14" x14ac:dyDescent="0.2">
      <c r="J238" s="194"/>
      <c r="K238" s="194"/>
      <c r="L238" s="194"/>
      <c r="M238" s="194"/>
      <c r="N238" s="194"/>
    </row>
    <row r="239" spans="10:14" x14ac:dyDescent="0.2">
      <c r="J239" s="194"/>
      <c r="K239" s="194"/>
      <c r="L239" s="194"/>
      <c r="M239" s="194"/>
      <c r="N239" s="194"/>
    </row>
    <row r="240" spans="10:14" x14ac:dyDescent="0.2">
      <c r="J240" s="194"/>
      <c r="K240" s="194"/>
      <c r="L240" s="194"/>
      <c r="M240" s="194"/>
      <c r="N240" s="194"/>
    </row>
    <row r="241" spans="10:14" x14ac:dyDescent="0.2">
      <c r="J241" s="194"/>
      <c r="K241" s="194"/>
      <c r="L241" s="194"/>
      <c r="M241" s="194"/>
      <c r="N241" s="194"/>
    </row>
    <row r="242" spans="10:14" x14ac:dyDescent="0.2">
      <c r="J242" s="194"/>
      <c r="K242" s="194"/>
      <c r="L242" s="194"/>
      <c r="M242" s="194"/>
      <c r="N242" s="194"/>
    </row>
    <row r="243" spans="10:14" x14ac:dyDescent="0.2">
      <c r="J243" s="194"/>
      <c r="K243" s="194"/>
      <c r="L243" s="194"/>
      <c r="M243" s="194"/>
      <c r="N243" s="194"/>
    </row>
    <row r="244" spans="10:14" x14ac:dyDescent="0.2">
      <c r="J244" s="194"/>
      <c r="K244" s="194"/>
      <c r="L244" s="194"/>
      <c r="M244" s="194"/>
      <c r="N244" s="194"/>
    </row>
    <row r="245" spans="10:14" x14ac:dyDescent="0.2">
      <c r="J245" s="194"/>
      <c r="K245" s="194"/>
      <c r="L245" s="194"/>
      <c r="M245" s="194"/>
      <c r="N245" s="194"/>
    </row>
    <row r="246" spans="10:14" x14ac:dyDescent="0.2">
      <c r="J246" s="194"/>
      <c r="K246" s="194"/>
      <c r="L246" s="194"/>
      <c r="M246" s="194"/>
      <c r="N246" s="194"/>
    </row>
    <row r="247" spans="10:14" x14ac:dyDescent="0.2">
      <c r="J247" s="194"/>
      <c r="K247" s="194"/>
      <c r="L247" s="194"/>
      <c r="M247" s="194"/>
      <c r="N247" s="194"/>
    </row>
    <row r="248" spans="10:14" x14ac:dyDescent="0.2">
      <c r="J248" s="194"/>
      <c r="K248" s="194"/>
      <c r="L248" s="194"/>
      <c r="M248" s="194"/>
      <c r="N248" s="194"/>
    </row>
    <row r="249" spans="10:14" x14ac:dyDescent="0.2">
      <c r="J249" s="194"/>
      <c r="K249" s="194"/>
      <c r="L249" s="194"/>
      <c r="M249" s="194"/>
      <c r="N249" s="194"/>
    </row>
    <row r="250" spans="10:14" x14ac:dyDescent="0.2">
      <c r="J250" s="194"/>
      <c r="K250" s="194"/>
      <c r="L250" s="194"/>
      <c r="M250" s="194"/>
      <c r="N250" s="194"/>
    </row>
    <row r="251" spans="10:14" x14ac:dyDescent="0.2">
      <c r="J251" s="194"/>
      <c r="K251" s="194"/>
      <c r="L251" s="194"/>
      <c r="M251" s="194"/>
      <c r="N251" s="194"/>
    </row>
    <row r="252" spans="10:14" x14ac:dyDescent="0.2">
      <c r="J252" s="194"/>
      <c r="K252" s="194"/>
      <c r="L252" s="194"/>
      <c r="M252" s="194"/>
      <c r="N252" s="194"/>
    </row>
    <row r="253" spans="10:14" x14ac:dyDescent="0.2">
      <c r="J253" s="194"/>
      <c r="K253" s="194"/>
      <c r="L253" s="194"/>
      <c r="M253" s="194"/>
      <c r="N253" s="194"/>
    </row>
    <row r="254" spans="10:14" x14ac:dyDescent="0.2">
      <c r="J254" s="194"/>
      <c r="K254" s="194"/>
      <c r="L254" s="194"/>
      <c r="M254" s="194"/>
      <c r="N254" s="194"/>
    </row>
    <row r="255" spans="10:14" x14ac:dyDescent="0.2">
      <c r="J255" s="194"/>
      <c r="K255" s="194"/>
      <c r="L255" s="194"/>
      <c r="M255" s="194"/>
      <c r="N255" s="194"/>
    </row>
    <row r="256" spans="10:14" x14ac:dyDescent="0.2">
      <c r="J256" s="194"/>
      <c r="K256" s="194"/>
      <c r="L256" s="194"/>
      <c r="M256" s="194"/>
      <c r="N256" s="194"/>
    </row>
    <row r="257" spans="10:14" x14ac:dyDescent="0.2">
      <c r="J257" s="194"/>
      <c r="K257" s="194"/>
      <c r="L257" s="194"/>
      <c r="M257" s="194"/>
      <c r="N257" s="194"/>
    </row>
    <row r="258" spans="10:14" x14ac:dyDescent="0.2">
      <c r="J258" s="194"/>
      <c r="K258" s="194"/>
      <c r="L258" s="194"/>
      <c r="M258" s="194"/>
      <c r="N258" s="194"/>
    </row>
    <row r="259" spans="10:14" x14ac:dyDescent="0.2">
      <c r="J259" s="194"/>
      <c r="K259" s="194"/>
      <c r="L259" s="194"/>
      <c r="M259" s="194"/>
      <c r="N259" s="194"/>
    </row>
    <row r="260" spans="10:14" x14ac:dyDescent="0.2">
      <c r="J260" s="194"/>
      <c r="K260" s="194"/>
      <c r="L260" s="194"/>
      <c r="M260" s="194"/>
      <c r="N260" s="194"/>
    </row>
    <row r="261" spans="10:14" x14ac:dyDescent="0.2">
      <c r="J261" s="194"/>
      <c r="K261" s="194"/>
      <c r="L261" s="194"/>
      <c r="M261" s="194"/>
      <c r="N261" s="194"/>
    </row>
    <row r="262" spans="10:14" x14ac:dyDescent="0.2">
      <c r="J262" s="194"/>
      <c r="K262" s="194"/>
      <c r="L262" s="194"/>
      <c r="M262" s="194"/>
      <c r="N262" s="194"/>
    </row>
    <row r="263" spans="10:14" x14ac:dyDescent="0.2">
      <c r="J263" s="194"/>
      <c r="K263" s="194"/>
      <c r="L263" s="194"/>
      <c r="M263" s="194"/>
      <c r="N263" s="194"/>
    </row>
    <row r="264" spans="10:14" x14ac:dyDescent="0.2">
      <c r="J264" s="194"/>
      <c r="K264" s="194"/>
      <c r="L264" s="194"/>
      <c r="M264" s="194"/>
      <c r="N264" s="194"/>
    </row>
    <row r="265" spans="10:14" x14ac:dyDescent="0.2">
      <c r="J265" s="194"/>
      <c r="K265" s="194"/>
      <c r="L265" s="194"/>
      <c r="M265" s="194"/>
      <c r="N265" s="194"/>
    </row>
    <row r="266" spans="10:14" x14ac:dyDescent="0.2">
      <c r="J266" s="194"/>
      <c r="K266" s="194"/>
      <c r="L266" s="194"/>
      <c r="M266" s="194"/>
      <c r="N266" s="194"/>
    </row>
    <row r="267" spans="10:14" x14ac:dyDescent="0.2">
      <c r="J267" s="194"/>
      <c r="K267" s="194"/>
      <c r="L267" s="194"/>
      <c r="M267" s="194"/>
      <c r="N267" s="194"/>
    </row>
    <row r="268" spans="10:14" x14ac:dyDescent="0.2">
      <c r="J268" s="194"/>
      <c r="K268" s="194"/>
      <c r="L268" s="194"/>
      <c r="M268" s="194"/>
      <c r="N268" s="194"/>
    </row>
    <row r="269" spans="10:14" x14ac:dyDescent="0.2">
      <c r="J269" s="194"/>
      <c r="K269" s="194"/>
      <c r="L269" s="194"/>
      <c r="M269" s="194"/>
      <c r="N269" s="194"/>
    </row>
    <row r="270" spans="10:14" x14ac:dyDescent="0.2">
      <c r="J270" s="194"/>
      <c r="K270" s="194"/>
      <c r="L270" s="194"/>
      <c r="M270" s="194"/>
      <c r="N270" s="194"/>
    </row>
    <row r="271" spans="10:14" x14ac:dyDescent="0.2">
      <c r="J271" s="194"/>
      <c r="K271" s="194"/>
      <c r="L271" s="194"/>
      <c r="M271" s="194"/>
      <c r="N271" s="194"/>
    </row>
    <row r="272" spans="10:14" x14ac:dyDescent="0.2">
      <c r="J272" s="194"/>
      <c r="K272" s="194"/>
      <c r="L272" s="194"/>
      <c r="M272" s="194"/>
      <c r="N272" s="194"/>
    </row>
    <row r="273" spans="10:14" x14ac:dyDescent="0.2">
      <c r="J273" s="194"/>
      <c r="K273" s="194"/>
      <c r="L273" s="194"/>
      <c r="M273" s="194"/>
      <c r="N273" s="194"/>
    </row>
    <row r="274" spans="10:14" x14ac:dyDescent="0.2">
      <c r="J274" s="194"/>
      <c r="K274" s="194"/>
      <c r="L274" s="194"/>
      <c r="M274" s="194"/>
      <c r="N274" s="194"/>
    </row>
    <row r="275" spans="10:14" x14ac:dyDescent="0.2">
      <c r="J275" s="194"/>
      <c r="K275" s="194"/>
      <c r="L275" s="194"/>
      <c r="M275" s="194"/>
      <c r="N275" s="194"/>
    </row>
    <row r="276" spans="10:14" x14ac:dyDescent="0.2">
      <c r="J276" s="194"/>
      <c r="K276" s="194"/>
      <c r="L276" s="194"/>
      <c r="M276" s="194"/>
      <c r="N276" s="194"/>
    </row>
    <row r="277" spans="10:14" x14ac:dyDescent="0.2">
      <c r="J277" s="194"/>
      <c r="K277" s="194"/>
      <c r="L277" s="194"/>
      <c r="M277" s="194"/>
      <c r="N277" s="194"/>
    </row>
    <row r="278" spans="10:14" x14ac:dyDescent="0.2">
      <c r="J278" s="194"/>
      <c r="K278" s="194"/>
      <c r="L278" s="194"/>
      <c r="M278" s="194"/>
      <c r="N278" s="194"/>
    </row>
    <row r="279" spans="10:14" x14ac:dyDescent="0.2">
      <c r="J279" s="194"/>
      <c r="K279" s="194"/>
      <c r="L279" s="194"/>
      <c r="M279" s="194"/>
      <c r="N279" s="194"/>
    </row>
    <row r="280" spans="10:14" x14ac:dyDescent="0.2">
      <c r="J280" s="194"/>
      <c r="K280" s="194"/>
      <c r="L280" s="194"/>
      <c r="M280" s="194"/>
      <c r="N280" s="194"/>
    </row>
    <row r="281" spans="10:14" x14ac:dyDescent="0.2">
      <c r="J281" s="194"/>
      <c r="K281" s="194"/>
      <c r="L281" s="194"/>
      <c r="M281" s="194"/>
      <c r="N281" s="194"/>
    </row>
    <row r="282" spans="10:14" x14ac:dyDescent="0.2">
      <c r="J282" s="194"/>
      <c r="K282" s="194"/>
      <c r="L282" s="194"/>
      <c r="M282" s="194"/>
      <c r="N282" s="194"/>
    </row>
    <row r="283" spans="10:14" x14ac:dyDescent="0.2">
      <c r="J283" s="194"/>
      <c r="K283" s="194"/>
      <c r="L283" s="194"/>
      <c r="M283" s="194"/>
      <c r="N283" s="194"/>
    </row>
    <row r="284" spans="10:14" x14ac:dyDescent="0.2">
      <c r="J284" s="194"/>
      <c r="K284" s="194"/>
      <c r="L284" s="194"/>
      <c r="M284" s="194"/>
      <c r="N284" s="194"/>
    </row>
    <row r="285" spans="10:14" x14ac:dyDescent="0.2">
      <c r="J285" s="194"/>
      <c r="K285" s="194"/>
      <c r="L285" s="194"/>
      <c r="M285" s="194"/>
      <c r="N285" s="194"/>
    </row>
    <row r="286" spans="10:14" x14ac:dyDescent="0.2">
      <c r="J286" s="194"/>
      <c r="K286" s="194"/>
      <c r="L286" s="194"/>
      <c r="M286" s="194"/>
      <c r="N286" s="194"/>
    </row>
    <row r="287" spans="10:14" x14ac:dyDescent="0.2">
      <c r="J287" s="194"/>
      <c r="K287" s="194"/>
      <c r="L287" s="194"/>
      <c r="M287" s="194"/>
      <c r="N287" s="194"/>
    </row>
    <row r="288" spans="10:14" x14ac:dyDescent="0.2">
      <c r="J288" s="194"/>
      <c r="K288" s="194"/>
      <c r="L288" s="194"/>
      <c r="M288" s="194"/>
      <c r="N288" s="194"/>
    </row>
    <row r="289" spans="10:14" x14ac:dyDescent="0.2">
      <c r="J289" s="194"/>
      <c r="K289" s="194"/>
      <c r="L289" s="194"/>
      <c r="M289" s="194"/>
      <c r="N289" s="194"/>
    </row>
    <row r="290" spans="10:14" x14ac:dyDescent="0.2">
      <c r="J290" s="194"/>
      <c r="K290" s="194"/>
      <c r="L290" s="194"/>
      <c r="M290" s="194"/>
      <c r="N290" s="194"/>
    </row>
    <row r="291" spans="10:14" x14ac:dyDescent="0.2">
      <c r="J291" s="194"/>
      <c r="K291" s="194"/>
      <c r="L291" s="194"/>
      <c r="M291" s="194"/>
      <c r="N291" s="194"/>
    </row>
    <row r="292" spans="10:14" x14ac:dyDescent="0.2">
      <c r="J292" s="194"/>
      <c r="K292" s="194"/>
      <c r="L292" s="194"/>
      <c r="M292" s="194"/>
      <c r="N292" s="194"/>
    </row>
    <row r="293" spans="10:14" x14ac:dyDescent="0.2">
      <c r="J293" s="194"/>
      <c r="K293" s="194"/>
      <c r="L293" s="194"/>
      <c r="M293" s="194"/>
      <c r="N293" s="194"/>
    </row>
    <row r="294" spans="10:14" x14ac:dyDescent="0.2">
      <c r="J294" s="194"/>
      <c r="K294" s="194"/>
      <c r="L294" s="194"/>
      <c r="M294" s="194"/>
      <c r="N294" s="194"/>
    </row>
    <row r="295" spans="10:14" x14ac:dyDescent="0.2">
      <c r="J295" s="194"/>
      <c r="K295" s="194"/>
      <c r="L295" s="194"/>
      <c r="M295" s="194"/>
      <c r="N295" s="194"/>
    </row>
    <row r="296" spans="10:14" x14ac:dyDescent="0.2">
      <c r="J296" s="194"/>
      <c r="K296" s="194"/>
      <c r="L296" s="194"/>
      <c r="M296" s="194"/>
      <c r="N296" s="194"/>
    </row>
    <row r="297" spans="10:14" x14ac:dyDescent="0.2">
      <c r="J297" s="194"/>
      <c r="K297" s="194"/>
      <c r="L297" s="194"/>
      <c r="M297" s="194"/>
      <c r="N297" s="194"/>
    </row>
    <row r="298" spans="10:14" x14ac:dyDescent="0.2">
      <c r="J298" s="194"/>
      <c r="K298" s="194"/>
      <c r="L298" s="194"/>
      <c r="M298" s="194"/>
      <c r="N298" s="194"/>
    </row>
    <row r="299" spans="10:14" x14ac:dyDescent="0.2">
      <c r="J299" s="194"/>
      <c r="K299" s="194"/>
      <c r="L299" s="194"/>
      <c r="M299" s="194"/>
      <c r="N299" s="194"/>
    </row>
    <row r="300" spans="10:14" x14ac:dyDescent="0.2">
      <c r="J300" s="194"/>
      <c r="K300" s="194"/>
      <c r="L300" s="194"/>
      <c r="M300" s="194"/>
      <c r="N300" s="194"/>
    </row>
    <row r="301" spans="10:14" x14ac:dyDescent="0.2">
      <c r="J301" s="194"/>
      <c r="K301" s="194"/>
      <c r="L301" s="194"/>
      <c r="M301" s="194"/>
      <c r="N301" s="194"/>
    </row>
    <row r="302" spans="10:14" x14ac:dyDescent="0.2">
      <c r="J302" s="194"/>
      <c r="K302" s="194"/>
      <c r="L302" s="194"/>
      <c r="M302" s="194"/>
      <c r="N302" s="194"/>
    </row>
    <row r="303" spans="10:14" x14ac:dyDescent="0.2">
      <c r="J303" s="194"/>
      <c r="K303" s="194"/>
      <c r="L303" s="194"/>
      <c r="M303" s="194"/>
      <c r="N303" s="194"/>
    </row>
    <row r="304" spans="10:14" x14ac:dyDescent="0.2">
      <c r="J304" s="194"/>
      <c r="K304" s="194"/>
      <c r="L304" s="194"/>
      <c r="M304" s="194"/>
      <c r="N304" s="194"/>
    </row>
    <row r="305" spans="10:14" x14ac:dyDescent="0.2">
      <c r="J305" s="194"/>
      <c r="K305" s="194"/>
      <c r="L305" s="194"/>
      <c r="M305" s="194"/>
      <c r="N305" s="194"/>
    </row>
    <row r="306" spans="10:14" x14ac:dyDescent="0.2">
      <c r="J306" s="194"/>
      <c r="K306" s="194"/>
      <c r="L306" s="194"/>
      <c r="M306" s="194"/>
      <c r="N306" s="194"/>
    </row>
    <row r="307" spans="10:14" x14ac:dyDescent="0.2">
      <c r="J307" s="194"/>
      <c r="K307" s="194"/>
      <c r="L307" s="194"/>
      <c r="M307" s="194"/>
      <c r="N307" s="194"/>
    </row>
    <row r="308" spans="10:14" x14ac:dyDescent="0.2">
      <c r="J308" s="194"/>
      <c r="K308" s="194"/>
      <c r="L308" s="194"/>
      <c r="M308" s="194"/>
      <c r="N308" s="194"/>
    </row>
    <row r="309" spans="10:14" x14ac:dyDescent="0.2">
      <c r="J309" s="194"/>
      <c r="K309" s="194"/>
      <c r="L309" s="194"/>
      <c r="M309" s="194"/>
      <c r="N309" s="194"/>
    </row>
    <row r="310" spans="10:14" x14ac:dyDescent="0.2">
      <c r="J310" s="194"/>
      <c r="K310" s="194"/>
      <c r="L310" s="194"/>
      <c r="M310" s="194"/>
      <c r="N310" s="194"/>
    </row>
    <row r="311" spans="10:14" x14ac:dyDescent="0.2">
      <c r="J311" s="194"/>
      <c r="K311" s="194"/>
      <c r="L311" s="194"/>
      <c r="M311" s="194"/>
      <c r="N311" s="194"/>
    </row>
    <row r="312" spans="10:14" x14ac:dyDescent="0.2">
      <c r="J312" s="194"/>
      <c r="K312" s="194"/>
      <c r="L312" s="194"/>
      <c r="M312" s="194"/>
      <c r="N312" s="194"/>
    </row>
    <row r="313" spans="10:14" x14ac:dyDescent="0.2">
      <c r="J313" s="194"/>
      <c r="K313" s="194"/>
      <c r="L313" s="194"/>
      <c r="M313" s="194"/>
      <c r="N313" s="194"/>
    </row>
    <row r="314" spans="10:14" x14ac:dyDescent="0.2">
      <c r="J314" s="194"/>
      <c r="K314" s="194"/>
      <c r="L314" s="194"/>
      <c r="M314" s="194"/>
      <c r="N314" s="194"/>
    </row>
    <row r="315" spans="10:14" x14ac:dyDescent="0.2">
      <c r="J315" s="194"/>
      <c r="K315" s="194"/>
      <c r="L315" s="194"/>
      <c r="M315" s="194"/>
      <c r="N315" s="194"/>
    </row>
    <row r="316" spans="10:14" x14ac:dyDescent="0.2">
      <c r="J316" s="194"/>
      <c r="K316" s="194"/>
      <c r="L316" s="194"/>
      <c r="M316" s="194"/>
      <c r="N316" s="194"/>
    </row>
    <row r="317" spans="10:14" x14ac:dyDescent="0.2">
      <c r="J317" s="194"/>
      <c r="K317" s="194"/>
      <c r="L317" s="194"/>
      <c r="M317" s="194"/>
      <c r="N317" s="194"/>
    </row>
    <row r="318" spans="10:14" x14ac:dyDescent="0.2">
      <c r="J318" s="194"/>
      <c r="K318" s="194"/>
      <c r="L318" s="194"/>
      <c r="M318" s="194"/>
      <c r="N318" s="194"/>
    </row>
    <row r="319" spans="10:14" x14ac:dyDescent="0.2">
      <c r="J319" s="194"/>
      <c r="K319" s="194"/>
      <c r="L319" s="194"/>
      <c r="M319" s="194"/>
      <c r="N319" s="194"/>
    </row>
    <row r="320" spans="10:14" x14ac:dyDescent="0.2">
      <c r="J320" s="194"/>
      <c r="K320" s="194"/>
      <c r="L320" s="194"/>
      <c r="M320" s="194"/>
      <c r="N320" s="194"/>
    </row>
    <row r="321" spans="10:14" x14ac:dyDescent="0.2">
      <c r="J321" s="194"/>
      <c r="K321" s="194"/>
      <c r="L321" s="194"/>
      <c r="M321" s="194"/>
      <c r="N321" s="194"/>
    </row>
    <row r="322" spans="10:14" x14ac:dyDescent="0.2">
      <c r="J322" s="194"/>
      <c r="K322" s="194"/>
      <c r="L322" s="194"/>
      <c r="M322" s="194"/>
      <c r="N322" s="194"/>
    </row>
    <row r="323" spans="10:14" x14ac:dyDescent="0.2">
      <c r="J323" s="194"/>
      <c r="K323" s="194"/>
      <c r="L323" s="194"/>
      <c r="M323" s="194"/>
      <c r="N323" s="194"/>
    </row>
    <row r="324" spans="10:14" x14ac:dyDescent="0.2">
      <c r="J324" s="194"/>
      <c r="K324" s="194"/>
      <c r="L324" s="194"/>
      <c r="M324" s="194"/>
      <c r="N324" s="194"/>
    </row>
    <row r="325" spans="10:14" x14ac:dyDescent="0.2">
      <c r="J325" s="194"/>
      <c r="K325" s="194"/>
      <c r="L325" s="194"/>
      <c r="M325" s="194"/>
      <c r="N325" s="194"/>
    </row>
    <row r="326" spans="10:14" x14ac:dyDescent="0.2">
      <c r="J326" s="194"/>
      <c r="K326" s="194"/>
      <c r="L326" s="194"/>
      <c r="M326" s="194"/>
      <c r="N326" s="194"/>
    </row>
    <row r="327" spans="10:14" x14ac:dyDescent="0.2">
      <c r="J327" s="194"/>
      <c r="K327" s="194"/>
      <c r="L327" s="194"/>
      <c r="M327" s="194"/>
      <c r="N327" s="194"/>
    </row>
    <row r="328" spans="10:14" x14ac:dyDescent="0.2">
      <c r="J328" s="194"/>
      <c r="K328" s="194"/>
      <c r="L328" s="194"/>
      <c r="M328" s="194"/>
      <c r="N328" s="194"/>
    </row>
    <row r="329" spans="10:14" x14ac:dyDescent="0.2">
      <c r="J329" s="194"/>
      <c r="K329" s="194"/>
      <c r="L329" s="194"/>
      <c r="M329" s="194"/>
      <c r="N329" s="194"/>
    </row>
    <row r="330" spans="10:14" x14ac:dyDescent="0.2">
      <c r="J330" s="194"/>
      <c r="K330" s="194"/>
      <c r="L330" s="194"/>
      <c r="M330" s="194"/>
      <c r="N330" s="194"/>
    </row>
    <row r="331" spans="10:14" x14ac:dyDescent="0.2">
      <c r="J331" s="194"/>
      <c r="K331" s="194"/>
      <c r="L331" s="194"/>
      <c r="M331" s="194"/>
      <c r="N331" s="194"/>
    </row>
    <row r="332" spans="10:14" x14ac:dyDescent="0.2">
      <c r="J332" s="194"/>
      <c r="K332" s="194"/>
      <c r="L332" s="194"/>
      <c r="M332" s="194"/>
      <c r="N332" s="194"/>
    </row>
    <row r="333" spans="10:14" x14ac:dyDescent="0.2">
      <c r="J333" s="194"/>
      <c r="K333" s="194"/>
      <c r="L333" s="194"/>
      <c r="M333" s="194"/>
      <c r="N333" s="194"/>
    </row>
    <row r="334" spans="10:14" x14ac:dyDescent="0.2">
      <c r="J334" s="194"/>
      <c r="K334" s="194"/>
      <c r="L334" s="194"/>
      <c r="M334" s="194"/>
      <c r="N334" s="194"/>
    </row>
    <row r="335" spans="10:14" x14ac:dyDescent="0.2">
      <c r="J335" s="194"/>
      <c r="K335" s="194"/>
      <c r="L335" s="194"/>
      <c r="M335" s="194"/>
      <c r="N335" s="194"/>
    </row>
    <row r="336" spans="10:14" x14ac:dyDescent="0.2">
      <c r="J336" s="194"/>
      <c r="K336" s="194"/>
      <c r="L336" s="194"/>
      <c r="M336" s="194"/>
      <c r="N336" s="194"/>
    </row>
    <row r="337" spans="10:14" x14ac:dyDescent="0.2">
      <c r="J337" s="194"/>
      <c r="K337" s="194"/>
      <c r="L337" s="194"/>
      <c r="M337" s="194"/>
      <c r="N337" s="194"/>
    </row>
    <row r="338" spans="10:14" x14ac:dyDescent="0.2">
      <c r="J338" s="194"/>
      <c r="K338" s="194"/>
      <c r="L338" s="194"/>
      <c r="M338" s="194"/>
      <c r="N338" s="194"/>
    </row>
    <row r="339" spans="10:14" x14ac:dyDescent="0.2">
      <c r="J339" s="194"/>
      <c r="K339" s="194"/>
      <c r="L339" s="194"/>
      <c r="M339" s="194"/>
      <c r="N339" s="194"/>
    </row>
    <row r="340" spans="10:14" x14ac:dyDescent="0.2">
      <c r="J340" s="194"/>
      <c r="K340" s="194"/>
      <c r="L340" s="194"/>
      <c r="M340" s="194"/>
      <c r="N340" s="194"/>
    </row>
    <row r="341" spans="10:14" x14ac:dyDescent="0.2">
      <c r="J341" s="194"/>
      <c r="K341" s="194"/>
      <c r="L341" s="194"/>
      <c r="M341" s="194"/>
      <c r="N341" s="194"/>
    </row>
    <row r="342" spans="10:14" x14ac:dyDescent="0.2">
      <c r="J342" s="194"/>
      <c r="K342" s="194"/>
      <c r="L342" s="194"/>
      <c r="M342" s="194"/>
      <c r="N342" s="194"/>
    </row>
    <row r="343" spans="10:14" x14ac:dyDescent="0.2">
      <c r="J343" s="194"/>
      <c r="K343" s="194"/>
      <c r="L343" s="194"/>
      <c r="M343" s="194"/>
      <c r="N343" s="194"/>
    </row>
    <row r="344" spans="10:14" x14ac:dyDescent="0.2">
      <c r="J344" s="194"/>
      <c r="K344" s="194"/>
      <c r="L344" s="194"/>
      <c r="M344" s="194"/>
      <c r="N344" s="194"/>
    </row>
    <row r="345" spans="10:14" x14ac:dyDescent="0.2">
      <c r="J345" s="194"/>
      <c r="K345" s="194"/>
      <c r="L345" s="194"/>
      <c r="M345" s="194"/>
      <c r="N345" s="194"/>
    </row>
    <row r="346" spans="10:14" x14ac:dyDescent="0.2">
      <c r="J346" s="194"/>
      <c r="K346" s="194"/>
      <c r="L346" s="194"/>
      <c r="M346" s="194"/>
      <c r="N346" s="194"/>
    </row>
    <row r="347" spans="10:14" x14ac:dyDescent="0.2">
      <c r="J347" s="194"/>
      <c r="K347" s="194"/>
      <c r="L347" s="194"/>
      <c r="M347" s="194"/>
      <c r="N347" s="194"/>
    </row>
    <row r="348" spans="10:14" x14ac:dyDescent="0.2">
      <c r="J348" s="194"/>
      <c r="K348" s="194"/>
      <c r="L348" s="194"/>
      <c r="M348" s="194"/>
      <c r="N348" s="194"/>
    </row>
    <row r="349" spans="10:14" x14ac:dyDescent="0.2">
      <c r="J349" s="194"/>
      <c r="K349" s="194"/>
      <c r="L349" s="194"/>
      <c r="M349" s="194"/>
      <c r="N349" s="194"/>
    </row>
    <row r="350" spans="10:14" x14ac:dyDescent="0.2">
      <c r="J350" s="194"/>
      <c r="K350" s="194"/>
      <c r="L350" s="194"/>
      <c r="M350" s="194"/>
      <c r="N350" s="194"/>
    </row>
    <row r="351" spans="10:14" x14ac:dyDescent="0.2">
      <c r="J351" s="194"/>
      <c r="K351" s="194"/>
      <c r="L351" s="194"/>
      <c r="M351" s="194"/>
      <c r="N351" s="194"/>
    </row>
    <row r="352" spans="10:14" x14ac:dyDescent="0.2">
      <c r="J352" s="194"/>
      <c r="K352" s="194"/>
      <c r="L352" s="194"/>
      <c r="M352" s="194"/>
      <c r="N352" s="194"/>
    </row>
    <row r="353" spans="10:14" x14ac:dyDescent="0.2">
      <c r="J353" s="194"/>
      <c r="K353" s="194"/>
      <c r="L353" s="194"/>
      <c r="M353" s="194"/>
      <c r="N353" s="194"/>
    </row>
    <row r="354" spans="10:14" x14ac:dyDescent="0.2">
      <c r="J354" s="194"/>
      <c r="K354" s="194"/>
      <c r="L354" s="194"/>
      <c r="M354" s="194"/>
      <c r="N354" s="194"/>
    </row>
    <row r="355" spans="10:14" x14ac:dyDescent="0.2">
      <c r="J355" s="194"/>
      <c r="K355" s="194"/>
      <c r="L355" s="194"/>
      <c r="M355" s="194"/>
      <c r="N355" s="194"/>
    </row>
    <row r="356" spans="10:14" x14ac:dyDescent="0.2">
      <c r="J356" s="194"/>
      <c r="K356" s="194"/>
      <c r="L356" s="194"/>
      <c r="M356" s="194"/>
      <c r="N356" s="194"/>
    </row>
    <row r="357" spans="10:14" x14ac:dyDescent="0.2">
      <c r="J357" s="194"/>
      <c r="K357" s="194"/>
      <c r="L357" s="194"/>
      <c r="M357" s="194"/>
      <c r="N357" s="194"/>
    </row>
    <row r="358" spans="10:14" x14ac:dyDescent="0.2">
      <c r="J358" s="194"/>
      <c r="K358" s="194"/>
      <c r="L358" s="194"/>
      <c r="M358" s="194"/>
      <c r="N358" s="194"/>
    </row>
    <row r="359" spans="10:14" x14ac:dyDescent="0.2">
      <c r="J359" s="194"/>
      <c r="K359" s="194"/>
      <c r="L359" s="194"/>
      <c r="M359" s="194"/>
      <c r="N359" s="194"/>
    </row>
    <row r="360" spans="10:14" x14ac:dyDescent="0.2">
      <c r="J360" s="194"/>
      <c r="K360" s="194"/>
      <c r="L360" s="194"/>
      <c r="M360" s="194"/>
      <c r="N360" s="194"/>
    </row>
    <row r="361" spans="10:14" x14ac:dyDescent="0.2">
      <c r="J361" s="194"/>
      <c r="K361" s="194"/>
      <c r="L361" s="194"/>
      <c r="M361" s="194"/>
      <c r="N361" s="194"/>
    </row>
    <row r="362" spans="10:14" x14ac:dyDescent="0.2">
      <c r="J362" s="194"/>
      <c r="K362" s="194"/>
      <c r="L362" s="194"/>
      <c r="M362" s="194"/>
      <c r="N362" s="194"/>
    </row>
    <row r="363" spans="10:14" x14ac:dyDescent="0.2">
      <c r="J363" s="194"/>
      <c r="K363" s="194"/>
      <c r="L363" s="194"/>
      <c r="M363" s="194"/>
      <c r="N363" s="194"/>
    </row>
    <row r="364" spans="10:14" x14ac:dyDescent="0.2">
      <c r="J364" s="194"/>
      <c r="K364" s="194"/>
      <c r="L364" s="194"/>
      <c r="M364" s="194"/>
      <c r="N364" s="194"/>
    </row>
    <row r="365" spans="10:14" x14ac:dyDescent="0.2">
      <c r="J365" s="194"/>
      <c r="K365" s="194"/>
      <c r="L365" s="194"/>
      <c r="M365" s="194"/>
      <c r="N365" s="194"/>
    </row>
    <row r="366" spans="10:14" x14ac:dyDescent="0.2">
      <c r="J366" s="194"/>
      <c r="K366" s="194"/>
      <c r="L366" s="194"/>
      <c r="M366" s="194"/>
      <c r="N366" s="194"/>
    </row>
    <row r="367" spans="10:14" x14ac:dyDescent="0.2">
      <c r="J367" s="194"/>
      <c r="K367" s="194"/>
      <c r="L367" s="194"/>
      <c r="M367" s="194"/>
      <c r="N367" s="194"/>
    </row>
    <row r="368" spans="10:14" x14ac:dyDescent="0.2">
      <c r="J368" s="194"/>
      <c r="K368" s="194"/>
      <c r="L368" s="194"/>
      <c r="M368" s="194"/>
      <c r="N368" s="194"/>
    </row>
    <row r="369" spans="10:14" x14ac:dyDescent="0.2">
      <c r="J369" s="194"/>
      <c r="K369" s="194"/>
      <c r="L369" s="194"/>
      <c r="M369" s="194"/>
      <c r="N369" s="194"/>
    </row>
    <row r="370" spans="10:14" x14ac:dyDescent="0.2">
      <c r="J370" s="194"/>
      <c r="K370" s="194"/>
      <c r="L370" s="194"/>
      <c r="M370" s="194"/>
      <c r="N370" s="194"/>
    </row>
    <row r="371" spans="10:14" x14ac:dyDescent="0.2">
      <c r="J371" s="194"/>
      <c r="K371" s="194"/>
      <c r="L371" s="194"/>
      <c r="M371" s="194"/>
      <c r="N371" s="194"/>
    </row>
    <row r="372" spans="10:14" x14ac:dyDescent="0.2">
      <c r="J372" s="194"/>
      <c r="K372" s="194"/>
      <c r="L372" s="194"/>
      <c r="M372" s="194"/>
      <c r="N372" s="194"/>
    </row>
    <row r="373" spans="10:14" x14ac:dyDescent="0.2">
      <c r="J373" s="194"/>
      <c r="K373" s="194"/>
      <c r="L373" s="194"/>
      <c r="M373" s="194"/>
      <c r="N373" s="194"/>
    </row>
    <row r="374" spans="10:14" x14ac:dyDescent="0.2">
      <c r="J374" s="194"/>
      <c r="K374" s="194"/>
      <c r="L374" s="194"/>
      <c r="M374" s="194"/>
      <c r="N374" s="194"/>
    </row>
    <row r="375" spans="10:14" x14ac:dyDescent="0.2">
      <c r="J375" s="194"/>
      <c r="K375" s="194"/>
      <c r="L375" s="194"/>
      <c r="M375" s="194"/>
      <c r="N375" s="194"/>
    </row>
    <row r="376" spans="10:14" x14ac:dyDescent="0.2">
      <c r="J376" s="194"/>
      <c r="K376" s="194"/>
      <c r="L376" s="194"/>
      <c r="M376" s="194"/>
      <c r="N376" s="194"/>
    </row>
    <row r="377" spans="10:14" x14ac:dyDescent="0.2">
      <c r="J377" s="194"/>
      <c r="K377" s="194"/>
      <c r="L377" s="194"/>
      <c r="M377" s="194"/>
      <c r="N377" s="194"/>
    </row>
    <row r="378" spans="10:14" x14ac:dyDescent="0.2">
      <c r="J378" s="194"/>
      <c r="K378" s="194"/>
      <c r="L378" s="194"/>
      <c r="M378" s="194"/>
      <c r="N378" s="194"/>
    </row>
    <row r="379" spans="10:14" x14ac:dyDescent="0.2">
      <c r="J379" s="194"/>
      <c r="K379" s="194"/>
      <c r="L379" s="194"/>
      <c r="M379" s="194"/>
      <c r="N379" s="194"/>
    </row>
    <row r="380" spans="10:14" x14ac:dyDescent="0.2">
      <c r="J380" s="194"/>
      <c r="K380" s="194"/>
      <c r="L380" s="194"/>
      <c r="M380" s="194"/>
      <c r="N380" s="194"/>
    </row>
    <row r="381" spans="10:14" x14ac:dyDescent="0.2">
      <c r="J381" s="194"/>
      <c r="K381" s="194"/>
      <c r="L381" s="194"/>
      <c r="M381" s="194"/>
      <c r="N381" s="194"/>
    </row>
    <row r="382" spans="10:14" x14ac:dyDescent="0.2">
      <c r="J382" s="194"/>
      <c r="K382" s="194"/>
      <c r="L382" s="194"/>
      <c r="M382" s="194"/>
      <c r="N382" s="194"/>
    </row>
    <row r="383" spans="10:14" x14ac:dyDescent="0.2">
      <c r="J383" s="194"/>
      <c r="K383" s="194"/>
      <c r="L383" s="194"/>
      <c r="M383" s="194"/>
      <c r="N383" s="194"/>
    </row>
    <row r="384" spans="10:14" x14ac:dyDescent="0.2">
      <c r="J384" s="194"/>
      <c r="K384" s="194"/>
      <c r="L384" s="194"/>
      <c r="M384" s="194"/>
      <c r="N384" s="194"/>
    </row>
    <row r="385" spans="10:14" x14ac:dyDescent="0.2">
      <c r="J385" s="194"/>
      <c r="K385" s="194"/>
      <c r="L385" s="194"/>
      <c r="M385" s="194"/>
      <c r="N385" s="194"/>
    </row>
    <row r="386" spans="10:14" x14ac:dyDescent="0.2">
      <c r="J386" s="194"/>
      <c r="K386" s="194"/>
      <c r="L386" s="194"/>
      <c r="M386" s="194"/>
      <c r="N386" s="194"/>
    </row>
    <row r="387" spans="10:14" x14ac:dyDescent="0.2">
      <c r="J387" s="194"/>
      <c r="K387" s="194"/>
      <c r="L387" s="194"/>
      <c r="M387" s="194"/>
      <c r="N387" s="194"/>
    </row>
    <row r="388" spans="10:14" x14ac:dyDescent="0.2">
      <c r="J388" s="194"/>
      <c r="K388" s="194"/>
      <c r="L388" s="194"/>
      <c r="M388" s="194"/>
      <c r="N388" s="194"/>
    </row>
    <row r="389" spans="10:14" x14ac:dyDescent="0.2">
      <c r="J389" s="194"/>
      <c r="K389" s="194"/>
      <c r="L389" s="194"/>
      <c r="M389" s="194"/>
      <c r="N389" s="194"/>
    </row>
    <row r="390" spans="10:14" x14ac:dyDescent="0.2">
      <c r="J390" s="194"/>
      <c r="K390" s="194"/>
      <c r="L390" s="194"/>
      <c r="M390" s="194"/>
      <c r="N390" s="194"/>
    </row>
    <row r="391" spans="10:14" x14ac:dyDescent="0.2">
      <c r="J391" s="194"/>
      <c r="K391" s="194"/>
      <c r="L391" s="194"/>
      <c r="M391" s="194"/>
      <c r="N391" s="194"/>
    </row>
    <row r="392" spans="10:14" x14ac:dyDescent="0.2">
      <c r="J392" s="194"/>
      <c r="K392" s="194"/>
      <c r="L392" s="194"/>
      <c r="M392" s="194"/>
      <c r="N392" s="194"/>
    </row>
    <row r="393" spans="10:14" x14ac:dyDescent="0.2">
      <c r="J393" s="194"/>
      <c r="K393" s="194"/>
      <c r="L393" s="194"/>
      <c r="M393" s="194"/>
      <c r="N393" s="194"/>
    </row>
    <row r="394" spans="10:14" x14ac:dyDescent="0.2">
      <c r="J394" s="194"/>
      <c r="K394" s="194"/>
      <c r="L394" s="194"/>
      <c r="M394" s="194"/>
      <c r="N394" s="194"/>
    </row>
    <row r="395" spans="10:14" x14ac:dyDescent="0.2">
      <c r="J395" s="194"/>
      <c r="K395" s="194"/>
      <c r="L395" s="194"/>
      <c r="M395" s="194"/>
      <c r="N395" s="194"/>
    </row>
    <row r="396" spans="10:14" x14ac:dyDescent="0.2">
      <c r="J396" s="194"/>
      <c r="K396" s="194"/>
      <c r="L396" s="194"/>
      <c r="M396" s="194"/>
      <c r="N396" s="194"/>
    </row>
    <row r="397" spans="10:14" x14ac:dyDescent="0.2">
      <c r="J397" s="194"/>
      <c r="K397" s="194"/>
      <c r="L397" s="194"/>
      <c r="M397" s="194"/>
      <c r="N397" s="194"/>
    </row>
    <row r="398" spans="10:14" x14ac:dyDescent="0.2">
      <c r="J398" s="194"/>
      <c r="K398" s="194"/>
      <c r="L398" s="194"/>
      <c r="M398" s="194"/>
      <c r="N398" s="194"/>
    </row>
    <row r="399" spans="10:14" x14ac:dyDescent="0.2">
      <c r="J399" s="194"/>
      <c r="K399" s="194"/>
      <c r="L399" s="194"/>
      <c r="M399" s="194"/>
      <c r="N399" s="194"/>
    </row>
    <row r="400" spans="10:14" x14ac:dyDescent="0.2">
      <c r="J400" s="194"/>
      <c r="K400" s="194"/>
      <c r="L400" s="194"/>
      <c r="M400" s="194"/>
      <c r="N400" s="194"/>
    </row>
    <row r="401" spans="10:14" x14ac:dyDescent="0.2">
      <c r="J401" s="194"/>
      <c r="K401" s="194"/>
      <c r="L401" s="194"/>
      <c r="M401" s="194"/>
      <c r="N401" s="194"/>
    </row>
    <row r="402" spans="10:14" x14ac:dyDescent="0.2">
      <c r="J402" s="194"/>
      <c r="K402" s="194"/>
      <c r="L402" s="194"/>
      <c r="M402" s="194"/>
      <c r="N402" s="194"/>
    </row>
    <row r="403" spans="10:14" x14ac:dyDescent="0.2">
      <c r="J403" s="194"/>
      <c r="K403" s="194"/>
      <c r="L403" s="194"/>
      <c r="M403" s="194"/>
      <c r="N403" s="194"/>
    </row>
    <row r="404" spans="10:14" x14ac:dyDescent="0.2">
      <c r="J404" s="194"/>
      <c r="K404" s="194"/>
      <c r="L404" s="194"/>
      <c r="M404" s="194"/>
      <c r="N404" s="194"/>
    </row>
    <row r="405" spans="10:14" x14ac:dyDescent="0.2">
      <c r="J405" s="194"/>
      <c r="K405" s="194"/>
      <c r="L405" s="194"/>
      <c r="M405" s="194"/>
      <c r="N405" s="194"/>
    </row>
    <row r="406" spans="10:14" x14ac:dyDescent="0.2">
      <c r="J406" s="194"/>
      <c r="K406" s="194"/>
      <c r="L406" s="194"/>
      <c r="M406" s="194"/>
      <c r="N406" s="194"/>
    </row>
    <row r="407" spans="10:14" x14ac:dyDescent="0.2">
      <c r="J407" s="194"/>
      <c r="K407" s="194"/>
      <c r="L407" s="194"/>
      <c r="M407" s="194"/>
      <c r="N407" s="194"/>
    </row>
    <row r="408" spans="10:14" x14ac:dyDescent="0.2">
      <c r="J408" s="194"/>
      <c r="K408" s="194"/>
      <c r="L408" s="194"/>
      <c r="M408" s="194"/>
      <c r="N408" s="194"/>
    </row>
    <row r="409" spans="10:14" x14ac:dyDescent="0.2">
      <c r="J409" s="194"/>
      <c r="K409" s="194"/>
      <c r="L409" s="194"/>
      <c r="M409" s="194"/>
      <c r="N409" s="194"/>
    </row>
    <row r="410" spans="10:14" x14ac:dyDescent="0.2">
      <c r="J410" s="194"/>
      <c r="K410" s="194"/>
      <c r="L410" s="194"/>
      <c r="M410" s="194"/>
      <c r="N410" s="194"/>
    </row>
    <row r="411" spans="10:14" x14ac:dyDescent="0.2">
      <c r="J411" s="194"/>
      <c r="K411" s="194"/>
      <c r="L411" s="194"/>
      <c r="M411" s="194"/>
      <c r="N411" s="194"/>
    </row>
    <row r="412" spans="10:14" x14ac:dyDescent="0.2">
      <c r="J412" s="194"/>
      <c r="K412" s="194"/>
      <c r="L412" s="194"/>
      <c r="M412" s="194"/>
      <c r="N412" s="194"/>
    </row>
    <row r="413" spans="10:14" x14ac:dyDescent="0.2">
      <c r="J413" s="194"/>
      <c r="K413" s="194"/>
      <c r="L413" s="194"/>
      <c r="M413" s="194"/>
      <c r="N413" s="194"/>
    </row>
    <row r="414" spans="10:14" x14ac:dyDescent="0.2">
      <c r="J414" s="194"/>
      <c r="K414" s="194"/>
      <c r="L414" s="194"/>
      <c r="M414" s="194"/>
      <c r="N414" s="194"/>
    </row>
    <row r="415" spans="10:14" x14ac:dyDescent="0.2">
      <c r="J415" s="194"/>
      <c r="K415" s="194"/>
      <c r="L415" s="194"/>
      <c r="M415" s="194"/>
      <c r="N415" s="194"/>
    </row>
    <row r="416" spans="10:14" x14ac:dyDescent="0.2">
      <c r="J416" s="194"/>
      <c r="K416" s="194"/>
      <c r="L416" s="194"/>
      <c r="M416" s="194"/>
      <c r="N416" s="194"/>
    </row>
    <row r="417" spans="10:14" x14ac:dyDescent="0.2">
      <c r="J417" s="194"/>
      <c r="K417" s="194"/>
      <c r="L417" s="194"/>
      <c r="M417" s="194"/>
      <c r="N417" s="194"/>
    </row>
    <row r="418" spans="10:14" x14ac:dyDescent="0.2">
      <c r="J418" s="194"/>
      <c r="K418" s="194"/>
      <c r="L418" s="194"/>
      <c r="M418" s="194"/>
      <c r="N418" s="194"/>
    </row>
    <row r="419" spans="10:14" x14ac:dyDescent="0.2">
      <c r="J419" s="194"/>
      <c r="K419" s="194"/>
      <c r="L419" s="194"/>
      <c r="M419" s="194"/>
      <c r="N419" s="194"/>
    </row>
    <row r="420" spans="10:14" x14ac:dyDescent="0.2">
      <c r="J420" s="194"/>
      <c r="K420" s="194"/>
      <c r="L420" s="194"/>
      <c r="M420" s="194"/>
      <c r="N420" s="194"/>
    </row>
    <row r="421" spans="10:14" x14ac:dyDescent="0.2">
      <c r="J421" s="194"/>
      <c r="K421" s="194"/>
      <c r="L421" s="194"/>
      <c r="M421" s="194"/>
      <c r="N421" s="194"/>
    </row>
    <row r="422" spans="10:14" x14ac:dyDescent="0.2">
      <c r="J422" s="194"/>
      <c r="K422" s="194"/>
      <c r="L422" s="194"/>
      <c r="M422" s="194"/>
      <c r="N422" s="194"/>
    </row>
    <row r="423" spans="10:14" x14ac:dyDescent="0.2">
      <c r="J423" s="194"/>
      <c r="K423" s="194"/>
      <c r="L423" s="194"/>
      <c r="M423" s="194"/>
      <c r="N423" s="194"/>
    </row>
    <row r="424" spans="10:14" x14ac:dyDescent="0.2">
      <c r="J424" s="194"/>
      <c r="K424" s="194"/>
      <c r="L424" s="194"/>
      <c r="M424" s="194"/>
      <c r="N424" s="194"/>
    </row>
    <row r="425" spans="10:14" x14ac:dyDescent="0.2">
      <c r="J425" s="194"/>
      <c r="K425" s="194"/>
      <c r="L425" s="194"/>
      <c r="M425" s="194"/>
      <c r="N425" s="194"/>
    </row>
    <row r="426" spans="10:14" x14ac:dyDescent="0.2">
      <c r="J426" s="194"/>
      <c r="K426" s="194"/>
      <c r="L426" s="194"/>
      <c r="M426" s="194"/>
      <c r="N426" s="194"/>
    </row>
    <row r="427" spans="10:14" x14ac:dyDescent="0.2">
      <c r="J427" s="194"/>
      <c r="K427" s="194"/>
      <c r="L427" s="194"/>
      <c r="M427" s="194"/>
      <c r="N427" s="194"/>
    </row>
    <row r="428" spans="10:14" x14ac:dyDescent="0.2">
      <c r="J428" s="194"/>
      <c r="K428" s="194"/>
      <c r="L428" s="194"/>
      <c r="M428" s="194"/>
      <c r="N428" s="194"/>
    </row>
    <row r="429" spans="10:14" x14ac:dyDescent="0.2">
      <c r="J429" s="194"/>
      <c r="K429" s="194"/>
      <c r="L429" s="194"/>
      <c r="M429" s="194"/>
      <c r="N429" s="194"/>
    </row>
    <row r="430" spans="10:14" x14ac:dyDescent="0.2">
      <c r="J430" s="194"/>
      <c r="K430" s="194"/>
      <c r="L430" s="194"/>
      <c r="M430" s="194"/>
      <c r="N430" s="194"/>
    </row>
    <row r="431" spans="10:14" x14ac:dyDescent="0.2">
      <c r="J431" s="194"/>
      <c r="K431" s="194"/>
      <c r="L431" s="194"/>
      <c r="M431" s="194"/>
      <c r="N431" s="194"/>
    </row>
    <row r="432" spans="10:14" x14ac:dyDescent="0.2">
      <c r="J432" s="194"/>
      <c r="K432" s="194"/>
      <c r="L432" s="194"/>
      <c r="M432" s="194"/>
      <c r="N432" s="194"/>
    </row>
    <row r="433" spans="10:14" x14ac:dyDescent="0.2">
      <c r="J433" s="194"/>
      <c r="K433" s="194"/>
      <c r="L433" s="194"/>
      <c r="M433" s="194"/>
      <c r="N433" s="194"/>
    </row>
    <row r="434" spans="10:14" x14ac:dyDescent="0.2">
      <c r="J434" s="194"/>
      <c r="K434" s="194"/>
      <c r="L434" s="194"/>
      <c r="M434" s="194"/>
      <c r="N434" s="194"/>
    </row>
    <row r="435" spans="10:14" x14ac:dyDescent="0.2">
      <c r="J435" s="194"/>
      <c r="K435" s="194"/>
      <c r="L435" s="194"/>
      <c r="M435" s="194"/>
      <c r="N435" s="194"/>
    </row>
    <row r="436" spans="10:14" x14ac:dyDescent="0.2">
      <c r="J436" s="194"/>
      <c r="K436" s="194"/>
      <c r="L436" s="194"/>
      <c r="M436" s="194"/>
      <c r="N436" s="194"/>
    </row>
    <row r="437" spans="10:14" x14ac:dyDescent="0.2">
      <c r="J437" s="194"/>
      <c r="K437" s="194"/>
      <c r="L437" s="194"/>
      <c r="M437" s="194"/>
      <c r="N437" s="194"/>
    </row>
    <row r="438" spans="10:14" x14ac:dyDescent="0.2">
      <c r="J438" s="194"/>
      <c r="K438" s="194"/>
      <c r="L438" s="194"/>
      <c r="M438" s="194"/>
      <c r="N438" s="194"/>
    </row>
    <row r="439" spans="10:14" x14ac:dyDescent="0.2">
      <c r="J439" s="194"/>
      <c r="K439" s="194"/>
      <c r="L439" s="194"/>
      <c r="M439" s="194"/>
      <c r="N439" s="194"/>
    </row>
    <row r="440" spans="10:14" x14ac:dyDescent="0.2">
      <c r="J440" s="194"/>
      <c r="K440" s="194"/>
      <c r="L440" s="194"/>
      <c r="M440" s="194"/>
      <c r="N440" s="194"/>
    </row>
    <row r="441" spans="10:14" x14ac:dyDescent="0.2">
      <c r="J441" s="194"/>
      <c r="K441" s="194"/>
      <c r="L441" s="194"/>
      <c r="M441" s="194"/>
      <c r="N441" s="194"/>
    </row>
    <row r="442" spans="10:14" x14ac:dyDescent="0.2">
      <c r="J442" s="194"/>
      <c r="K442" s="194"/>
      <c r="L442" s="194"/>
      <c r="M442" s="194"/>
      <c r="N442" s="194"/>
    </row>
    <row r="443" spans="10:14" x14ac:dyDescent="0.2">
      <c r="J443" s="194"/>
      <c r="K443" s="194"/>
      <c r="L443" s="194"/>
      <c r="M443" s="194"/>
      <c r="N443" s="194"/>
    </row>
    <row r="444" spans="10:14" x14ac:dyDescent="0.2">
      <c r="J444" s="194"/>
      <c r="K444" s="194"/>
      <c r="L444" s="194"/>
      <c r="M444" s="194"/>
      <c r="N444" s="194"/>
    </row>
    <row r="445" spans="10:14" x14ac:dyDescent="0.2">
      <c r="J445" s="194"/>
      <c r="K445" s="194"/>
      <c r="L445" s="194"/>
      <c r="M445" s="194"/>
      <c r="N445" s="194"/>
    </row>
    <row r="446" spans="10:14" x14ac:dyDescent="0.2">
      <c r="J446" s="194"/>
      <c r="K446" s="194"/>
      <c r="L446" s="194"/>
      <c r="M446" s="194"/>
      <c r="N446" s="194"/>
    </row>
    <row r="447" spans="10:14" x14ac:dyDescent="0.2">
      <c r="J447" s="194"/>
      <c r="K447" s="194"/>
      <c r="L447" s="194"/>
      <c r="M447" s="194"/>
      <c r="N447" s="194"/>
    </row>
    <row r="448" spans="10:14" x14ac:dyDescent="0.2">
      <c r="J448" s="194"/>
      <c r="K448" s="194"/>
      <c r="L448" s="194"/>
      <c r="M448" s="194"/>
      <c r="N448" s="194"/>
    </row>
    <row r="449" spans="10:14" x14ac:dyDescent="0.2">
      <c r="J449" s="194"/>
      <c r="K449" s="194"/>
      <c r="L449" s="194"/>
      <c r="M449" s="194"/>
      <c r="N449" s="194"/>
    </row>
    <row r="450" spans="10:14" x14ac:dyDescent="0.2">
      <c r="J450" s="194"/>
      <c r="K450" s="194"/>
      <c r="L450" s="194"/>
      <c r="M450" s="194"/>
      <c r="N450" s="194"/>
    </row>
    <row r="451" spans="10:14" x14ac:dyDescent="0.2">
      <c r="J451" s="194"/>
      <c r="K451" s="194"/>
      <c r="L451" s="194"/>
      <c r="M451" s="194"/>
      <c r="N451" s="194"/>
    </row>
    <row r="452" spans="10:14" x14ac:dyDescent="0.2">
      <c r="J452" s="194"/>
      <c r="K452" s="194"/>
      <c r="L452" s="194"/>
      <c r="M452" s="194"/>
      <c r="N452" s="194"/>
    </row>
    <row r="453" spans="10:14" x14ac:dyDescent="0.2">
      <c r="J453" s="194"/>
      <c r="K453" s="194"/>
      <c r="L453" s="194"/>
      <c r="M453" s="194"/>
      <c r="N453" s="194"/>
    </row>
    <row r="454" spans="10:14" x14ac:dyDescent="0.2">
      <c r="J454" s="194"/>
      <c r="K454" s="194"/>
      <c r="L454" s="194"/>
      <c r="M454" s="194"/>
      <c r="N454" s="194"/>
    </row>
    <row r="455" spans="10:14" x14ac:dyDescent="0.2">
      <c r="J455" s="194"/>
      <c r="K455" s="194"/>
      <c r="L455" s="194"/>
      <c r="M455" s="194"/>
      <c r="N455" s="194"/>
    </row>
    <row r="456" spans="10:14" x14ac:dyDescent="0.2">
      <c r="J456" s="194"/>
      <c r="K456" s="194"/>
      <c r="L456" s="194"/>
      <c r="M456" s="194"/>
      <c r="N456" s="194"/>
    </row>
    <row r="457" spans="10:14" x14ac:dyDescent="0.2">
      <c r="J457" s="194"/>
      <c r="K457" s="194"/>
      <c r="L457" s="194"/>
      <c r="M457" s="194"/>
      <c r="N457" s="194"/>
    </row>
    <row r="458" spans="10:14" x14ac:dyDescent="0.2">
      <c r="J458" s="194"/>
      <c r="K458" s="194"/>
      <c r="L458" s="194"/>
      <c r="M458" s="194"/>
      <c r="N458" s="194"/>
    </row>
    <row r="459" spans="10:14" x14ac:dyDescent="0.2">
      <c r="J459" s="194"/>
      <c r="K459" s="194"/>
      <c r="L459" s="194"/>
      <c r="M459" s="194"/>
      <c r="N459" s="194"/>
    </row>
    <row r="460" spans="10:14" x14ac:dyDescent="0.2">
      <c r="J460" s="194"/>
      <c r="K460" s="194"/>
      <c r="L460" s="194"/>
      <c r="M460" s="194"/>
      <c r="N460" s="194"/>
    </row>
    <row r="461" spans="10:14" x14ac:dyDescent="0.2">
      <c r="J461" s="194"/>
      <c r="K461" s="194"/>
      <c r="L461" s="194"/>
      <c r="M461" s="194"/>
      <c r="N461" s="194"/>
    </row>
    <row r="462" spans="10:14" x14ac:dyDescent="0.2">
      <c r="J462" s="194"/>
      <c r="K462" s="194"/>
      <c r="L462" s="194"/>
      <c r="M462" s="194"/>
      <c r="N462" s="194"/>
    </row>
    <row r="463" spans="10:14" x14ac:dyDescent="0.2">
      <c r="J463" s="194"/>
      <c r="K463" s="194"/>
      <c r="L463" s="194"/>
      <c r="M463" s="194"/>
      <c r="N463" s="194"/>
    </row>
    <row r="464" spans="10:14" x14ac:dyDescent="0.2">
      <c r="J464" s="194"/>
      <c r="K464" s="194"/>
      <c r="L464" s="194"/>
      <c r="M464" s="194"/>
      <c r="N464" s="194"/>
    </row>
    <row r="465" spans="10:14" x14ac:dyDescent="0.2">
      <c r="J465" s="194"/>
      <c r="K465" s="194"/>
      <c r="L465" s="194"/>
      <c r="M465" s="194"/>
      <c r="N465" s="194"/>
    </row>
    <row r="466" spans="10:14" x14ac:dyDescent="0.2">
      <c r="J466" s="194"/>
      <c r="K466" s="194"/>
      <c r="L466" s="194"/>
      <c r="M466" s="194"/>
      <c r="N466" s="194"/>
    </row>
    <row r="467" spans="10:14" x14ac:dyDescent="0.2">
      <c r="J467" s="194"/>
      <c r="K467" s="194"/>
      <c r="L467" s="194"/>
      <c r="M467" s="194"/>
      <c r="N467" s="194"/>
    </row>
    <row r="468" spans="10:14" x14ac:dyDescent="0.2">
      <c r="J468" s="194"/>
      <c r="K468" s="194"/>
      <c r="L468" s="194"/>
      <c r="M468" s="194"/>
      <c r="N468" s="194"/>
    </row>
    <row r="469" spans="10:14" x14ac:dyDescent="0.2">
      <c r="J469" s="194"/>
      <c r="K469" s="194"/>
      <c r="L469" s="194"/>
      <c r="M469" s="194"/>
      <c r="N469" s="194"/>
    </row>
    <row r="470" spans="10:14" x14ac:dyDescent="0.2">
      <c r="J470" s="194"/>
      <c r="K470" s="194"/>
      <c r="L470" s="194"/>
      <c r="M470" s="194"/>
      <c r="N470" s="194"/>
    </row>
    <row r="471" spans="10:14" x14ac:dyDescent="0.2">
      <c r="J471" s="194"/>
      <c r="K471" s="194"/>
      <c r="L471" s="194"/>
      <c r="M471" s="194"/>
      <c r="N471" s="194"/>
    </row>
    <row r="472" spans="10:14" x14ac:dyDescent="0.2">
      <c r="J472" s="194"/>
      <c r="K472" s="194"/>
      <c r="L472" s="194"/>
      <c r="M472" s="194"/>
      <c r="N472" s="194"/>
    </row>
    <row r="473" spans="10:14" x14ac:dyDescent="0.2">
      <c r="J473" s="194"/>
      <c r="K473" s="194"/>
      <c r="L473" s="194"/>
      <c r="M473" s="194"/>
      <c r="N473" s="194"/>
    </row>
    <row r="474" spans="10:14" x14ac:dyDescent="0.2">
      <c r="J474" s="194"/>
      <c r="K474" s="194"/>
      <c r="L474" s="194"/>
      <c r="M474" s="194"/>
      <c r="N474" s="194"/>
    </row>
    <row r="475" spans="10:14" x14ac:dyDescent="0.2">
      <c r="J475" s="194"/>
      <c r="K475" s="194"/>
      <c r="L475" s="194"/>
      <c r="M475" s="194"/>
      <c r="N475" s="194"/>
    </row>
    <row r="476" spans="10:14" x14ac:dyDescent="0.2">
      <c r="J476" s="194"/>
      <c r="K476" s="194"/>
      <c r="L476" s="194"/>
      <c r="M476" s="194"/>
      <c r="N476" s="194"/>
    </row>
    <row r="477" spans="10:14" x14ac:dyDescent="0.2">
      <c r="J477" s="194"/>
      <c r="K477" s="194"/>
      <c r="L477" s="194"/>
      <c r="M477" s="194"/>
      <c r="N477" s="194"/>
    </row>
    <row r="478" spans="10:14" x14ac:dyDescent="0.2">
      <c r="J478" s="194"/>
      <c r="K478" s="194"/>
      <c r="L478" s="194"/>
      <c r="M478" s="194"/>
      <c r="N478" s="194"/>
    </row>
    <row r="479" spans="10:14" x14ac:dyDescent="0.2">
      <c r="J479" s="194"/>
      <c r="K479" s="194"/>
      <c r="L479" s="194"/>
      <c r="M479" s="194"/>
      <c r="N479" s="194"/>
    </row>
    <row r="480" spans="10:14" x14ac:dyDescent="0.2">
      <c r="J480" s="194"/>
      <c r="K480" s="194"/>
      <c r="L480" s="194"/>
      <c r="M480" s="194"/>
      <c r="N480" s="194"/>
    </row>
    <row r="481" spans="10:14" x14ac:dyDescent="0.2">
      <c r="J481" s="194"/>
      <c r="K481" s="194"/>
      <c r="L481" s="194"/>
      <c r="M481" s="194"/>
      <c r="N481" s="194"/>
    </row>
    <row r="482" spans="10:14" x14ac:dyDescent="0.2">
      <c r="J482" s="194"/>
      <c r="K482" s="194"/>
      <c r="L482" s="194"/>
      <c r="M482" s="194"/>
      <c r="N482" s="194"/>
    </row>
    <row r="483" spans="10:14" x14ac:dyDescent="0.2">
      <c r="J483" s="194"/>
      <c r="K483" s="194"/>
      <c r="L483" s="194"/>
      <c r="M483" s="194"/>
      <c r="N483" s="194"/>
    </row>
    <row r="484" spans="10:14" x14ac:dyDescent="0.2">
      <c r="J484" s="194"/>
      <c r="K484" s="194"/>
      <c r="L484" s="194"/>
      <c r="M484" s="194"/>
      <c r="N484" s="194"/>
    </row>
    <row r="485" spans="10:14" x14ac:dyDescent="0.2">
      <c r="J485" s="194"/>
      <c r="K485" s="194"/>
      <c r="L485" s="194"/>
      <c r="M485" s="194"/>
      <c r="N485" s="194"/>
    </row>
    <row r="486" spans="10:14" x14ac:dyDescent="0.2">
      <c r="J486" s="194"/>
      <c r="K486" s="194"/>
      <c r="L486" s="194"/>
      <c r="M486" s="194"/>
      <c r="N486" s="194"/>
    </row>
    <row r="487" spans="10:14" x14ac:dyDescent="0.2">
      <c r="J487" s="194"/>
      <c r="K487" s="194"/>
      <c r="L487" s="194"/>
      <c r="M487" s="194"/>
      <c r="N487" s="194"/>
    </row>
    <row r="488" spans="10:14" x14ac:dyDescent="0.2">
      <c r="J488" s="194"/>
      <c r="K488" s="194"/>
      <c r="L488" s="194"/>
      <c r="M488" s="194"/>
      <c r="N488" s="194"/>
    </row>
    <row r="489" spans="10:14" x14ac:dyDescent="0.2">
      <c r="J489" s="194"/>
      <c r="K489" s="194"/>
      <c r="L489" s="194"/>
      <c r="M489" s="194"/>
      <c r="N489" s="194"/>
    </row>
    <row r="490" spans="10:14" x14ac:dyDescent="0.2">
      <c r="J490" s="194"/>
      <c r="K490" s="194"/>
      <c r="L490" s="194"/>
      <c r="M490" s="194"/>
      <c r="N490" s="194"/>
    </row>
    <row r="491" spans="10:14" x14ac:dyDescent="0.2">
      <c r="J491" s="194"/>
      <c r="K491" s="194"/>
      <c r="L491" s="194"/>
      <c r="M491" s="194"/>
      <c r="N491" s="194"/>
    </row>
    <row r="492" spans="10:14" x14ac:dyDescent="0.2">
      <c r="J492" s="194"/>
      <c r="K492" s="194"/>
      <c r="L492" s="194"/>
      <c r="M492" s="194"/>
      <c r="N492" s="194"/>
    </row>
    <row r="493" spans="10:14" x14ac:dyDescent="0.2">
      <c r="J493" s="194"/>
      <c r="K493" s="194"/>
      <c r="L493" s="194"/>
      <c r="M493" s="194"/>
      <c r="N493" s="194"/>
    </row>
    <row r="494" spans="10:14" x14ac:dyDescent="0.2">
      <c r="J494" s="194"/>
      <c r="K494" s="194"/>
      <c r="L494" s="194"/>
      <c r="M494" s="194"/>
      <c r="N494" s="194"/>
    </row>
    <row r="495" spans="10:14" x14ac:dyDescent="0.2">
      <c r="J495" s="194"/>
      <c r="K495" s="194"/>
      <c r="L495" s="194"/>
      <c r="M495" s="194"/>
      <c r="N495" s="194"/>
    </row>
    <row r="496" spans="10:14" x14ac:dyDescent="0.2">
      <c r="J496" s="194"/>
      <c r="K496" s="194"/>
      <c r="L496" s="194"/>
      <c r="M496" s="194"/>
      <c r="N496" s="194"/>
    </row>
    <row r="497" spans="10:14" x14ac:dyDescent="0.2">
      <c r="J497" s="194"/>
      <c r="K497" s="194"/>
      <c r="L497" s="194"/>
      <c r="M497" s="194"/>
      <c r="N497" s="194"/>
    </row>
    <row r="498" spans="10:14" x14ac:dyDescent="0.2">
      <c r="J498" s="194"/>
      <c r="K498" s="194"/>
      <c r="L498" s="194"/>
      <c r="M498" s="194"/>
      <c r="N498" s="194"/>
    </row>
    <row r="499" spans="10:14" x14ac:dyDescent="0.2">
      <c r="J499" s="194"/>
      <c r="K499" s="194"/>
      <c r="L499" s="194"/>
      <c r="M499" s="194"/>
      <c r="N499" s="194"/>
    </row>
    <row r="500" spans="10:14" x14ac:dyDescent="0.2">
      <c r="J500" s="194"/>
      <c r="K500" s="194"/>
      <c r="L500" s="194"/>
      <c r="M500" s="194"/>
      <c r="N500" s="194"/>
    </row>
    <row r="501" spans="10:14" x14ac:dyDescent="0.2">
      <c r="J501" s="194"/>
      <c r="K501" s="194"/>
      <c r="L501" s="194"/>
      <c r="M501" s="194"/>
      <c r="N501" s="194"/>
    </row>
    <row r="502" spans="10:14" x14ac:dyDescent="0.2">
      <c r="J502" s="194"/>
      <c r="K502" s="194"/>
      <c r="L502" s="194"/>
      <c r="M502" s="194"/>
      <c r="N502" s="194"/>
    </row>
    <row r="503" spans="10:14" x14ac:dyDescent="0.2">
      <c r="J503" s="194"/>
      <c r="K503" s="194"/>
      <c r="L503" s="194"/>
      <c r="M503" s="194"/>
      <c r="N503" s="194"/>
    </row>
    <row r="504" spans="10:14" x14ac:dyDescent="0.2">
      <c r="J504" s="194"/>
      <c r="K504" s="194"/>
      <c r="L504" s="194"/>
      <c r="M504" s="194"/>
      <c r="N504" s="194"/>
    </row>
    <row r="505" spans="10:14" x14ac:dyDescent="0.2">
      <c r="J505" s="194"/>
      <c r="K505" s="194"/>
      <c r="L505" s="194"/>
      <c r="M505" s="194"/>
      <c r="N505" s="194"/>
    </row>
    <row r="506" spans="10:14" x14ac:dyDescent="0.2">
      <c r="J506" s="194"/>
      <c r="K506" s="194"/>
      <c r="L506" s="194"/>
      <c r="M506" s="194"/>
      <c r="N506" s="194"/>
    </row>
    <row r="507" spans="10:14" x14ac:dyDescent="0.2">
      <c r="J507" s="194"/>
      <c r="K507" s="194"/>
      <c r="L507" s="194"/>
      <c r="M507" s="194"/>
      <c r="N507" s="194"/>
    </row>
    <row r="508" spans="10:14" x14ac:dyDescent="0.2">
      <c r="J508" s="194"/>
      <c r="K508" s="194"/>
      <c r="L508" s="194"/>
      <c r="M508" s="194"/>
      <c r="N508" s="194"/>
    </row>
    <row r="509" spans="10:14" x14ac:dyDescent="0.2">
      <c r="J509" s="194"/>
      <c r="K509" s="194"/>
      <c r="L509" s="194"/>
      <c r="M509" s="194"/>
      <c r="N509" s="194"/>
    </row>
    <row r="510" spans="10:14" x14ac:dyDescent="0.2">
      <c r="J510" s="194"/>
      <c r="K510" s="194"/>
      <c r="L510" s="194"/>
      <c r="M510" s="194"/>
      <c r="N510" s="194"/>
    </row>
    <row r="511" spans="10:14" x14ac:dyDescent="0.2">
      <c r="J511" s="194"/>
      <c r="K511" s="194"/>
      <c r="L511" s="194"/>
      <c r="M511" s="194"/>
      <c r="N511" s="194"/>
    </row>
    <row r="512" spans="10:14" x14ac:dyDescent="0.2">
      <c r="J512" s="194"/>
      <c r="K512" s="194"/>
      <c r="L512" s="194"/>
      <c r="M512" s="194"/>
      <c r="N512" s="194"/>
    </row>
    <row r="513" spans="10:14" x14ac:dyDescent="0.2">
      <c r="J513" s="194"/>
      <c r="K513" s="194"/>
      <c r="L513" s="194"/>
      <c r="M513" s="194"/>
      <c r="N513" s="194"/>
    </row>
    <row r="514" spans="10:14" x14ac:dyDescent="0.2">
      <c r="J514" s="194"/>
      <c r="K514" s="194"/>
      <c r="L514" s="194"/>
      <c r="M514" s="194"/>
      <c r="N514" s="194"/>
    </row>
    <row r="515" spans="10:14" x14ac:dyDescent="0.2">
      <c r="J515" s="194"/>
      <c r="K515" s="194"/>
      <c r="L515" s="194"/>
      <c r="M515" s="194"/>
      <c r="N515" s="194"/>
    </row>
    <row r="516" spans="10:14" x14ac:dyDescent="0.2">
      <c r="J516" s="194"/>
      <c r="K516" s="194"/>
      <c r="L516" s="194"/>
      <c r="M516" s="194"/>
      <c r="N516" s="194"/>
    </row>
    <row r="517" spans="10:14" x14ac:dyDescent="0.2">
      <c r="J517" s="194"/>
      <c r="K517" s="194"/>
      <c r="L517" s="194"/>
      <c r="M517" s="194"/>
      <c r="N517" s="194"/>
    </row>
    <row r="518" spans="10:14" x14ac:dyDescent="0.2">
      <c r="J518" s="194"/>
      <c r="K518" s="194"/>
      <c r="L518" s="194"/>
      <c r="M518" s="194"/>
      <c r="N518" s="194"/>
    </row>
    <row r="519" spans="10:14" x14ac:dyDescent="0.2">
      <c r="J519" s="194"/>
      <c r="K519" s="194"/>
      <c r="L519" s="194"/>
      <c r="M519" s="194"/>
      <c r="N519" s="194"/>
    </row>
    <row r="520" spans="10:14" x14ac:dyDescent="0.2">
      <c r="J520" s="194"/>
      <c r="K520" s="194"/>
      <c r="L520" s="194"/>
      <c r="M520" s="194"/>
      <c r="N520" s="194"/>
    </row>
    <row r="521" spans="10:14" x14ac:dyDescent="0.2">
      <c r="J521" s="194"/>
      <c r="K521" s="194"/>
      <c r="L521" s="194"/>
      <c r="M521" s="194"/>
      <c r="N521" s="194"/>
    </row>
    <row r="522" spans="10:14" x14ac:dyDescent="0.2">
      <c r="J522" s="194"/>
      <c r="K522" s="194"/>
      <c r="L522" s="194"/>
      <c r="M522" s="194"/>
      <c r="N522" s="194"/>
    </row>
    <row r="523" spans="10:14" x14ac:dyDescent="0.2">
      <c r="J523" s="194"/>
      <c r="K523" s="194"/>
      <c r="L523" s="194"/>
      <c r="M523" s="194"/>
      <c r="N523" s="194"/>
    </row>
    <row r="524" spans="10:14" x14ac:dyDescent="0.2">
      <c r="J524" s="194"/>
      <c r="K524" s="194"/>
      <c r="L524" s="194"/>
      <c r="M524" s="194"/>
      <c r="N524" s="194"/>
    </row>
    <row r="525" spans="10:14" x14ac:dyDescent="0.2">
      <c r="J525" s="194"/>
      <c r="K525" s="194"/>
      <c r="L525" s="194"/>
      <c r="M525" s="194"/>
      <c r="N525" s="194"/>
    </row>
    <row r="526" spans="10:14" x14ac:dyDescent="0.2">
      <c r="J526" s="194"/>
      <c r="K526" s="194"/>
      <c r="L526" s="194"/>
      <c r="M526" s="194"/>
      <c r="N526" s="194"/>
    </row>
    <row r="527" spans="10:14" x14ac:dyDescent="0.2">
      <c r="J527" s="194"/>
      <c r="K527" s="194"/>
      <c r="L527" s="194"/>
      <c r="M527" s="194"/>
      <c r="N527" s="194"/>
    </row>
    <row r="528" spans="10:14" x14ac:dyDescent="0.2">
      <c r="J528" s="194"/>
      <c r="K528" s="194"/>
      <c r="L528" s="194"/>
      <c r="M528" s="194"/>
      <c r="N528" s="194"/>
    </row>
    <row r="529" spans="10:14" x14ac:dyDescent="0.2">
      <c r="J529" s="194"/>
      <c r="K529" s="194"/>
      <c r="L529" s="194"/>
      <c r="M529" s="194"/>
      <c r="N529" s="194"/>
    </row>
    <row r="530" spans="10:14" x14ac:dyDescent="0.2">
      <c r="J530" s="194"/>
      <c r="K530" s="194"/>
      <c r="L530" s="194"/>
      <c r="M530" s="194"/>
      <c r="N530" s="194"/>
    </row>
    <row r="531" spans="10:14" x14ac:dyDescent="0.2">
      <c r="J531" s="194"/>
      <c r="K531" s="194"/>
      <c r="L531" s="194"/>
      <c r="M531" s="194"/>
      <c r="N531" s="194"/>
    </row>
    <row r="532" spans="10:14" x14ac:dyDescent="0.2">
      <c r="J532" s="194"/>
      <c r="K532" s="194"/>
      <c r="L532" s="194"/>
      <c r="M532" s="194"/>
      <c r="N532" s="194"/>
    </row>
    <row r="533" spans="10:14" x14ac:dyDescent="0.2">
      <c r="J533" s="194"/>
      <c r="K533" s="194"/>
      <c r="L533" s="194"/>
      <c r="M533" s="194"/>
      <c r="N533" s="194"/>
    </row>
    <row r="534" spans="10:14" x14ac:dyDescent="0.2">
      <c r="J534" s="194"/>
      <c r="K534" s="194"/>
      <c r="L534" s="194"/>
      <c r="M534" s="194"/>
      <c r="N534" s="194"/>
    </row>
    <row r="535" spans="10:14" x14ac:dyDescent="0.2">
      <c r="J535" s="194"/>
      <c r="K535" s="194"/>
      <c r="L535" s="194"/>
      <c r="M535" s="194"/>
      <c r="N535" s="194"/>
    </row>
    <row r="536" spans="10:14" x14ac:dyDescent="0.2">
      <c r="J536" s="194"/>
      <c r="K536" s="194"/>
      <c r="L536" s="194"/>
      <c r="M536" s="194"/>
      <c r="N536" s="194"/>
    </row>
    <row r="537" spans="10:14" x14ac:dyDescent="0.2">
      <c r="J537" s="194"/>
      <c r="K537" s="194"/>
      <c r="L537" s="194"/>
      <c r="M537" s="194"/>
      <c r="N537" s="194"/>
    </row>
    <row r="538" spans="10:14" x14ac:dyDescent="0.2">
      <c r="J538" s="194"/>
      <c r="K538" s="194"/>
      <c r="L538" s="194"/>
      <c r="M538" s="194"/>
      <c r="N538" s="194"/>
    </row>
    <row r="539" spans="10:14" x14ac:dyDescent="0.2">
      <c r="J539" s="194"/>
      <c r="K539" s="194"/>
      <c r="L539" s="194"/>
      <c r="M539" s="194"/>
      <c r="N539" s="194"/>
    </row>
    <row r="540" spans="10:14" x14ac:dyDescent="0.2">
      <c r="J540" s="194"/>
      <c r="K540" s="194"/>
      <c r="L540" s="194"/>
      <c r="M540" s="194"/>
      <c r="N540" s="194"/>
    </row>
    <row r="541" spans="10:14" x14ac:dyDescent="0.2">
      <c r="J541" s="194"/>
      <c r="K541" s="194"/>
      <c r="L541" s="194"/>
      <c r="M541" s="194"/>
      <c r="N541" s="194"/>
    </row>
    <row r="542" spans="10:14" x14ac:dyDescent="0.2">
      <c r="J542" s="194"/>
      <c r="K542" s="194"/>
      <c r="L542" s="194"/>
      <c r="M542" s="194"/>
      <c r="N542" s="194"/>
    </row>
    <row r="543" spans="10:14" x14ac:dyDescent="0.2">
      <c r="J543" s="194"/>
      <c r="K543" s="194"/>
      <c r="L543" s="194"/>
      <c r="M543" s="194"/>
      <c r="N543" s="194"/>
    </row>
    <row r="544" spans="10:14" x14ac:dyDescent="0.2">
      <c r="J544" s="194"/>
      <c r="K544" s="194"/>
      <c r="L544" s="194"/>
      <c r="M544" s="194"/>
      <c r="N544" s="194"/>
    </row>
    <row r="545" spans="10:14" x14ac:dyDescent="0.2">
      <c r="J545" s="194"/>
      <c r="K545" s="194"/>
      <c r="L545" s="194"/>
      <c r="M545" s="194"/>
      <c r="N545" s="194"/>
    </row>
    <row r="546" spans="10:14" x14ac:dyDescent="0.2">
      <c r="J546" s="194"/>
      <c r="K546" s="194"/>
      <c r="L546" s="194"/>
      <c r="M546" s="194"/>
      <c r="N546" s="194"/>
    </row>
    <row r="547" spans="10:14" x14ac:dyDescent="0.2">
      <c r="J547" s="194"/>
      <c r="K547" s="194"/>
      <c r="L547" s="194"/>
      <c r="M547" s="194"/>
      <c r="N547" s="194"/>
    </row>
    <row r="548" spans="10:14" x14ac:dyDescent="0.2">
      <c r="J548" s="194"/>
      <c r="K548" s="194"/>
      <c r="L548" s="194"/>
      <c r="M548" s="194"/>
      <c r="N548" s="194"/>
    </row>
    <row r="549" spans="10:14" x14ac:dyDescent="0.2">
      <c r="J549" s="194"/>
      <c r="K549" s="194"/>
      <c r="L549" s="194"/>
      <c r="M549" s="194"/>
      <c r="N549" s="194"/>
    </row>
    <row r="550" spans="10:14" x14ac:dyDescent="0.2">
      <c r="J550" s="194"/>
      <c r="K550" s="194"/>
      <c r="L550" s="194"/>
      <c r="M550" s="194"/>
      <c r="N550" s="194"/>
    </row>
    <row r="551" spans="10:14" x14ac:dyDescent="0.2">
      <c r="J551" s="194"/>
      <c r="K551" s="194"/>
      <c r="L551" s="194"/>
      <c r="M551" s="194"/>
      <c r="N551" s="194"/>
    </row>
    <row r="552" spans="10:14" x14ac:dyDescent="0.2">
      <c r="J552" s="194"/>
      <c r="K552" s="194"/>
      <c r="L552" s="194"/>
      <c r="M552" s="194"/>
      <c r="N552" s="194"/>
    </row>
    <row r="553" spans="10:14" x14ac:dyDescent="0.2">
      <c r="J553" s="194"/>
      <c r="K553" s="194"/>
      <c r="L553" s="194"/>
      <c r="M553" s="194"/>
      <c r="N553" s="194"/>
    </row>
    <row r="554" spans="10:14" x14ac:dyDescent="0.2">
      <c r="J554" s="194"/>
      <c r="K554" s="194"/>
      <c r="L554" s="194"/>
      <c r="M554" s="194"/>
      <c r="N554" s="194"/>
    </row>
    <row r="555" spans="10:14" x14ac:dyDescent="0.2">
      <c r="J555" s="194"/>
      <c r="K555" s="194"/>
      <c r="L555" s="194"/>
      <c r="M555" s="194"/>
      <c r="N555" s="194"/>
    </row>
    <row r="556" spans="10:14" x14ac:dyDescent="0.2">
      <c r="J556" s="194"/>
      <c r="K556" s="194"/>
      <c r="L556" s="194"/>
      <c r="M556" s="194"/>
      <c r="N556" s="194"/>
    </row>
    <row r="557" spans="10:14" x14ac:dyDescent="0.2">
      <c r="J557" s="194"/>
      <c r="K557" s="194"/>
      <c r="L557" s="194"/>
      <c r="M557" s="194"/>
      <c r="N557" s="194"/>
    </row>
    <row r="558" spans="10:14" x14ac:dyDescent="0.2">
      <c r="J558" s="194"/>
      <c r="K558" s="194"/>
      <c r="L558" s="194"/>
      <c r="M558" s="194"/>
      <c r="N558" s="194"/>
    </row>
    <row r="559" spans="10:14" x14ac:dyDescent="0.2">
      <c r="J559" s="194"/>
      <c r="K559" s="194"/>
      <c r="L559" s="194"/>
      <c r="M559" s="194"/>
      <c r="N559" s="194"/>
    </row>
    <row r="560" spans="10:14" x14ac:dyDescent="0.2">
      <c r="J560" s="194"/>
      <c r="K560" s="194"/>
      <c r="L560" s="194"/>
      <c r="M560" s="194"/>
      <c r="N560" s="194"/>
    </row>
    <row r="561" spans="10:14" x14ac:dyDescent="0.2">
      <c r="J561" s="194"/>
      <c r="K561" s="194"/>
      <c r="L561" s="194"/>
      <c r="M561" s="194"/>
      <c r="N561" s="194"/>
    </row>
    <row r="562" spans="10:14" x14ac:dyDescent="0.2">
      <c r="J562" s="194"/>
      <c r="K562" s="194"/>
      <c r="L562" s="194"/>
      <c r="M562" s="194"/>
      <c r="N562" s="194"/>
    </row>
    <row r="563" spans="10:14" x14ac:dyDescent="0.2">
      <c r="J563" s="194"/>
      <c r="K563" s="194"/>
      <c r="L563" s="194"/>
      <c r="M563" s="194"/>
      <c r="N563" s="194"/>
    </row>
    <row r="564" spans="10:14" x14ac:dyDescent="0.2">
      <c r="J564" s="194"/>
      <c r="K564" s="194"/>
      <c r="L564" s="194"/>
      <c r="M564" s="194"/>
      <c r="N564" s="194"/>
    </row>
    <row r="565" spans="10:14" x14ac:dyDescent="0.2">
      <c r="J565" s="194"/>
      <c r="K565" s="194"/>
      <c r="L565" s="194"/>
      <c r="M565" s="194"/>
      <c r="N565" s="194"/>
    </row>
    <row r="566" spans="10:14" x14ac:dyDescent="0.2">
      <c r="J566" s="194"/>
      <c r="K566" s="194"/>
      <c r="L566" s="194"/>
      <c r="M566" s="194"/>
      <c r="N566" s="194"/>
    </row>
    <row r="567" spans="10:14" x14ac:dyDescent="0.2">
      <c r="J567" s="194"/>
      <c r="K567" s="194"/>
      <c r="L567" s="194"/>
      <c r="M567" s="194"/>
      <c r="N567" s="194"/>
    </row>
    <row r="568" spans="10:14" x14ac:dyDescent="0.2">
      <c r="J568" s="194"/>
      <c r="K568" s="194"/>
      <c r="L568" s="194"/>
      <c r="M568" s="194"/>
      <c r="N568" s="194"/>
    </row>
    <row r="569" spans="10:14" x14ac:dyDescent="0.2">
      <c r="J569" s="194"/>
      <c r="K569" s="194"/>
      <c r="L569" s="194"/>
      <c r="M569" s="194"/>
      <c r="N569" s="194"/>
    </row>
    <row r="570" spans="10:14" x14ac:dyDescent="0.2">
      <c r="J570" s="194"/>
      <c r="K570" s="194"/>
      <c r="L570" s="194"/>
      <c r="M570" s="194"/>
      <c r="N570" s="194"/>
    </row>
    <row r="571" spans="10:14" x14ac:dyDescent="0.2">
      <c r="J571" s="194"/>
      <c r="K571" s="194"/>
      <c r="L571" s="194"/>
      <c r="M571" s="194"/>
      <c r="N571" s="194"/>
    </row>
    <row r="572" spans="10:14" x14ac:dyDescent="0.2">
      <c r="J572" s="194"/>
      <c r="K572" s="194"/>
      <c r="L572" s="194"/>
      <c r="M572" s="194"/>
      <c r="N572" s="194"/>
    </row>
    <row r="573" spans="10:14" x14ac:dyDescent="0.2">
      <c r="J573" s="194"/>
      <c r="K573" s="194"/>
      <c r="L573" s="194"/>
      <c r="M573" s="194"/>
      <c r="N573" s="194"/>
    </row>
    <row r="574" spans="10:14" x14ac:dyDescent="0.2">
      <c r="J574" s="194"/>
      <c r="K574" s="194"/>
      <c r="L574" s="194"/>
      <c r="M574" s="194"/>
      <c r="N574" s="194"/>
    </row>
    <row r="575" spans="10:14" x14ac:dyDescent="0.2">
      <c r="J575" s="194"/>
      <c r="K575" s="194"/>
      <c r="L575" s="194"/>
      <c r="M575" s="194"/>
      <c r="N575" s="194"/>
    </row>
    <row r="576" spans="10:14" x14ac:dyDescent="0.2">
      <c r="J576" s="194"/>
      <c r="K576" s="194"/>
      <c r="L576" s="194"/>
      <c r="M576" s="194"/>
      <c r="N576" s="194"/>
    </row>
    <row r="577" spans="10:14" x14ac:dyDescent="0.2">
      <c r="J577" s="194"/>
      <c r="K577" s="194"/>
      <c r="L577" s="194"/>
      <c r="M577" s="194"/>
      <c r="N577" s="194"/>
    </row>
    <row r="578" spans="10:14" x14ac:dyDescent="0.2">
      <c r="J578" s="194"/>
      <c r="K578" s="194"/>
      <c r="L578" s="194"/>
      <c r="M578" s="194"/>
      <c r="N578" s="194"/>
    </row>
    <row r="579" spans="10:14" x14ac:dyDescent="0.2">
      <c r="J579" s="194"/>
      <c r="K579" s="194"/>
      <c r="L579" s="194"/>
      <c r="M579" s="194"/>
      <c r="N579" s="194"/>
    </row>
    <row r="580" spans="10:14" x14ac:dyDescent="0.2">
      <c r="J580" s="194"/>
      <c r="K580" s="194"/>
      <c r="L580" s="194"/>
      <c r="M580" s="194"/>
      <c r="N580" s="194"/>
    </row>
    <row r="581" spans="10:14" x14ac:dyDescent="0.2">
      <c r="J581" s="194"/>
      <c r="K581" s="194"/>
      <c r="L581" s="194"/>
      <c r="M581" s="194"/>
      <c r="N581" s="194"/>
    </row>
    <row r="582" spans="10:14" x14ac:dyDescent="0.2">
      <c r="J582" s="194"/>
      <c r="K582" s="194"/>
      <c r="L582" s="194"/>
      <c r="M582" s="194"/>
      <c r="N582" s="194"/>
    </row>
    <row r="583" spans="10:14" x14ac:dyDescent="0.2">
      <c r="J583" s="194"/>
      <c r="K583" s="194"/>
      <c r="L583" s="194"/>
      <c r="M583" s="194"/>
      <c r="N583" s="194"/>
    </row>
    <row r="584" spans="10:14" x14ac:dyDescent="0.2">
      <c r="J584" s="194"/>
      <c r="K584" s="194"/>
      <c r="L584" s="194"/>
      <c r="M584" s="194"/>
      <c r="N584" s="194"/>
    </row>
    <row r="585" spans="10:14" x14ac:dyDescent="0.2">
      <c r="J585" s="194"/>
      <c r="K585" s="194"/>
      <c r="L585" s="194"/>
      <c r="M585" s="194"/>
      <c r="N585" s="194"/>
    </row>
    <row r="586" spans="10:14" x14ac:dyDescent="0.2">
      <c r="J586" s="194"/>
      <c r="K586" s="194"/>
      <c r="L586" s="194"/>
      <c r="M586" s="194"/>
      <c r="N586" s="194"/>
    </row>
    <row r="587" spans="10:14" x14ac:dyDescent="0.2">
      <c r="J587" s="194"/>
      <c r="K587" s="194"/>
      <c r="L587" s="194"/>
      <c r="M587" s="194"/>
      <c r="N587" s="194"/>
    </row>
    <row r="588" spans="10:14" x14ac:dyDescent="0.2">
      <c r="J588" s="194"/>
      <c r="K588" s="194"/>
      <c r="L588" s="194"/>
      <c r="M588" s="194"/>
      <c r="N588" s="194"/>
    </row>
    <row r="589" spans="10:14" x14ac:dyDescent="0.2">
      <c r="J589" s="194"/>
      <c r="K589" s="194"/>
      <c r="L589" s="194"/>
      <c r="M589" s="194"/>
      <c r="N589" s="194"/>
    </row>
    <row r="590" spans="10:14" x14ac:dyDescent="0.2">
      <c r="J590" s="194"/>
      <c r="K590" s="194"/>
      <c r="L590" s="194"/>
      <c r="M590" s="194"/>
      <c r="N590" s="194"/>
    </row>
    <row r="591" spans="10:14" x14ac:dyDescent="0.2">
      <c r="J591" s="194"/>
      <c r="K591" s="194"/>
      <c r="L591" s="194"/>
      <c r="M591" s="194"/>
      <c r="N591" s="194"/>
    </row>
    <row r="592" spans="10:14" x14ac:dyDescent="0.2">
      <c r="J592" s="194"/>
      <c r="K592" s="194"/>
      <c r="L592" s="194"/>
      <c r="M592" s="194"/>
      <c r="N592" s="194"/>
    </row>
    <row r="593" spans="10:14" x14ac:dyDescent="0.2">
      <c r="J593" s="194"/>
      <c r="K593" s="194"/>
      <c r="L593" s="194"/>
      <c r="M593" s="194"/>
      <c r="N593" s="194"/>
    </row>
    <row r="594" spans="10:14" x14ac:dyDescent="0.2">
      <c r="J594" s="194"/>
      <c r="K594" s="194"/>
      <c r="L594" s="194"/>
      <c r="M594" s="194"/>
      <c r="N594" s="194"/>
    </row>
    <row r="595" spans="10:14" x14ac:dyDescent="0.2">
      <c r="J595" s="194"/>
      <c r="K595" s="194"/>
      <c r="L595" s="194"/>
      <c r="M595" s="194"/>
      <c r="N595" s="194"/>
    </row>
    <row r="596" spans="10:14" x14ac:dyDescent="0.2">
      <c r="J596" s="194"/>
      <c r="K596" s="194"/>
      <c r="L596" s="194"/>
      <c r="M596" s="194"/>
      <c r="N596" s="194"/>
    </row>
    <row r="597" spans="10:14" x14ac:dyDescent="0.2">
      <c r="J597" s="194"/>
      <c r="K597" s="194"/>
      <c r="L597" s="194"/>
      <c r="M597" s="194"/>
      <c r="N597" s="194"/>
    </row>
    <row r="598" spans="10:14" x14ac:dyDescent="0.2">
      <c r="J598" s="194"/>
      <c r="K598" s="194"/>
      <c r="L598" s="194"/>
      <c r="M598" s="194"/>
      <c r="N598" s="194"/>
    </row>
    <row r="599" spans="10:14" x14ac:dyDescent="0.2">
      <c r="J599" s="194"/>
      <c r="K599" s="194"/>
      <c r="L599" s="194"/>
      <c r="M599" s="194"/>
      <c r="N599" s="194"/>
    </row>
    <row r="600" spans="10:14" x14ac:dyDescent="0.2">
      <c r="J600" s="194"/>
      <c r="K600" s="194"/>
      <c r="L600" s="194"/>
      <c r="M600" s="194"/>
      <c r="N600" s="194"/>
    </row>
    <row r="601" spans="10:14" x14ac:dyDescent="0.2">
      <c r="J601" s="194"/>
      <c r="K601" s="194"/>
      <c r="L601" s="194"/>
      <c r="M601" s="194"/>
      <c r="N601" s="194"/>
    </row>
    <row r="602" spans="10:14" x14ac:dyDescent="0.2">
      <c r="J602" s="194"/>
      <c r="K602" s="194"/>
      <c r="L602" s="194"/>
      <c r="M602" s="194"/>
      <c r="N602" s="194"/>
    </row>
    <row r="603" spans="10:14" x14ac:dyDescent="0.2">
      <c r="J603" s="194"/>
      <c r="K603" s="194"/>
      <c r="L603" s="194"/>
      <c r="M603" s="194"/>
      <c r="N603" s="194"/>
    </row>
    <row r="604" spans="10:14" x14ac:dyDescent="0.2">
      <c r="J604" s="194"/>
      <c r="K604" s="194"/>
      <c r="L604" s="194"/>
      <c r="M604" s="194"/>
      <c r="N604" s="194"/>
    </row>
    <row r="605" spans="10:14" x14ac:dyDescent="0.2">
      <c r="J605" s="194"/>
      <c r="K605" s="194"/>
      <c r="L605" s="194"/>
      <c r="M605" s="194"/>
      <c r="N605" s="194"/>
    </row>
    <row r="606" spans="10:14" x14ac:dyDescent="0.2">
      <c r="J606" s="194"/>
      <c r="K606" s="194"/>
      <c r="L606" s="194"/>
      <c r="M606" s="194"/>
      <c r="N606" s="194"/>
    </row>
    <row r="607" spans="10:14" x14ac:dyDescent="0.2">
      <c r="J607" s="194"/>
      <c r="K607" s="194"/>
      <c r="L607" s="194"/>
      <c r="M607" s="194"/>
      <c r="N607" s="194"/>
    </row>
    <row r="608" spans="10:14" x14ac:dyDescent="0.2">
      <c r="J608" s="194"/>
      <c r="K608" s="194"/>
      <c r="L608" s="194"/>
      <c r="M608" s="194"/>
      <c r="N608" s="194"/>
    </row>
    <row r="609" spans="10:14" x14ac:dyDescent="0.2">
      <c r="J609" s="194"/>
      <c r="K609" s="194"/>
      <c r="L609" s="194"/>
      <c r="M609" s="194"/>
      <c r="N609" s="194"/>
    </row>
    <row r="610" spans="10:14" x14ac:dyDescent="0.2">
      <c r="J610" s="194"/>
      <c r="K610" s="194"/>
      <c r="L610" s="194"/>
      <c r="M610" s="194"/>
      <c r="N610" s="194"/>
    </row>
    <row r="611" spans="10:14" x14ac:dyDescent="0.2">
      <c r="J611" s="194"/>
      <c r="K611" s="194"/>
      <c r="L611" s="194"/>
      <c r="M611" s="194"/>
      <c r="N611" s="194"/>
    </row>
    <row r="612" spans="10:14" x14ac:dyDescent="0.2">
      <c r="J612" s="194"/>
      <c r="K612" s="194"/>
      <c r="L612" s="194"/>
      <c r="M612" s="194"/>
      <c r="N612" s="194"/>
    </row>
    <row r="613" spans="10:14" x14ac:dyDescent="0.2">
      <c r="J613" s="194"/>
      <c r="K613" s="194"/>
      <c r="L613" s="194"/>
      <c r="M613" s="194"/>
      <c r="N613" s="194"/>
    </row>
    <row r="614" spans="10:14" x14ac:dyDescent="0.2">
      <c r="J614" s="194"/>
      <c r="K614" s="194"/>
      <c r="L614" s="194"/>
      <c r="M614" s="194"/>
      <c r="N614" s="194"/>
    </row>
    <row r="615" spans="10:14" x14ac:dyDescent="0.2">
      <c r="J615" s="194"/>
      <c r="K615" s="194"/>
      <c r="L615" s="194"/>
      <c r="M615" s="194"/>
      <c r="N615" s="194"/>
    </row>
    <row r="616" spans="10:14" x14ac:dyDescent="0.2">
      <c r="J616" s="194"/>
      <c r="K616" s="194"/>
      <c r="L616" s="194"/>
      <c r="M616" s="194"/>
      <c r="N616" s="194"/>
    </row>
    <row r="617" spans="10:14" x14ac:dyDescent="0.2">
      <c r="J617" s="194"/>
      <c r="K617" s="194"/>
      <c r="L617" s="194"/>
      <c r="M617" s="194"/>
      <c r="N617" s="194"/>
    </row>
    <row r="618" spans="10:14" x14ac:dyDescent="0.2">
      <c r="J618" s="194"/>
      <c r="K618" s="194"/>
      <c r="L618" s="194"/>
      <c r="M618" s="194"/>
      <c r="N618" s="194"/>
    </row>
    <row r="619" spans="10:14" x14ac:dyDescent="0.2">
      <c r="J619" s="194"/>
      <c r="K619" s="194"/>
      <c r="L619" s="194"/>
      <c r="M619" s="194"/>
      <c r="N619" s="194"/>
    </row>
    <row r="620" spans="10:14" x14ac:dyDescent="0.2">
      <c r="J620" s="194"/>
      <c r="K620" s="194"/>
      <c r="L620" s="194"/>
      <c r="M620" s="194"/>
      <c r="N620" s="194"/>
    </row>
    <row r="621" spans="10:14" x14ac:dyDescent="0.2">
      <c r="J621" s="194"/>
      <c r="K621" s="194"/>
      <c r="L621" s="194"/>
      <c r="M621" s="194"/>
      <c r="N621" s="194"/>
    </row>
    <row r="622" spans="10:14" x14ac:dyDescent="0.2">
      <c r="J622" s="194"/>
      <c r="K622" s="194"/>
      <c r="L622" s="194"/>
      <c r="M622" s="194"/>
      <c r="N622" s="194"/>
    </row>
    <row r="623" spans="10:14" x14ac:dyDescent="0.2">
      <c r="J623" s="194"/>
      <c r="K623" s="194"/>
      <c r="L623" s="194"/>
      <c r="M623" s="194"/>
      <c r="N623" s="194"/>
    </row>
    <row r="624" spans="10:14" x14ac:dyDescent="0.2">
      <c r="J624" s="194"/>
      <c r="K624" s="194"/>
      <c r="L624" s="194"/>
      <c r="M624" s="194"/>
      <c r="N624" s="194"/>
    </row>
    <row r="625" spans="10:14" x14ac:dyDescent="0.2">
      <c r="J625" s="194"/>
      <c r="K625" s="194"/>
      <c r="L625" s="194"/>
      <c r="M625" s="194"/>
      <c r="N625" s="194"/>
    </row>
    <row r="626" spans="10:14" x14ac:dyDescent="0.2">
      <c r="J626" s="194"/>
      <c r="K626" s="194"/>
      <c r="L626" s="194"/>
      <c r="M626" s="194"/>
      <c r="N626" s="194"/>
    </row>
    <row r="627" spans="10:14" x14ac:dyDescent="0.2">
      <c r="J627" s="194"/>
      <c r="K627" s="194"/>
      <c r="L627" s="194"/>
      <c r="M627" s="194"/>
      <c r="N627" s="194"/>
    </row>
    <row r="628" spans="10:14" x14ac:dyDescent="0.2">
      <c r="J628" s="194"/>
      <c r="K628" s="194"/>
      <c r="L628" s="194"/>
      <c r="M628" s="194"/>
      <c r="N628" s="194"/>
    </row>
    <row r="629" spans="10:14" x14ac:dyDescent="0.2">
      <c r="J629" s="194"/>
      <c r="K629" s="194"/>
      <c r="L629" s="194"/>
      <c r="M629" s="194"/>
      <c r="N629" s="194"/>
    </row>
    <row r="630" spans="10:14" x14ac:dyDescent="0.2">
      <c r="J630" s="194"/>
      <c r="K630" s="194"/>
      <c r="L630" s="194"/>
      <c r="M630" s="194"/>
      <c r="N630" s="194"/>
    </row>
    <row r="631" spans="10:14" x14ac:dyDescent="0.2">
      <c r="J631" s="194"/>
      <c r="K631" s="194"/>
      <c r="L631" s="194"/>
      <c r="M631" s="194"/>
      <c r="N631" s="194"/>
    </row>
    <row r="632" spans="10:14" x14ac:dyDescent="0.2">
      <c r="J632" s="194"/>
      <c r="K632" s="194"/>
      <c r="L632" s="194"/>
      <c r="M632" s="194"/>
      <c r="N632" s="194"/>
    </row>
    <row r="633" spans="10:14" x14ac:dyDescent="0.2">
      <c r="J633" s="194"/>
      <c r="K633" s="194"/>
      <c r="L633" s="194"/>
      <c r="M633" s="194"/>
      <c r="N633" s="194"/>
    </row>
    <row r="634" spans="10:14" x14ac:dyDescent="0.2">
      <c r="J634" s="194"/>
      <c r="K634" s="194"/>
      <c r="L634" s="194"/>
      <c r="M634" s="194"/>
      <c r="N634" s="194"/>
    </row>
    <row r="635" spans="10:14" x14ac:dyDescent="0.2">
      <c r="J635" s="194"/>
      <c r="K635" s="194"/>
      <c r="L635" s="194"/>
      <c r="M635" s="194"/>
      <c r="N635" s="194"/>
    </row>
    <row r="636" spans="10:14" x14ac:dyDescent="0.2">
      <c r="J636" s="194"/>
      <c r="K636" s="194"/>
      <c r="L636" s="194"/>
      <c r="M636" s="194"/>
      <c r="N636" s="194"/>
    </row>
    <row r="637" spans="10:14" x14ac:dyDescent="0.2">
      <c r="J637" s="194"/>
      <c r="K637" s="194"/>
      <c r="L637" s="194"/>
      <c r="M637" s="194"/>
      <c r="N637" s="194"/>
    </row>
    <row r="638" spans="10:14" x14ac:dyDescent="0.2">
      <c r="J638" s="194"/>
      <c r="K638" s="194"/>
      <c r="L638" s="194"/>
      <c r="M638" s="194"/>
      <c r="N638" s="194"/>
    </row>
    <row r="639" spans="10:14" x14ac:dyDescent="0.2">
      <c r="J639" s="194"/>
      <c r="K639" s="194"/>
      <c r="L639" s="194"/>
      <c r="M639" s="194"/>
      <c r="N639" s="194"/>
    </row>
    <row r="640" spans="10:14" x14ac:dyDescent="0.2">
      <c r="J640" s="194"/>
      <c r="K640" s="194"/>
      <c r="L640" s="194"/>
      <c r="M640" s="194"/>
      <c r="N640" s="194"/>
    </row>
    <row r="641" spans="10:14" x14ac:dyDescent="0.2">
      <c r="J641" s="194"/>
      <c r="K641" s="194"/>
      <c r="L641" s="194"/>
      <c r="M641" s="194"/>
      <c r="N641" s="194"/>
    </row>
    <row r="642" spans="10:14" x14ac:dyDescent="0.2">
      <c r="J642" s="194"/>
      <c r="K642" s="194"/>
      <c r="L642" s="194"/>
      <c r="M642" s="194"/>
      <c r="N642" s="194"/>
    </row>
    <row r="643" spans="10:14" x14ac:dyDescent="0.2">
      <c r="J643" s="194"/>
      <c r="K643" s="194"/>
      <c r="L643" s="194"/>
      <c r="M643" s="194"/>
      <c r="N643" s="194"/>
    </row>
    <row r="644" spans="10:14" x14ac:dyDescent="0.2">
      <c r="J644" s="194"/>
      <c r="K644" s="194"/>
      <c r="L644" s="194"/>
      <c r="M644" s="194"/>
      <c r="N644" s="194"/>
    </row>
    <row r="645" spans="10:14" x14ac:dyDescent="0.2">
      <c r="J645" s="194"/>
      <c r="K645" s="194"/>
      <c r="L645" s="194"/>
      <c r="M645" s="194"/>
      <c r="N645" s="194"/>
    </row>
    <row r="646" spans="10:14" x14ac:dyDescent="0.2">
      <c r="J646" s="194"/>
      <c r="K646" s="194"/>
      <c r="L646" s="194"/>
      <c r="M646" s="194"/>
      <c r="N646" s="194"/>
    </row>
    <row r="647" spans="10:14" x14ac:dyDescent="0.2">
      <c r="J647" s="194"/>
      <c r="K647" s="194"/>
      <c r="L647" s="194"/>
      <c r="M647" s="194"/>
      <c r="N647" s="194"/>
    </row>
    <row r="648" spans="10:14" x14ac:dyDescent="0.2">
      <c r="J648" s="194"/>
      <c r="K648" s="194"/>
      <c r="L648" s="194"/>
      <c r="M648" s="194"/>
      <c r="N648" s="194"/>
    </row>
    <row r="649" spans="10:14" x14ac:dyDescent="0.2">
      <c r="J649" s="194"/>
      <c r="K649" s="194"/>
      <c r="L649" s="194"/>
      <c r="M649" s="194"/>
      <c r="N649" s="194"/>
    </row>
    <row r="650" spans="10:14" x14ac:dyDescent="0.2">
      <c r="J650" s="194"/>
      <c r="K650" s="194"/>
      <c r="L650" s="194"/>
      <c r="M650" s="194"/>
      <c r="N650" s="194"/>
    </row>
    <row r="651" spans="10:14" x14ac:dyDescent="0.2">
      <c r="J651" s="194"/>
      <c r="K651" s="194"/>
      <c r="L651" s="194"/>
      <c r="M651" s="194"/>
      <c r="N651" s="194"/>
    </row>
    <row r="652" spans="10:14" x14ac:dyDescent="0.2">
      <c r="J652" s="194"/>
      <c r="K652" s="194"/>
      <c r="L652" s="194"/>
      <c r="M652" s="194"/>
      <c r="N652" s="194"/>
    </row>
    <row r="653" spans="10:14" x14ac:dyDescent="0.2">
      <c r="J653" s="194"/>
      <c r="K653" s="194"/>
      <c r="L653" s="194"/>
      <c r="M653" s="194"/>
      <c r="N653" s="194"/>
    </row>
    <row r="654" spans="10:14" x14ac:dyDescent="0.2">
      <c r="J654" s="194"/>
      <c r="K654" s="194"/>
      <c r="L654" s="194"/>
      <c r="M654" s="194"/>
      <c r="N654" s="194"/>
    </row>
    <row r="655" spans="10:14" x14ac:dyDescent="0.2">
      <c r="J655" s="194"/>
      <c r="K655" s="194"/>
      <c r="L655" s="194"/>
      <c r="M655" s="194"/>
      <c r="N655" s="194"/>
    </row>
    <row r="656" spans="10:14" x14ac:dyDescent="0.2">
      <c r="J656" s="194"/>
      <c r="K656" s="194"/>
      <c r="L656" s="194"/>
      <c r="M656" s="194"/>
      <c r="N656" s="194"/>
    </row>
    <row r="657" spans="10:14" x14ac:dyDescent="0.2">
      <c r="J657" s="194"/>
      <c r="K657" s="194"/>
      <c r="L657" s="194"/>
      <c r="M657" s="194"/>
      <c r="N657" s="194"/>
    </row>
    <row r="658" spans="10:14" x14ac:dyDescent="0.2">
      <c r="J658" s="194"/>
      <c r="K658" s="194"/>
      <c r="L658" s="194"/>
      <c r="M658" s="194"/>
      <c r="N658" s="194"/>
    </row>
    <row r="659" spans="10:14" x14ac:dyDescent="0.2">
      <c r="J659" s="194"/>
      <c r="K659" s="194"/>
      <c r="L659" s="194"/>
      <c r="M659" s="194"/>
      <c r="N659" s="194"/>
    </row>
    <row r="660" spans="10:14" x14ac:dyDescent="0.2">
      <c r="J660" s="194"/>
      <c r="K660" s="194"/>
      <c r="L660" s="194"/>
      <c r="M660" s="194"/>
      <c r="N660" s="194"/>
    </row>
    <row r="661" spans="10:14" x14ac:dyDescent="0.2">
      <c r="J661" s="194"/>
      <c r="K661" s="194"/>
      <c r="L661" s="194"/>
      <c r="M661" s="194"/>
      <c r="N661" s="194"/>
    </row>
    <row r="662" spans="10:14" x14ac:dyDescent="0.2">
      <c r="J662" s="194"/>
      <c r="K662" s="194"/>
      <c r="L662" s="194"/>
      <c r="M662" s="194"/>
      <c r="N662" s="194"/>
    </row>
    <row r="663" spans="10:14" x14ac:dyDescent="0.2">
      <c r="J663" s="194"/>
      <c r="K663" s="194"/>
      <c r="L663" s="194"/>
      <c r="M663" s="194"/>
      <c r="N663" s="194"/>
    </row>
    <row r="664" spans="10:14" x14ac:dyDescent="0.2">
      <c r="J664" s="194"/>
      <c r="K664" s="194"/>
      <c r="L664" s="194"/>
      <c r="M664" s="194"/>
      <c r="N664" s="194"/>
    </row>
    <row r="665" spans="10:14" x14ac:dyDescent="0.2">
      <c r="J665" s="194"/>
      <c r="K665" s="194"/>
      <c r="L665" s="194"/>
      <c r="M665" s="194"/>
      <c r="N665" s="194"/>
    </row>
    <row r="666" spans="10:14" x14ac:dyDescent="0.2">
      <c r="J666" s="194"/>
      <c r="K666" s="194"/>
      <c r="L666" s="194"/>
      <c r="M666" s="194"/>
      <c r="N666" s="194"/>
    </row>
    <row r="667" spans="10:14" x14ac:dyDescent="0.2">
      <c r="J667" s="194"/>
      <c r="K667" s="194"/>
      <c r="L667" s="194"/>
      <c r="M667" s="194"/>
      <c r="N667" s="194"/>
    </row>
    <row r="668" spans="10:14" x14ac:dyDescent="0.2">
      <c r="J668" s="194"/>
      <c r="K668" s="194"/>
      <c r="L668" s="194"/>
      <c r="M668" s="194"/>
      <c r="N668" s="194"/>
    </row>
    <row r="669" spans="10:14" x14ac:dyDescent="0.2">
      <c r="J669" s="194"/>
      <c r="K669" s="194"/>
      <c r="L669" s="194"/>
      <c r="M669" s="194"/>
      <c r="N669" s="194"/>
    </row>
    <row r="670" spans="10:14" x14ac:dyDescent="0.2">
      <c r="J670" s="194"/>
      <c r="K670" s="194"/>
      <c r="L670" s="194"/>
      <c r="M670" s="194"/>
      <c r="N670" s="194"/>
    </row>
    <row r="671" spans="10:14" x14ac:dyDescent="0.2">
      <c r="J671" s="194"/>
      <c r="K671" s="194"/>
      <c r="L671" s="194"/>
      <c r="M671" s="194"/>
      <c r="N671" s="194"/>
    </row>
    <row r="672" spans="10:14" x14ac:dyDescent="0.2">
      <c r="J672" s="194"/>
      <c r="K672" s="194"/>
      <c r="L672" s="194"/>
      <c r="M672" s="194"/>
      <c r="N672" s="194"/>
    </row>
    <row r="673" spans="10:14" x14ac:dyDescent="0.2">
      <c r="J673" s="194"/>
      <c r="K673" s="194"/>
      <c r="L673" s="194"/>
      <c r="M673" s="194"/>
      <c r="N673" s="194"/>
    </row>
    <row r="674" spans="10:14" x14ac:dyDescent="0.2">
      <c r="J674" s="194"/>
      <c r="K674" s="194"/>
      <c r="L674" s="194"/>
      <c r="M674" s="194"/>
      <c r="N674" s="194"/>
    </row>
    <row r="675" spans="10:14" x14ac:dyDescent="0.2">
      <c r="J675" s="194"/>
      <c r="K675" s="194"/>
      <c r="L675" s="194"/>
      <c r="M675" s="194"/>
      <c r="N675" s="194"/>
    </row>
    <row r="676" spans="10:14" x14ac:dyDescent="0.2">
      <c r="J676" s="194"/>
      <c r="K676" s="194"/>
      <c r="L676" s="194"/>
      <c r="M676" s="194"/>
      <c r="N676" s="194"/>
    </row>
    <row r="677" spans="10:14" x14ac:dyDescent="0.2">
      <c r="J677" s="194"/>
      <c r="K677" s="194"/>
      <c r="L677" s="194"/>
      <c r="M677" s="194"/>
      <c r="N677" s="194"/>
    </row>
    <row r="678" spans="10:14" x14ac:dyDescent="0.2">
      <c r="J678" s="194"/>
      <c r="K678" s="194"/>
      <c r="L678" s="194"/>
      <c r="M678" s="194"/>
      <c r="N678" s="194"/>
    </row>
    <row r="679" spans="10:14" x14ac:dyDescent="0.2">
      <c r="J679" s="194"/>
      <c r="K679" s="194"/>
      <c r="L679" s="194"/>
      <c r="M679" s="194"/>
      <c r="N679" s="194"/>
    </row>
    <row r="680" spans="10:14" x14ac:dyDescent="0.2">
      <c r="J680" s="194"/>
      <c r="K680" s="194"/>
      <c r="L680" s="194"/>
      <c r="M680" s="194"/>
      <c r="N680" s="194"/>
    </row>
    <row r="681" spans="10:14" x14ac:dyDescent="0.2">
      <c r="J681" s="194"/>
      <c r="K681" s="194"/>
      <c r="L681" s="194"/>
      <c r="M681" s="194"/>
      <c r="N681" s="194"/>
    </row>
    <row r="682" spans="10:14" x14ac:dyDescent="0.2">
      <c r="J682" s="194"/>
      <c r="K682" s="194"/>
      <c r="L682" s="194"/>
      <c r="M682" s="194"/>
      <c r="N682" s="194"/>
    </row>
    <row r="683" spans="10:14" x14ac:dyDescent="0.2">
      <c r="J683" s="194"/>
      <c r="K683" s="194"/>
      <c r="L683" s="194"/>
      <c r="M683" s="194"/>
      <c r="N683" s="194"/>
    </row>
    <row r="684" spans="10:14" x14ac:dyDescent="0.2">
      <c r="J684" s="194"/>
      <c r="K684" s="194"/>
      <c r="L684" s="194"/>
      <c r="M684" s="194"/>
      <c r="N684" s="194"/>
    </row>
    <row r="685" spans="10:14" x14ac:dyDescent="0.2">
      <c r="J685" s="194"/>
      <c r="K685" s="194"/>
      <c r="L685" s="194"/>
      <c r="M685" s="194"/>
      <c r="N685" s="194"/>
    </row>
    <row r="686" spans="10:14" x14ac:dyDescent="0.2">
      <c r="J686" s="194"/>
      <c r="K686" s="194"/>
      <c r="L686" s="194"/>
      <c r="M686" s="194"/>
      <c r="N686" s="194"/>
    </row>
    <row r="687" spans="10:14" x14ac:dyDescent="0.2">
      <c r="J687" s="194"/>
      <c r="K687" s="194"/>
      <c r="L687" s="194"/>
      <c r="M687" s="194"/>
      <c r="N687" s="194"/>
    </row>
    <row r="688" spans="10:14" x14ac:dyDescent="0.2">
      <c r="J688" s="194"/>
      <c r="K688" s="194"/>
      <c r="L688" s="194"/>
      <c r="M688" s="194"/>
      <c r="N688" s="194"/>
    </row>
    <row r="689" spans="10:14" x14ac:dyDescent="0.2">
      <c r="J689" s="194"/>
      <c r="K689" s="194"/>
      <c r="L689" s="194"/>
      <c r="M689" s="194"/>
      <c r="N689" s="194"/>
    </row>
    <row r="690" spans="10:14" x14ac:dyDescent="0.2">
      <c r="J690" s="194"/>
      <c r="K690" s="194"/>
      <c r="L690" s="194"/>
      <c r="M690" s="194"/>
      <c r="N690" s="194"/>
    </row>
    <row r="691" spans="10:14" x14ac:dyDescent="0.2">
      <c r="J691" s="194"/>
      <c r="K691" s="194"/>
      <c r="L691" s="194"/>
      <c r="M691" s="194"/>
      <c r="N691" s="194"/>
    </row>
    <row r="692" spans="10:14" x14ac:dyDescent="0.2">
      <c r="J692" s="194"/>
      <c r="K692" s="194"/>
      <c r="L692" s="194"/>
      <c r="M692" s="194"/>
      <c r="N692" s="194"/>
    </row>
    <row r="693" spans="10:14" x14ac:dyDescent="0.2">
      <c r="J693" s="194"/>
      <c r="K693" s="194"/>
      <c r="L693" s="194"/>
      <c r="M693" s="194"/>
      <c r="N693" s="194"/>
    </row>
    <row r="694" spans="10:14" x14ac:dyDescent="0.2">
      <c r="J694" s="194"/>
      <c r="K694" s="194"/>
      <c r="L694" s="194"/>
      <c r="M694" s="194"/>
      <c r="N694" s="194"/>
    </row>
    <row r="695" spans="10:14" x14ac:dyDescent="0.2">
      <c r="J695" s="194"/>
      <c r="K695" s="194"/>
      <c r="L695" s="194"/>
      <c r="M695" s="194"/>
      <c r="N695" s="194"/>
    </row>
    <row r="696" spans="10:14" x14ac:dyDescent="0.2">
      <c r="J696" s="194"/>
      <c r="K696" s="194"/>
      <c r="L696" s="194"/>
      <c r="M696" s="194"/>
      <c r="N696" s="194"/>
    </row>
    <row r="697" spans="10:14" x14ac:dyDescent="0.2">
      <c r="J697" s="194"/>
      <c r="K697" s="194"/>
      <c r="L697" s="194"/>
      <c r="M697" s="194"/>
      <c r="N697" s="194"/>
    </row>
    <row r="698" spans="10:14" x14ac:dyDescent="0.2">
      <c r="J698" s="194"/>
      <c r="K698" s="194"/>
      <c r="L698" s="194"/>
      <c r="M698" s="194"/>
      <c r="N698" s="194"/>
    </row>
    <row r="699" spans="10:14" x14ac:dyDescent="0.2">
      <c r="J699" s="194"/>
      <c r="K699" s="194"/>
      <c r="L699" s="194"/>
      <c r="M699" s="194"/>
      <c r="N699" s="194"/>
    </row>
    <row r="700" spans="10:14" x14ac:dyDescent="0.2">
      <c r="J700" s="194"/>
      <c r="K700" s="194"/>
      <c r="L700" s="194"/>
      <c r="M700" s="194"/>
      <c r="N700" s="194"/>
    </row>
    <row r="701" spans="10:14" x14ac:dyDescent="0.2">
      <c r="J701" s="194"/>
      <c r="K701" s="194"/>
      <c r="L701" s="194"/>
      <c r="M701" s="194"/>
      <c r="N701" s="194"/>
    </row>
    <row r="702" spans="10:14" x14ac:dyDescent="0.2">
      <c r="J702" s="194"/>
      <c r="K702" s="194"/>
      <c r="L702" s="194"/>
      <c r="M702" s="194"/>
      <c r="N702" s="194"/>
    </row>
    <row r="703" spans="10:14" x14ac:dyDescent="0.2">
      <c r="J703" s="194"/>
      <c r="K703" s="194"/>
      <c r="L703" s="194"/>
      <c r="M703" s="194"/>
      <c r="N703" s="194"/>
    </row>
    <row r="704" spans="10:14" x14ac:dyDescent="0.2">
      <c r="J704" s="194"/>
      <c r="K704" s="194"/>
      <c r="L704" s="194"/>
      <c r="M704" s="194"/>
      <c r="N704" s="194"/>
    </row>
    <row r="705" spans="10:14" x14ac:dyDescent="0.2">
      <c r="J705" s="194"/>
      <c r="K705" s="194"/>
      <c r="L705" s="194"/>
      <c r="M705" s="194"/>
      <c r="N705" s="194"/>
    </row>
    <row r="706" spans="10:14" x14ac:dyDescent="0.2">
      <c r="J706" s="194"/>
      <c r="K706" s="194"/>
      <c r="L706" s="194"/>
      <c r="M706" s="194"/>
      <c r="N706" s="194"/>
    </row>
    <row r="707" spans="10:14" x14ac:dyDescent="0.2">
      <c r="J707" s="194"/>
      <c r="K707" s="194"/>
      <c r="L707" s="194"/>
      <c r="M707" s="194"/>
      <c r="N707" s="194"/>
    </row>
    <row r="708" spans="10:14" x14ac:dyDescent="0.2">
      <c r="J708" s="194"/>
      <c r="K708" s="194"/>
      <c r="L708" s="194"/>
      <c r="M708" s="194"/>
      <c r="N708" s="194"/>
    </row>
    <row r="709" spans="10:14" x14ac:dyDescent="0.2">
      <c r="J709" s="194"/>
      <c r="K709" s="194"/>
      <c r="L709" s="194"/>
      <c r="M709" s="194"/>
      <c r="N709" s="194"/>
    </row>
    <row r="710" spans="10:14" x14ac:dyDescent="0.2">
      <c r="J710" s="194"/>
      <c r="K710" s="194"/>
      <c r="L710" s="194"/>
      <c r="M710" s="194"/>
      <c r="N710" s="194"/>
    </row>
    <row r="711" spans="10:14" x14ac:dyDescent="0.2">
      <c r="J711" s="194"/>
      <c r="K711" s="194"/>
      <c r="L711" s="194"/>
      <c r="M711" s="194"/>
      <c r="N711" s="194"/>
    </row>
    <row r="712" spans="10:14" x14ac:dyDescent="0.2">
      <c r="J712" s="194"/>
      <c r="K712" s="194"/>
      <c r="L712" s="194"/>
      <c r="M712" s="194"/>
      <c r="N712" s="194"/>
    </row>
    <row r="713" spans="10:14" x14ac:dyDescent="0.2">
      <c r="J713" s="194"/>
      <c r="K713" s="194"/>
      <c r="L713" s="194"/>
      <c r="M713" s="194"/>
      <c r="N713" s="194"/>
    </row>
    <row r="714" spans="10:14" x14ac:dyDescent="0.2">
      <c r="J714" s="194"/>
      <c r="K714" s="194"/>
      <c r="L714" s="194"/>
      <c r="M714" s="194"/>
      <c r="N714" s="194"/>
    </row>
    <row r="715" spans="10:14" x14ac:dyDescent="0.2">
      <c r="J715" s="194"/>
      <c r="K715" s="194"/>
      <c r="L715" s="194"/>
      <c r="M715" s="194"/>
      <c r="N715" s="194"/>
    </row>
    <row r="716" spans="10:14" x14ac:dyDescent="0.2">
      <c r="J716" s="194"/>
      <c r="K716" s="194"/>
      <c r="L716" s="194"/>
      <c r="M716" s="194"/>
      <c r="N716" s="194"/>
    </row>
    <row r="717" spans="10:14" x14ac:dyDescent="0.2">
      <c r="J717" s="194"/>
      <c r="K717" s="194"/>
      <c r="L717" s="194"/>
      <c r="M717" s="194"/>
      <c r="N717" s="194"/>
    </row>
    <row r="718" spans="10:14" x14ac:dyDescent="0.2">
      <c r="J718" s="194"/>
      <c r="K718" s="194"/>
      <c r="L718" s="194"/>
      <c r="M718" s="194"/>
      <c r="N718" s="194"/>
    </row>
    <row r="719" spans="10:14" x14ac:dyDescent="0.2">
      <c r="J719" s="194"/>
      <c r="K719" s="194"/>
      <c r="L719" s="194"/>
      <c r="M719" s="194"/>
      <c r="N719" s="194"/>
    </row>
    <row r="720" spans="10:14" x14ac:dyDescent="0.2">
      <c r="J720" s="194"/>
      <c r="K720" s="194"/>
      <c r="L720" s="194"/>
      <c r="M720" s="194"/>
      <c r="N720" s="194"/>
    </row>
    <row r="721" spans="10:14" x14ac:dyDescent="0.2">
      <c r="J721" s="194"/>
      <c r="K721" s="194"/>
      <c r="L721" s="194"/>
      <c r="M721" s="194"/>
      <c r="N721" s="194"/>
    </row>
    <row r="722" spans="10:14" x14ac:dyDescent="0.2">
      <c r="J722" s="194"/>
      <c r="K722" s="194"/>
      <c r="L722" s="194"/>
      <c r="M722" s="194"/>
      <c r="N722" s="194"/>
    </row>
    <row r="723" spans="10:14" x14ac:dyDescent="0.2">
      <c r="J723" s="194"/>
      <c r="K723" s="194"/>
      <c r="L723" s="194"/>
      <c r="M723" s="194"/>
      <c r="N723" s="194"/>
    </row>
    <row r="724" spans="10:14" x14ac:dyDescent="0.2">
      <c r="J724" s="194"/>
      <c r="K724" s="194"/>
      <c r="L724" s="194"/>
      <c r="M724" s="194"/>
      <c r="N724" s="194"/>
    </row>
    <row r="725" spans="10:14" x14ac:dyDescent="0.2">
      <c r="J725" s="194"/>
      <c r="K725" s="194"/>
      <c r="L725" s="194"/>
      <c r="M725" s="194"/>
      <c r="N725" s="194"/>
    </row>
    <row r="726" spans="10:14" x14ac:dyDescent="0.2">
      <c r="J726" s="194"/>
      <c r="K726" s="194"/>
      <c r="L726" s="194"/>
      <c r="M726" s="194"/>
      <c r="N726" s="194"/>
    </row>
    <row r="727" spans="10:14" x14ac:dyDescent="0.2">
      <c r="J727" s="194"/>
      <c r="K727" s="194"/>
      <c r="L727" s="194"/>
      <c r="M727" s="194"/>
      <c r="N727" s="194"/>
    </row>
    <row r="728" spans="10:14" x14ac:dyDescent="0.2">
      <c r="J728" s="194"/>
      <c r="K728" s="194"/>
      <c r="L728" s="194"/>
      <c r="M728" s="194"/>
      <c r="N728" s="194"/>
    </row>
    <row r="729" spans="10:14" x14ac:dyDescent="0.2">
      <c r="J729" s="194"/>
      <c r="K729" s="194"/>
      <c r="L729" s="194"/>
      <c r="M729" s="194"/>
      <c r="N729" s="194"/>
    </row>
    <row r="730" spans="10:14" x14ac:dyDescent="0.2">
      <c r="J730" s="194"/>
      <c r="K730" s="194"/>
      <c r="L730" s="194"/>
      <c r="M730" s="194"/>
      <c r="N730" s="194"/>
    </row>
    <row r="731" spans="10:14" x14ac:dyDescent="0.2">
      <c r="J731" s="194"/>
      <c r="K731" s="194"/>
      <c r="L731" s="194"/>
      <c r="M731" s="194"/>
      <c r="N731" s="194"/>
    </row>
    <row r="732" spans="10:14" x14ac:dyDescent="0.2">
      <c r="J732" s="194"/>
      <c r="K732" s="194"/>
      <c r="L732" s="194"/>
      <c r="M732" s="194"/>
      <c r="N732" s="194"/>
    </row>
    <row r="733" spans="10:14" x14ac:dyDescent="0.2">
      <c r="J733" s="194"/>
      <c r="K733" s="194"/>
      <c r="L733" s="194"/>
      <c r="M733" s="194"/>
      <c r="N733" s="194"/>
    </row>
    <row r="734" spans="10:14" x14ac:dyDescent="0.2">
      <c r="J734" s="194"/>
      <c r="K734" s="194"/>
      <c r="L734" s="194"/>
      <c r="M734" s="194"/>
      <c r="N734" s="194"/>
    </row>
    <row r="735" spans="10:14" x14ac:dyDescent="0.2">
      <c r="J735" s="194"/>
      <c r="K735" s="194"/>
      <c r="L735" s="194"/>
      <c r="M735" s="194"/>
      <c r="N735" s="194"/>
    </row>
    <row r="736" spans="10:14" x14ac:dyDescent="0.2">
      <c r="J736" s="194"/>
      <c r="K736" s="194"/>
      <c r="L736" s="194"/>
      <c r="M736" s="194"/>
      <c r="N736" s="194"/>
    </row>
    <row r="737" spans="10:14" x14ac:dyDescent="0.2">
      <c r="J737" s="194"/>
      <c r="K737" s="194"/>
      <c r="L737" s="194"/>
      <c r="M737" s="194"/>
      <c r="N737" s="194"/>
    </row>
    <row r="738" spans="10:14" x14ac:dyDescent="0.2">
      <c r="J738" s="194"/>
      <c r="K738" s="194"/>
      <c r="L738" s="194"/>
      <c r="M738" s="194"/>
      <c r="N738" s="194"/>
    </row>
    <row r="739" spans="10:14" x14ac:dyDescent="0.2">
      <c r="J739" s="194"/>
      <c r="K739" s="194"/>
      <c r="L739" s="194"/>
      <c r="M739" s="194"/>
      <c r="N739" s="194"/>
    </row>
    <row r="740" spans="10:14" x14ac:dyDescent="0.2">
      <c r="J740" s="194"/>
      <c r="K740" s="194"/>
      <c r="L740" s="194"/>
      <c r="M740" s="194"/>
      <c r="N740" s="194"/>
    </row>
    <row r="741" spans="10:14" x14ac:dyDescent="0.2">
      <c r="J741" s="194"/>
      <c r="K741" s="194"/>
      <c r="L741" s="194"/>
      <c r="M741" s="194"/>
      <c r="N741" s="194"/>
    </row>
    <row r="742" spans="10:14" x14ac:dyDescent="0.2">
      <c r="J742" s="194"/>
      <c r="K742" s="194"/>
      <c r="L742" s="194"/>
      <c r="M742" s="194"/>
      <c r="N742" s="194"/>
    </row>
    <row r="743" spans="10:14" x14ac:dyDescent="0.2">
      <c r="J743" s="194"/>
      <c r="K743" s="194"/>
      <c r="L743" s="194"/>
      <c r="M743" s="194"/>
      <c r="N743" s="194"/>
    </row>
    <row r="744" spans="10:14" x14ac:dyDescent="0.2">
      <c r="J744" s="194"/>
      <c r="K744" s="194"/>
      <c r="L744" s="194"/>
      <c r="M744" s="194"/>
      <c r="N744" s="194"/>
    </row>
    <row r="745" spans="10:14" x14ac:dyDescent="0.2">
      <c r="J745" s="194"/>
      <c r="K745" s="194"/>
      <c r="L745" s="194"/>
      <c r="M745" s="194"/>
      <c r="N745" s="194"/>
    </row>
    <row r="746" spans="10:14" x14ac:dyDescent="0.2">
      <c r="J746" s="194"/>
      <c r="K746" s="194"/>
      <c r="L746" s="194"/>
      <c r="M746" s="194"/>
      <c r="N746" s="194"/>
    </row>
    <row r="747" spans="10:14" x14ac:dyDescent="0.2">
      <c r="J747" s="194"/>
      <c r="K747" s="194"/>
      <c r="L747" s="194"/>
      <c r="M747" s="194"/>
      <c r="N747" s="194"/>
    </row>
    <row r="748" spans="10:14" x14ac:dyDescent="0.2">
      <c r="J748" s="194"/>
      <c r="K748" s="194"/>
      <c r="L748" s="194"/>
      <c r="M748" s="194"/>
      <c r="N748" s="194"/>
    </row>
    <row r="749" spans="10:14" x14ac:dyDescent="0.2">
      <c r="J749" s="194"/>
      <c r="K749" s="194"/>
      <c r="L749" s="194"/>
      <c r="M749" s="194"/>
      <c r="N749" s="194"/>
    </row>
    <row r="750" spans="10:14" x14ac:dyDescent="0.2">
      <c r="J750" s="194"/>
      <c r="K750" s="194"/>
      <c r="L750" s="194"/>
      <c r="M750" s="194"/>
      <c r="N750" s="194"/>
    </row>
    <row r="751" spans="10:14" x14ac:dyDescent="0.2">
      <c r="J751" s="194"/>
      <c r="K751" s="194"/>
      <c r="L751" s="194"/>
      <c r="M751" s="194"/>
      <c r="N751" s="194"/>
    </row>
    <row r="752" spans="10:14" x14ac:dyDescent="0.2">
      <c r="J752" s="194"/>
      <c r="K752" s="194"/>
      <c r="L752" s="194"/>
      <c r="M752" s="194"/>
      <c r="N752" s="194"/>
    </row>
    <row r="753" spans="10:14" x14ac:dyDescent="0.2">
      <c r="J753" s="194"/>
      <c r="K753" s="194"/>
      <c r="L753" s="194"/>
      <c r="M753" s="194"/>
      <c r="N753" s="194"/>
    </row>
    <row r="754" spans="10:14" x14ac:dyDescent="0.2">
      <c r="J754" s="194"/>
      <c r="K754" s="194"/>
      <c r="L754" s="194"/>
      <c r="M754" s="194"/>
      <c r="N754" s="194"/>
    </row>
    <row r="755" spans="10:14" x14ac:dyDescent="0.2">
      <c r="J755" s="194"/>
      <c r="K755" s="194"/>
      <c r="L755" s="194"/>
      <c r="M755" s="194"/>
      <c r="N755" s="194"/>
    </row>
    <row r="756" spans="10:14" x14ac:dyDescent="0.2">
      <c r="J756" s="194"/>
      <c r="K756" s="194"/>
      <c r="L756" s="194"/>
      <c r="M756" s="194"/>
      <c r="N756" s="194"/>
    </row>
    <row r="757" spans="10:14" x14ac:dyDescent="0.2">
      <c r="J757" s="194"/>
      <c r="K757" s="194"/>
      <c r="L757" s="194"/>
      <c r="M757" s="194"/>
      <c r="N757" s="194"/>
    </row>
    <row r="758" spans="10:14" x14ac:dyDescent="0.2">
      <c r="J758" s="194"/>
      <c r="K758" s="194"/>
      <c r="L758" s="194"/>
      <c r="M758" s="194"/>
      <c r="N758" s="194"/>
    </row>
    <row r="759" spans="10:14" x14ac:dyDescent="0.2">
      <c r="J759" s="194"/>
      <c r="K759" s="194"/>
      <c r="L759" s="194"/>
      <c r="M759" s="194"/>
      <c r="N759" s="194"/>
    </row>
    <row r="760" spans="10:14" x14ac:dyDescent="0.2">
      <c r="J760" s="194"/>
      <c r="K760" s="194"/>
      <c r="L760" s="194"/>
      <c r="M760" s="194"/>
      <c r="N760" s="194"/>
    </row>
    <row r="761" spans="10:14" x14ac:dyDescent="0.2">
      <c r="J761" s="194"/>
      <c r="K761" s="194"/>
      <c r="L761" s="194"/>
      <c r="M761" s="194"/>
      <c r="N761" s="194"/>
    </row>
    <row r="762" spans="10:14" x14ac:dyDescent="0.2">
      <c r="J762" s="194"/>
      <c r="K762" s="194"/>
      <c r="L762" s="194"/>
      <c r="M762" s="194"/>
      <c r="N762" s="194"/>
    </row>
    <row r="763" spans="10:14" x14ac:dyDescent="0.2">
      <c r="J763" s="194"/>
      <c r="K763" s="194"/>
      <c r="L763" s="194"/>
      <c r="M763" s="194"/>
      <c r="N763" s="194"/>
    </row>
    <row r="764" spans="10:14" x14ac:dyDescent="0.2">
      <c r="J764" s="194"/>
      <c r="K764" s="194"/>
      <c r="L764" s="194"/>
      <c r="M764" s="194"/>
      <c r="N764" s="194"/>
    </row>
    <row r="765" spans="10:14" x14ac:dyDescent="0.2">
      <c r="J765" s="194"/>
      <c r="K765" s="194"/>
      <c r="L765" s="194"/>
      <c r="M765" s="194"/>
      <c r="N765" s="194"/>
    </row>
    <row r="766" spans="10:14" x14ac:dyDescent="0.2">
      <c r="J766" s="194"/>
      <c r="K766" s="194"/>
      <c r="L766" s="194"/>
      <c r="M766" s="194"/>
      <c r="N766" s="194"/>
    </row>
    <row r="767" spans="10:14" x14ac:dyDescent="0.2">
      <c r="J767" s="194"/>
      <c r="K767" s="194"/>
      <c r="L767" s="194"/>
      <c r="M767" s="194"/>
      <c r="N767" s="194"/>
    </row>
    <row r="768" spans="10:14" x14ac:dyDescent="0.2">
      <c r="J768" s="194"/>
      <c r="K768" s="194"/>
      <c r="L768" s="194"/>
      <c r="M768" s="194"/>
      <c r="N768" s="194"/>
    </row>
    <row r="769" spans="10:14" x14ac:dyDescent="0.2">
      <c r="J769" s="194"/>
      <c r="K769" s="194"/>
      <c r="L769" s="194"/>
      <c r="M769" s="194"/>
      <c r="N769" s="194"/>
    </row>
    <row r="770" spans="10:14" x14ac:dyDescent="0.2">
      <c r="J770" s="194"/>
      <c r="K770" s="194"/>
      <c r="L770" s="194"/>
      <c r="M770" s="194"/>
      <c r="N770" s="194"/>
    </row>
    <row r="771" spans="10:14" x14ac:dyDescent="0.2">
      <c r="J771" s="194"/>
      <c r="K771" s="194"/>
      <c r="L771" s="194"/>
      <c r="M771" s="194"/>
      <c r="N771" s="194"/>
    </row>
    <row r="772" spans="10:14" x14ac:dyDescent="0.2">
      <c r="J772" s="194"/>
      <c r="K772" s="194"/>
      <c r="L772" s="194"/>
      <c r="M772" s="194"/>
      <c r="N772" s="194"/>
    </row>
    <row r="773" spans="10:14" x14ac:dyDescent="0.2">
      <c r="J773" s="194"/>
      <c r="K773" s="194"/>
      <c r="L773" s="194"/>
      <c r="M773" s="194"/>
      <c r="N773" s="194"/>
    </row>
    <row r="774" spans="10:14" x14ac:dyDescent="0.2">
      <c r="J774" s="194"/>
      <c r="K774" s="194"/>
      <c r="L774" s="194"/>
      <c r="M774" s="194"/>
      <c r="N774" s="194"/>
    </row>
    <row r="775" spans="10:14" x14ac:dyDescent="0.2">
      <c r="J775" s="194"/>
      <c r="K775" s="194"/>
      <c r="L775" s="194"/>
      <c r="M775" s="194"/>
      <c r="N775" s="194"/>
    </row>
    <row r="776" spans="10:14" x14ac:dyDescent="0.2">
      <c r="J776" s="194"/>
      <c r="K776" s="194"/>
      <c r="L776" s="194"/>
      <c r="M776" s="194"/>
      <c r="N776" s="194"/>
    </row>
    <row r="777" spans="10:14" x14ac:dyDescent="0.2">
      <c r="J777" s="194"/>
      <c r="K777" s="194"/>
      <c r="L777" s="194"/>
      <c r="M777" s="194"/>
      <c r="N777" s="194"/>
    </row>
    <row r="778" spans="10:14" x14ac:dyDescent="0.2">
      <c r="J778" s="194"/>
      <c r="K778" s="194"/>
      <c r="L778" s="194"/>
      <c r="M778" s="194"/>
      <c r="N778" s="194"/>
    </row>
    <row r="779" spans="10:14" x14ac:dyDescent="0.2">
      <c r="J779" s="194"/>
      <c r="K779" s="194"/>
      <c r="L779" s="194"/>
      <c r="M779" s="194"/>
      <c r="N779" s="194"/>
    </row>
    <row r="780" spans="10:14" x14ac:dyDescent="0.2">
      <c r="J780" s="194"/>
      <c r="K780" s="194"/>
      <c r="L780" s="194"/>
      <c r="M780" s="194"/>
      <c r="N780" s="194"/>
    </row>
    <row r="781" spans="10:14" x14ac:dyDescent="0.2">
      <c r="J781" s="194"/>
      <c r="K781" s="194"/>
      <c r="L781" s="194"/>
      <c r="M781" s="194"/>
      <c r="N781" s="194"/>
    </row>
    <row r="782" spans="10:14" x14ac:dyDescent="0.2">
      <c r="J782" s="194"/>
      <c r="K782" s="194"/>
      <c r="L782" s="194"/>
      <c r="M782" s="194"/>
      <c r="N782" s="194"/>
    </row>
    <row r="783" spans="10:14" x14ac:dyDescent="0.2">
      <c r="J783" s="194"/>
      <c r="K783" s="194"/>
      <c r="L783" s="194"/>
      <c r="M783" s="194"/>
      <c r="N783" s="194"/>
    </row>
    <row r="784" spans="10:14" x14ac:dyDescent="0.2">
      <c r="J784" s="194"/>
      <c r="K784" s="194"/>
      <c r="L784" s="194"/>
      <c r="M784" s="194"/>
      <c r="N784" s="194"/>
    </row>
    <row r="785" spans="10:14" x14ac:dyDescent="0.2">
      <c r="J785" s="194"/>
      <c r="K785" s="194"/>
      <c r="L785" s="194"/>
      <c r="M785" s="194"/>
      <c r="N785" s="194"/>
    </row>
    <row r="786" spans="10:14" x14ac:dyDescent="0.2">
      <c r="J786" s="194"/>
      <c r="K786" s="194"/>
      <c r="L786" s="194"/>
      <c r="M786" s="194"/>
      <c r="N786" s="194"/>
    </row>
    <row r="787" spans="10:14" x14ac:dyDescent="0.2">
      <c r="J787" s="194"/>
      <c r="K787" s="194"/>
      <c r="L787" s="194"/>
      <c r="M787" s="194"/>
      <c r="N787" s="194"/>
    </row>
    <row r="788" spans="10:14" x14ac:dyDescent="0.2">
      <c r="J788" s="194"/>
      <c r="K788" s="194"/>
      <c r="L788" s="194"/>
      <c r="M788" s="194"/>
      <c r="N788" s="194"/>
    </row>
    <row r="789" spans="10:14" x14ac:dyDescent="0.2">
      <c r="J789" s="194"/>
      <c r="K789" s="194"/>
      <c r="L789" s="194"/>
      <c r="M789" s="194"/>
      <c r="N789" s="194"/>
    </row>
    <row r="790" spans="10:14" x14ac:dyDescent="0.2">
      <c r="J790" s="194"/>
      <c r="K790" s="194"/>
      <c r="L790" s="194"/>
      <c r="M790" s="194"/>
      <c r="N790" s="194"/>
    </row>
    <row r="791" spans="10:14" x14ac:dyDescent="0.2">
      <c r="J791" s="194"/>
      <c r="K791" s="194"/>
      <c r="L791" s="194"/>
      <c r="M791" s="194"/>
      <c r="N791" s="194"/>
    </row>
    <row r="792" spans="10:14" x14ac:dyDescent="0.2">
      <c r="J792" s="194"/>
      <c r="K792" s="194"/>
      <c r="L792" s="194"/>
      <c r="M792" s="194"/>
      <c r="N792" s="194"/>
    </row>
    <row r="793" spans="10:14" x14ac:dyDescent="0.2">
      <c r="J793" s="194"/>
      <c r="K793" s="194"/>
      <c r="L793" s="194"/>
      <c r="M793" s="194"/>
      <c r="N793" s="194"/>
    </row>
    <row r="794" spans="10:14" x14ac:dyDescent="0.2">
      <c r="J794" s="194"/>
      <c r="K794" s="194"/>
      <c r="L794" s="194"/>
      <c r="M794" s="194"/>
      <c r="N794" s="194"/>
    </row>
    <row r="795" spans="10:14" x14ac:dyDescent="0.2">
      <c r="J795" s="194"/>
      <c r="K795" s="194"/>
      <c r="L795" s="194"/>
      <c r="M795" s="194"/>
      <c r="N795" s="194"/>
    </row>
    <row r="796" spans="10:14" x14ac:dyDescent="0.2">
      <c r="J796" s="194"/>
      <c r="K796" s="194"/>
      <c r="L796" s="194"/>
      <c r="M796" s="194"/>
      <c r="N796" s="194"/>
    </row>
    <row r="797" spans="10:14" x14ac:dyDescent="0.2">
      <c r="J797" s="194"/>
      <c r="K797" s="194"/>
      <c r="L797" s="194"/>
      <c r="M797" s="194"/>
      <c r="N797" s="194"/>
    </row>
    <row r="798" spans="10:14" x14ac:dyDescent="0.2">
      <c r="J798" s="194"/>
      <c r="K798" s="194"/>
      <c r="L798" s="194"/>
      <c r="M798" s="194"/>
      <c r="N798" s="194"/>
    </row>
    <row r="799" spans="10:14" x14ac:dyDescent="0.2">
      <c r="J799" s="194"/>
      <c r="K799" s="194"/>
      <c r="L799" s="194"/>
      <c r="M799" s="194"/>
      <c r="N799" s="194"/>
    </row>
    <row r="800" spans="10:14" x14ac:dyDescent="0.2">
      <c r="J800" s="194"/>
      <c r="K800" s="194"/>
      <c r="L800" s="194"/>
      <c r="M800" s="194"/>
      <c r="N800" s="194"/>
    </row>
    <row r="801" spans="10:14" x14ac:dyDescent="0.2">
      <c r="J801" s="194"/>
      <c r="K801" s="194"/>
      <c r="L801" s="194"/>
      <c r="M801" s="194"/>
      <c r="N801" s="194"/>
    </row>
    <row r="802" spans="10:14" x14ac:dyDescent="0.2">
      <c r="J802" s="194"/>
      <c r="K802" s="194"/>
      <c r="L802" s="194"/>
      <c r="M802" s="194"/>
      <c r="N802" s="194"/>
    </row>
    <row r="803" spans="10:14" x14ac:dyDescent="0.2">
      <c r="J803" s="194"/>
      <c r="K803" s="194"/>
      <c r="L803" s="194"/>
      <c r="M803" s="194"/>
      <c r="N803" s="194"/>
    </row>
    <row r="804" spans="10:14" x14ac:dyDescent="0.2">
      <c r="J804" s="194"/>
      <c r="K804" s="194"/>
      <c r="L804" s="194"/>
      <c r="M804" s="194"/>
      <c r="N804" s="194"/>
    </row>
    <row r="805" spans="10:14" x14ac:dyDescent="0.2">
      <c r="J805" s="194"/>
      <c r="K805" s="194"/>
      <c r="L805" s="194"/>
      <c r="M805" s="194"/>
      <c r="N805" s="194"/>
    </row>
    <row r="806" spans="10:14" x14ac:dyDescent="0.2">
      <c r="J806" s="194"/>
      <c r="K806" s="194"/>
      <c r="L806" s="194"/>
      <c r="M806" s="194"/>
      <c r="N806" s="194"/>
    </row>
    <row r="807" spans="10:14" x14ac:dyDescent="0.2">
      <c r="J807" s="194"/>
      <c r="K807" s="194"/>
      <c r="L807" s="194"/>
      <c r="M807" s="194"/>
      <c r="N807" s="194"/>
    </row>
    <row r="808" spans="10:14" x14ac:dyDescent="0.2">
      <c r="J808" s="194"/>
      <c r="K808" s="194"/>
      <c r="L808" s="194"/>
      <c r="M808" s="194"/>
      <c r="N808" s="194"/>
    </row>
    <row r="809" spans="10:14" x14ac:dyDescent="0.2">
      <c r="J809" s="194"/>
      <c r="K809" s="194"/>
      <c r="L809" s="194"/>
      <c r="M809" s="194"/>
      <c r="N809" s="194"/>
    </row>
    <row r="810" spans="10:14" x14ac:dyDescent="0.2">
      <c r="J810" s="194"/>
      <c r="K810" s="194"/>
      <c r="L810" s="194"/>
      <c r="M810" s="194"/>
      <c r="N810" s="194"/>
    </row>
    <row r="811" spans="10:14" x14ac:dyDescent="0.2">
      <c r="J811" s="194"/>
      <c r="K811" s="194"/>
      <c r="L811" s="194"/>
      <c r="M811" s="194"/>
      <c r="N811" s="194"/>
    </row>
    <row r="812" spans="10:14" x14ac:dyDescent="0.2">
      <c r="J812" s="194"/>
      <c r="K812" s="194"/>
      <c r="L812" s="194"/>
      <c r="M812" s="194"/>
      <c r="N812" s="194"/>
    </row>
    <row r="813" spans="10:14" x14ac:dyDescent="0.2">
      <c r="J813" s="194"/>
      <c r="K813" s="194"/>
      <c r="L813" s="194"/>
      <c r="M813" s="194"/>
      <c r="N813" s="194"/>
    </row>
    <row r="814" spans="10:14" x14ac:dyDescent="0.2">
      <c r="J814" s="194"/>
      <c r="K814" s="194"/>
      <c r="L814" s="194"/>
      <c r="M814" s="194"/>
      <c r="N814" s="194"/>
    </row>
    <row r="815" spans="10:14" x14ac:dyDescent="0.2">
      <c r="J815" s="194"/>
      <c r="K815" s="194"/>
      <c r="L815" s="194"/>
      <c r="M815" s="194"/>
      <c r="N815" s="194"/>
    </row>
    <row r="816" spans="10:14" x14ac:dyDescent="0.2">
      <c r="J816" s="194"/>
      <c r="K816" s="194"/>
      <c r="L816" s="194"/>
      <c r="M816" s="194"/>
      <c r="N816" s="194"/>
    </row>
    <row r="817" spans="10:14" x14ac:dyDescent="0.2">
      <c r="J817" s="194"/>
      <c r="K817" s="194"/>
      <c r="L817" s="194"/>
      <c r="M817" s="194"/>
      <c r="N817" s="194"/>
    </row>
    <row r="818" spans="10:14" x14ac:dyDescent="0.2">
      <c r="J818" s="194"/>
      <c r="K818" s="194"/>
      <c r="L818" s="194"/>
      <c r="M818" s="194"/>
      <c r="N818" s="194"/>
    </row>
    <row r="819" spans="10:14" x14ac:dyDescent="0.2">
      <c r="J819" s="194"/>
      <c r="K819" s="194"/>
      <c r="L819" s="194"/>
      <c r="M819" s="194"/>
      <c r="N819" s="194"/>
    </row>
    <row r="820" spans="10:14" x14ac:dyDescent="0.2">
      <c r="J820" s="194"/>
      <c r="K820" s="194"/>
      <c r="L820" s="194"/>
      <c r="M820" s="194"/>
      <c r="N820" s="194"/>
    </row>
    <row r="821" spans="10:14" x14ac:dyDescent="0.2">
      <c r="J821" s="194"/>
      <c r="K821" s="194"/>
      <c r="L821" s="194"/>
      <c r="M821" s="194"/>
      <c r="N821" s="194"/>
    </row>
    <row r="822" spans="10:14" x14ac:dyDescent="0.2">
      <c r="J822" s="194"/>
      <c r="K822" s="194"/>
      <c r="L822" s="194"/>
      <c r="M822" s="194"/>
      <c r="N822" s="194"/>
    </row>
    <row r="823" spans="10:14" x14ac:dyDescent="0.2">
      <c r="J823" s="194"/>
      <c r="K823" s="194"/>
      <c r="L823" s="194"/>
      <c r="M823" s="194"/>
      <c r="N823" s="194"/>
    </row>
    <row r="824" spans="10:14" x14ac:dyDescent="0.2">
      <c r="J824" s="194"/>
      <c r="K824" s="194"/>
      <c r="L824" s="194"/>
      <c r="M824" s="194"/>
      <c r="N824" s="194"/>
    </row>
    <row r="825" spans="10:14" x14ac:dyDescent="0.2">
      <c r="J825" s="194"/>
      <c r="K825" s="194"/>
      <c r="L825" s="194"/>
      <c r="M825" s="194"/>
      <c r="N825" s="194"/>
    </row>
    <row r="826" spans="10:14" x14ac:dyDescent="0.2">
      <c r="J826" s="194"/>
      <c r="K826" s="194"/>
      <c r="L826" s="194"/>
      <c r="M826" s="194"/>
      <c r="N826" s="194"/>
    </row>
    <row r="827" spans="10:14" x14ac:dyDescent="0.2">
      <c r="J827" s="194"/>
      <c r="K827" s="194"/>
      <c r="L827" s="194"/>
      <c r="M827" s="194"/>
      <c r="N827" s="194"/>
    </row>
    <row r="828" spans="10:14" x14ac:dyDescent="0.2">
      <c r="J828" s="194"/>
      <c r="K828" s="194"/>
      <c r="L828" s="194"/>
      <c r="M828" s="194"/>
      <c r="N828" s="194"/>
    </row>
    <row r="829" spans="10:14" x14ac:dyDescent="0.2">
      <c r="J829" s="194"/>
      <c r="K829" s="194"/>
      <c r="L829" s="194"/>
      <c r="M829" s="194"/>
      <c r="N829" s="194"/>
    </row>
    <row r="830" spans="10:14" x14ac:dyDescent="0.2">
      <c r="J830" s="194"/>
      <c r="K830" s="194"/>
      <c r="L830" s="194"/>
      <c r="M830" s="194"/>
      <c r="N830" s="194"/>
    </row>
    <row r="831" spans="10:14" x14ac:dyDescent="0.2">
      <c r="J831" s="194"/>
      <c r="K831" s="194"/>
      <c r="L831" s="194"/>
      <c r="M831" s="194"/>
      <c r="N831" s="194"/>
    </row>
    <row r="832" spans="10:14" x14ac:dyDescent="0.2">
      <c r="J832" s="194"/>
      <c r="K832" s="194"/>
      <c r="L832" s="194"/>
      <c r="M832" s="194"/>
      <c r="N832" s="194"/>
    </row>
    <row r="833" spans="10:14" x14ac:dyDescent="0.2">
      <c r="J833" s="194"/>
      <c r="K833" s="194"/>
      <c r="L833" s="194"/>
      <c r="M833" s="194"/>
      <c r="N833" s="194"/>
    </row>
    <row r="834" spans="10:14" x14ac:dyDescent="0.2">
      <c r="J834" s="194"/>
      <c r="K834" s="194"/>
      <c r="L834" s="194"/>
      <c r="M834" s="194"/>
      <c r="N834" s="194"/>
    </row>
    <row r="835" spans="10:14" x14ac:dyDescent="0.2">
      <c r="J835" s="194"/>
      <c r="K835" s="194"/>
      <c r="L835" s="194"/>
      <c r="M835" s="194"/>
      <c r="N835" s="194"/>
    </row>
    <row r="836" spans="10:14" x14ac:dyDescent="0.2">
      <c r="J836" s="194"/>
      <c r="K836" s="194"/>
      <c r="L836" s="194"/>
      <c r="M836" s="194"/>
      <c r="N836" s="194"/>
    </row>
    <row r="837" spans="10:14" x14ac:dyDescent="0.2">
      <c r="J837" s="194"/>
      <c r="K837" s="194"/>
      <c r="L837" s="194"/>
      <c r="M837" s="194"/>
      <c r="N837" s="194"/>
    </row>
    <row r="838" spans="10:14" x14ac:dyDescent="0.2">
      <c r="J838" s="194"/>
      <c r="K838" s="194"/>
      <c r="L838" s="194"/>
      <c r="M838" s="194"/>
      <c r="N838" s="194"/>
    </row>
    <row r="839" spans="10:14" x14ac:dyDescent="0.2">
      <c r="J839" s="194"/>
      <c r="K839" s="194"/>
      <c r="L839" s="194"/>
      <c r="M839" s="194"/>
      <c r="N839" s="194"/>
    </row>
    <row r="840" spans="10:14" x14ac:dyDescent="0.2">
      <c r="J840" s="194"/>
      <c r="K840" s="194"/>
      <c r="L840" s="194"/>
      <c r="M840" s="194"/>
      <c r="N840" s="194"/>
    </row>
    <row r="841" spans="10:14" x14ac:dyDescent="0.2">
      <c r="J841" s="194"/>
      <c r="K841" s="194"/>
      <c r="L841" s="194"/>
      <c r="M841" s="194"/>
      <c r="N841" s="194"/>
    </row>
    <row r="842" spans="10:14" x14ac:dyDescent="0.2">
      <c r="J842" s="194"/>
      <c r="K842" s="194"/>
      <c r="L842" s="194"/>
      <c r="M842" s="194"/>
      <c r="N842" s="194"/>
    </row>
    <row r="843" spans="10:14" x14ac:dyDescent="0.2">
      <c r="J843" s="194"/>
      <c r="K843" s="194"/>
      <c r="L843" s="194"/>
      <c r="M843" s="194"/>
      <c r="N843" s="194"/>
    </row>
    <row r="844" spans="10:14" x14ac:dyDescent="0.2">
      <c r="J844" s="194"/>
      <c r="K844" s="194"/>
      <c r="L844" s="194"/>
      <c r="M844" s="194"/>
      <c r="N844" s="194"/>
    </row>
    <row r="845" spans="10:14" x14ac:dyDescent="0.2">
      <c r="J845" s="194"/>
      <c r="K845" s="194"/>
      <c r="L845" s="194"/>
      <c r="M845" s="194"/>
      <c r="N845" s="194"/>
    </row>
    <row r="846" spans="10:14" x14ac:dyDescent="0.2">
      <c r="J846" s="194"/>
      <c r="K846" s="194"/>
      <c r="L846" s="194"/>
      <c r="M846" s="194"/>
      <c r="N846" s="194"/>
    </row>
    <row r="847" spans="10:14" x14ac:dyDescent="0.2">
      <c r="J847" s="194"/>
      <c r="K847" s="194"/>
      <c r="L847" s="194"/>
      <c r="M847" s="194"/>
      <c r="N847" s="194"/>
    </row>
    <row r="848" spans="10:14" x14ac:dyDescent="0.2">
      <c r="J848" s="194"/>
      <c r="K848" s="194"/>
      <c r="L848" s="194"/>
      <c r="M848" s="194"/>
      <c r="N848" s="194"/>
    </row>
    <row r="849" spans="10:14" x14ac:dyDescent="0.2">
      <c r="J849" s="194"/>
      <c r="K849" s="194"/>
      <c r="L849" s="194"/>
      <c r="M849" s="194"/>
      <c r="N849" s="194"/>
    </row>
    <row r="850" spans="10:14" x14ac:dyDescent="0.2">
      <c r="J850" s="194"/>
      <c r="K850" s="194"/>
      <c r="L850" s="194"/>
      <c r="M850" s="194"/>
      <c r="N850" s="194"/>
    </row>
    <row r="851" spans="10:14" x14ac:dyDescent="0.2">
      <c r="J851" s="194"/>
      <c r="K851" s="194"/>
      <c r="L851" s="194"/>
      <c r="M851" s="194"/>
      <c r="N851" s="194"/>
    </row>
    <row r="852" spans="10:14" x14ac:dyDescent="0.2">
      <c r="J852" s="194"/>
      <c r="K852" s="194"/>
      <c r="L852" s="194"/>
      <c r="M852" s="194"/>
      <c r="N852" s="194"/>
    </row>
    <row r="853" spans="10:14" x14ac:dyDescent="0.2">
      <c r="J853" s="194"/>
      <c r="K853" s="194"/>
      <c r="L853" s="194"/>
      <c r="M853" s="194"/>
      <c r="N853" s="194"/>
    </row>
    <row r="854" spans="10:14" x14ac:dyDescent="0.2">
      <c r="J854" s="194"/>
      <c r="K854" s="194"/>
      <c r="L854" s="194"/>
      <c r="M854" s="194"/>
      <c r="N854" s="194"/>
    </row>
    <row r="855" spans="10:14" x14ac:dyDescent="0.2">
      <c r="J855" s="194"/>
      <c r="K855" s="194"/>
      <c r="L855" s="194"/>
      <c r="M855" s="194"/>
      <c r="N855" s="194"/>
    </row>
    <row r="856" spans="10:14" x14ac:dyDescent="0.2">
      <c r="J856" s="194"/>
      <c r="K856" s="194"/>
      <c r="L856" s="194"/>
      <c r="M856" s="194"/>
      <c r="N856" s="194"/>
    </row>
    <row r="857" spans="10:14" x14ac:dyDescent="0.2">
      <c r="J857" s="194"/>
      <c r="K857" s="194"/>
      <c r="L857" s="194"/>
      <c r="M857" s="194"/>
      <c r="N857" s="194"/>
    </row>
    <row r="858" spans="10:14" x14ac:dyDescent="0.2">
      <c r="J858" s="194"/>
      <c r="K858" s="194"/>
      <c r="L858" s="194"/>
      <c r="M858" s="194"/>
      <c r="N858" s="194"/>
    </row>
    <row r="859" spans="10:14" x14ac:dyDescent="0.2">
      <c r="J859" s="194"/>
      <c r="K859" s="194"/>
      <c r="L859" s="194"/>
      <c r="M859" s="194"/>
      <c r="N859" s="194"/>
    </row>
    <row r="860" spans="10:14" x14ac:dyDescent="0.2">
      <c r="J860" s="194"/>
      <c r="K860" s="194"/>
      <c r="L860" s="194"/>
      <c r="M860" s="194"/>
      <c r="N860" s="194"/>
    </row>
    <row r="861" spans="10:14" x14ac:dyDescent="0.2">
      <c r="J861" s="194"/>
      <c r="K861" s="194"/>
      <c r="L861" s="194"/>
      <c r="M861" s="194"/>
      <c r="N861" s="194"/>
    </row>
    <row r="862" spans="10:14" x14ac:dyDescent="0.2">
      <c r="J862" s="194"/>
      <c r="K862" s="194"/>
      <c r="L862" s="194"/>
      <c r="M862" s="194"/>
      <c r="N862" s="194"/>
    </row>
    <row r="863" spans="10:14" x14ac:dyDescent="0.2">
      <c r="J863" s="194"/>
      <c r="K863" s="194"/>
      <c r="L863" s="194"/>
      <c r="M863" s="194"/>
      <c r="N863" s="194"/>
    </row>
    <row r="864" spans="10:14" x14ac:dyDescent="0.2">
      <c r="J864" s="194"/>
      <c r="K864" s="194"/>
      <c r="L864" s="194"/>
      <c r="M864" s="194"/>
      <c r="N864" s="194"/>
    </row>
    <row r="865" spans="10:14" x14ac:dyDescent="0.2">
      <c r="J865" s="194"/>
      <c r="K865" s="194"/>
      <c r="L865" s="194"/>
      <c r="M865" s="194"/>
      <c r="N865" s="194"/>
    </row>
    <row r="866" spans="10:14" x14ac:dyDescent="0.2">
      <c r="J866" s="194"/>
      <c r="K866" s="194"/>
      <c r="L866" s="194"/>
      <c r="M866" s="194"/>
      <c r="N866" s="194"/>
    </row>
    <row r="867" spans="10:14" x14ac:dyDescent="0.2">
      <c r="J867" s="194"/>
      <c r="K867" s="194"/>
      <c r="L867" s="194"/>
      <c r="M867" s="194"/>
      <c r="N867" s="194"/>
    </row>
    <row r="868" spans="10:14" x14ac:dyDescent="0.2">
      <c r="J868" s="194"/>
      <c r="K868" s="194"/>
      <c r="L868" s="194"/>
      <c r="M868" s="194"/>
      <c r="N868" s="194"/>
    </row>
    <row r="869" spans="10:14" x14ac:dyDescent="0.2">
      <c r="J869" s="194"/>
      <c r="K869" s="194"/>
      <c r="L869" s="194"/>
      <c r="M869" s="194"/>
      <c r="N869" s="194"/>
    </row>
    <row r="870" spans="10:14" x14ac:dyDescent="0.2">
      <c r="J870" s="194"/>
      <c r="K870" s="194"/>
      <c r="L870" s="194"/>
      <c r="M870" s="194"/>
      <c r="N870" s="194"/>
    </row>
    <row r="871" spans="10:14" x14ac:dyDescent="0.2">
      <c r="J871" s="194"/>
      <c r="K871" s="194"/>
      <c r="L871" s="194"/>
      <c r="M871" s="194"/>
      <c r="N871" s="194"/>
    </row>
    <row r="872" spans="10:14" x14ac:dyDescent="0.2">
      <c r="J872" s="194"/>
      <c r="K872" s="194"/>
      <c r="L872" s="194"/>
      <c r="M872" s="194"/>
      <c r="N872" s="194"/>
    </row>
    <row r="873" spans="10:14" x14ac:dyDescent="0.2">
      <c r="J873" s="194"/>
      <c r="K873" s="194"/>
      <c r="L873" s="194"/>
      <c r="M873" s="194"/>
      <c r="N873" s="194"/>
    </row>
    <row r="874" spans="10:14" x14ac:dyDescent="0.2">
      <c r="J874" s="194"/>
      <c r="K874" s="194"/>
      <c r="L874" s="194"/>
      <c r="M874" s="194"/>
      <c r="N874" s="194"/>
    </row>
    <row r="875" spans="10:14" x14ac:dyDescent="0.2">
      <c r="J875" s="194"/>
      <c r="K875" s="194"/>
      <c r="L875" s="194"/>
      <c r="M875" s="194"/>
      <c r="N875" s="194"/>
    </row>
    <row r="876" spans="10:14" x14ac:dyDescent="0.2">
      <c r="J876" s="194"/>
      <c r="K876" s="194"/>
      <c r="L876" s="194"/>
      <c r="M876" s="194"/>
      <c r="N876" s="194"/>
    </row>
    <row r="877" spans="10:14" x14ac:dyDescent="0.2">
      <c r="J877" s="194"/>
      <c r="K877" s="194"/>
      <c r="L877" s="194"/>
      <c r="M877" s="194"/>
      <c r="N877" s="194"/>
    </row>
    <row r="878" spans="10:14" x14ac:dyDescent="0.2">
      <c r="J878" s="194"/>
      <c r="K878" s="194"/>
      <c r="L878" s="194"/>
      <c r="M878" s="194"/>
      <c r="N878" s="194"/>
    </row>
    <row r="879" spans="10:14" x14ac:dyDescent="0.2">
      <c r="J879" s="194"/>
      <c r="K879" s="194"/>
      <c r="L879" s="194"/>
      <c r="M879" s="194"/>
      <c r="N879" s="194"/>
    </row>
    <row r="880" spans="10:14" x14ac:dyDescent="0.2">
      <c r="J880" s="194"/>
      <c r="K880" s="194"/>
      <c r="L880" s="194"/>
      <c r="M880" s="194"/>
      <c r="N880" s="194"/>
    </row>
    <row r="881" spans="10:14" x14ac:dyDescent="0.2">
      <c r="J881" s="194"/>
      <c r="K881" s="194"/>
      <c r="L881" s="194"/>
      <c r="M881" s="194"/>
      <c r="N881" s="194"/>
    </row>
    <row r="882" spans="10:14" x14ac:dyDescent="0.2">
      <c r="J882" s="194"/>
      <c r="K882" s="194"/>
      <c r="L882" s="194"/>
      <c r="M882" s="194"/>
      <c r="N882" s="194"/>
    </row>
    <row r="883" spans="10:14" x14ac:dyDescent="0.2">
      <c r="J883" s="194"/>
      <c r="K883" s="194"/>
      <c r="L883" s="194"/>
      <c r="M883" s="194"/>
      <c r="N883" s="194"/>
    </row>
    <row r="884" spans="10:14" x14ac:dyDescent="0.2">
      <c r="J884" s="194"/>
      <c r="K884" s="194"/>
      <c r="L884" s="194"/>
      <c r="M884" s="194"/>
      <c r="N884" s="194"/>
    </row>
    <row r="885" spans="10:14" x14ac:dyDescent="0.2">
      <c r="J885" s="194"/>
      <c r="K885" s="194"/>
      <c r="L885" s="194"/>
      <c r="M885" s="194"/>
      <c r="N885" s="194"/>
    </row>
    <row r="886" spans="10:14" x14ac:dyDescent="0.2">
      <c r="J886" s="194"/>
      <c r="K886" s="194"/>
      <c r="L886" s="194"/>
      <c r="M886" s="194"/>
      <c r="N886" s="194"/>
    </row>
    <row r="887" spans="10:14" x14ac:dyDescent="0.2">
      <c r="J887" s="194"/>
      <c r="K887" s="194"/>
      <c r="L887" s="194"/>
      <c r="M887" s="194"/>
      <c r="N887" s="194"/>
    </row>
    <row r="888" spans="10:14" x14ac:dyDescent="0.2">
      <c r="J888" s="194"/>
      <c r="K888" s="194"/>
      <c r="L888" s="194"/>
      <c r="M888" s="194"/>
      <c r="N888" s="194"/>
    </row>
    <row r="889" spans="10:14" x14ac:dyDescent="0.2">
      <c r="J889" s="194"/>
      <c r="K889" s="194"/>
      <c r="L889" s="194"/>
      <c r="M889" s="194"/>
      <c r="N889" s="194"/>
    </row>
    <row r="890" spans="10:14" x14ac:dyDescent="0.2">
      <c r="J890" s="194"/>
      <c r="K890" s="194"/>
      <c r="L890" s="194"/>
      <c r="M890" s="194"/>
      <c r="N890" s="194"/>
    </row>
    <row r="891" spans="10:14" x14ac:dyDescent="0.2">
      <c r="J891" s="194"/>
      <c r="K891" s="194"/>
      <c r="L891" s="194"/>
      <c r="M891" s="194"/>
      <c r="N891" s="194"/>
    </row>
    <row r="892" spans="10:14" x14ac:dyDescent="0.2">
      <c r="J892" s="194"/>
      <c r="K892" s="194"/>
      <c r="L892" s="194"/>
      <c r="M892" s="194"/>
      <c r="N892" s="194"/>
    </row>
    <row r="893" spans="10:14" x14ac:dyDescent="0.2">
      <c r="J893" s="194"/>
      <c r="K893" s="194"/>
      <c r="L893" s="194"/>
      <c r="M893" s="194"/>
      <c r="N893" s="194"/>
    </row>
    <row r="894" spans="10:14" x14ac:dyDescent="0.2">
      <c r="J894" s="194"/>
      <c r="K894" s="194"/>
      <c r="L894" s="194"/>
      <c r="M894" s="194"/>
      <c r="N894" s="194"/>
    </row>
    <row r="895" spans="10:14" x14ac:dyDescent="0.2">
      <c r="J895" s="194"/>
      <c r="K895" s="194"/>
      <c r="L895" s="194"/>
      <c r="M895" s="194"/>
      <c r="N895" s="194"/>
    </row>
    <row r="896" spans="10:14" x14ac:dyDescent="0.2">
      <c r="J896" s="194"/>
      <c r="K896" s="194"/>
      <c r="L896" s="194"/>
      <c r="M896" s="194"/>
      <c r="N896" s="194"/>
    </row>
    <row r="897" spans="10:14" x14ac:dyDescent="0.2">
      <c r="J897" s="194"/>
      <c r="K897" s="194"/>
      <c r="L897" s="194"/>
      <c r="M897" s="194"/>
      <c r="N897" s="194"/>
    </row>
    <row r="898" spans="10:14" x14ac:dyDescent="0.2">
      <c r="J898" s="194"/>
      <c r="K898" s="194"/>
      <c r="L898" s="194"/>
      <c r="M898" s="194"/>
      <c r="N898" s="194"/>
    </row>
    <row r="899" spans="10:14" x14ac:dyDescent="0.2">
      <c r="J899" s="194"/>
      <c r="K899" s="194"/>
      <c r="L899" s="194"/>
      <c r="M899" s="194"/>
      <c r="N899" s="194"/>
    </row>
    <row r="900" spans="10:14" x14ac:dyDescent="0.2">
      <c r="J900" s="194"/>
      <c r="K900" s="194"/>
      <c r="L900" s="194"/>
      <c r="M900" s="194"/>
      <c r="N900" s="194"/>
    </row>
    <row r="901" spans="10:14" x14ac:dyDescent="0.2">
      <c r="J901" s="194"/>
      <c r="K901" s="194"/>
      <c r="L901" s="194"/>
      <c r="M901" s="194"/>
      <c r="N901" s="194"/>
    </row>
    <row r="902" spans="10:14" x14ac:dyDescent="0.2">
      <c r="J902" s="194"/>
      <c r="K902" s="194"/>
      <c r="L902" s="194"/>
      <c r="M902" s="194"/>
      <c r="N902" s="194"/>
    </row>
    <row r="903" spans="10:14" x14ac:dyDescent="0.2">
      <c r="J903" s="194"/>
      <c r="K903" s="194"/>
      <c r="L903" s="194"/>
      <c r="M903" s="194"/>
      <c r="N903" s="194"/>
    </row>
    <row r="904" spans="10:14" x14ac:dyDescent="0.2">
      <c r="J904" s="194"/>
      <c r="K904" s="194"/>
      <c r="L904" s="194"/>
      <c r="M904" s="194"/>
      <c r="N904" s="194"/>
    </row>
    <row r="905" spans="10:14" x14ac:dyDescent="0.2">
      <c r="J905" s="194"/>
      <c r="K905" s="194"/>
      <c r="L905" s="194"/>
      <c r="M905" s="194"/>
      <c r="N905" s="194"/>
    </row>
    <row r="906" spans="10:14" x14ac:dyDescent="0.2">
      <c r="J906" s="194"/>
      <c r="K906" s="194"/>
      <c r="L906" s="194"/>
      <c r="M906" s="194"/>
      <c r="N906" s="194"/>
    </row>
    <row r="907" spans="10:14" x14ac:dyDescent="0.2">
      <c r="J907" s="194"/>
      <c r="K907" s="194"/>
      <c r="L907" s="194"/>
      <c r="M907" s="194"/>
      <c r="N907" s="194"/>
    </row>
    <row r="908" spans="10:14" x14ac:dyDescent="0.2">
      <c r="J908" s="194"/>
      <c r="K908" s="194"/>
      <c r="L908" s="194"/>
      <c r="M908" s="194"/>
      <c r="N908" s="194"/>
    </row>
    <row r="909" spans="10:14" x14ac:dyDescent="0.2">
      <c r="J909" s="194"/>
      <c r="K909" s="194"/>
      <c r="L909" s="194"/>
      <c r="M909" s="194"/>
      <c r="N909" s="194"/>
    </row>
    <row r="910" spans="10:14" x14ac:dyDescent="0.2">
      <c r="J910" s="194"/>
      <c r="K910" s="194"/>
      <c r="L910" s="194"/>
      <c r="M910" s="194"/>
      <c r="N910" s="194"/>
    </row>
    <row r="911" spans="10:14" x14ac:dyDescent="0.2">
      <c r="J911" s="194"/>
      <c r="K911" s="194"/>
      <c r="L911" s="194"/>
      <c r="M911" s="194"/>
      <c r="N911" s="194"/>
    </row>
    <row r="912" spans="10:14" x14ac:dyDescent="0.2">
      <c r="J912" s="194"/>
      <c r="K912" s="194"/>
      <c r="L912" s="194"/>
      <c r="M912" s="194"/>
      <c r="N912" s="194"/>
    </row>
    <row r="913" spans="10:14" x14ac:dyDescent="0.2">
      <c r="J913" s="194"/>
      <c r="K913" s="194"/>
      <c r="L913" s="194"/>
      <c r="M913" s="194"/>
      <c r="N913" s="194"/>
    </row>
    <row r="914" spans="10:14" x14ac:dyDescent="0.2">
      <c r="J914" s="194"/>
      <c r="K914" s="194"/>
      <c r="L914" s="194"/>
      <c r="M914" s="194"/>
      <c r="N914" s="194"/>
    </row>
    <row r="915" spans="10:14" x14ac:dyDescent="0.2">
      <c r="J915" s="194"/>
      <c r="K915" s="194"/>
      <c r="L915" s="194"/>
      <c r="M915" s="194"/>
      <c r="N915" s="194"/>
    </row>
    <row r="916" spans="10:14" x14ac:dyDescent="0.2">
      <c r="J916" s="194"/>
      <c r="K916" s="194"/>
      <c r="L916" s="194"/>
      <c r="M916" s="194"/>
      <c r="N916" s="194"/>
    </row>
    <row r="917" spans="10:14" x14ac:dyDescent="0.2">
      <c r="J917" s="194"/>
      <c r="K917" s="194"/>
      <c r="L917" s="194"/>
      <c r="M917" s="194"/>
      <c r="N917" s="194"/>
    </row>
    <row r="918" spans="10:14" x14ac:dyDescent="0.2">
      <c r="J918" s="194"/>
      <c r="K918" s="194"/>
      <c r="L918" s="194"/>
      <c r="M918" s="194"/>
      <c r="N918" s="194"/>
    </row>
    <row r="919" spans="10:14" x14ac:dyDescent="0.2">
      <c r="J919" s="194"/>
      <c r="K919" s="194"/>
      <c r="L919" s="194"/>
      <c r="M919" s="194"/>
      <c r="N919" s="194"/>
    </row>
    <row r="920" spans="10:14" x14ac:dyDescent="0.2">
      <c r="J920" s="194"/>
      <c r="K920" s="194"/>
      <c r="L920" s="194"/>
      <c r="M920" s="194"/>
      <c r="N920" s="194"/>
    </row>
    <row r="921" spans="10:14" x14ac:dyDescent="0.2">
      <c r="J921" s="194"/>
      <c r="K921" s="194"/>
      <c r="L921" s="194"/>
      <c r="M921" s="194"/>
      <c r="N921" s="194"/>
    </row>
    <row r="922" spans="10:14" x14ac:dyDescent="0.2">
      <c r="J922" s="194"/>
      <c r="K922" s="194"/>
      <c r="L922" s="194"/>
      <c r="M922" s="194"/>
      <c r="N922" s="194"/>
    </row>
    <row r="923" spans="10:14" x14ac:dyDescent="0.2">
      <c r="J923" s="194"/>
      <c r="K923" s="194"/>
      <c r="L923" s="194"/>
      <c r="M923" s="194"/>
      <c r="N923" s="194"/>
    </row>
    <row r="924" spans="10:14" x14ac:dyDescent="0.2">
      <c r="J924" s="194"/>
      <c r="K924" s="194"/>
      <c r="L924" s="194"/>
      <c r="M924" s="194"/>
      <c r="N924" s="194"/>
    </row>
    <row r="925" spans="10:14" x14ac:dyDescent="0.2">
      <c r="J925" s="194"/>
      <c r="K925" s="194"/>
      <c r="L925" s="194"/>
      <c r="M925" s="194"/>
      <c r="N925" s="194"/>
    </row>
    <row r="926" spans="10:14" x14ac:dyDescent="0.2">
      <c r="J926" s="194"/>
      <c r="K926" s="194"/>
      <c r="L926" s="194"/>
      <c r="M926" s="194"/>
      <c r="N926" s="194"/>
    </row>
    <row r="927" spans="10:14" x14ac:dyDescent="0.2">
      <c r="J927" s="194"/>
      <c r="K927" s="194"/>
      <c r="L927" s="194"/>
      <c r="M927" s="194"/>
      <c r="N927" s="194"/>
    </row>
    <row r="928" spans="10:14" x14ac:dyDescent="0.2">
      <c r="J928" s="194"/>
      <c r="K928" s="194"/>
      <c r="L928" s="194"/>
      <c r="M928" s="194"/>
      <c r="N928" s="194"/>
    </row>
    <row r="929" spans="10:14" x14ac:dyDescent="0.2">
      <c r="J929" s="194"/>
      <c r="K929" s="194"/>
      <c r="L929" s="194"/>
      <c r="M929" s="194"/>
      <c r="N929" s="194"/>
    </row>
    <row r="930" spans="10:14" x14ac:dyDescent="0.2">
      <c r="J930" s="194"/>
      <c r="K930" s="194"/>
      <c r="L930" s="194"/>
      <c r="M930" s="194"/>
      <c r="N930" s="194"/>
    </row>
    <row r="931" spans="10:14" x14ac:dyDescent="0.2">
      <c r="J931" s="194"/>
      <c r="K931" s="194"/>
      <c r="L931" s="194"/>
      <c r="M931" s="194"/>
      <c r="N931" s="194"/>
    </row>
    <row r="932" spans="10:14" x14ac:dyDescent="0.2">
      <c r="J932" s="194"/>
      <c r="K932" s="194"/>
      <c r="L932" s="194"/>
      <c r="M932" s="194"/>
      <c r="N932" s="194"/>
    </row>
    <row r="933" spans="10:14" x14ac:dyDescent="0.2">
      <c r="J933" s="194"/>
      <c r="K933" s="194"/>
      <c r="L933" s="194"/>
      <c r="M933" s="194"/>
      <c r="N933" s="194"/>
    </row>
    <row r="934" spans="10:14" x14ac:dyDescent="0.2">
      <c r="J934" s="194"/>
      <c r="K934" s="194"/>
      <c r="L934" s="194"/>
      <c r="M934" s="194"/>
      <c r="N934" s="194"/>
    </row>
    <row r="935" spans="10:14" x14ac:dyDescent="0.2">
      <c r="J935" s="194"/>
      <c r="K935" s="194"/>
      <c r="L935" s="194"/>
      <c r="M935" s="194"/>
      <c r="N935" s="194"/>
    </row>
    <row r="936" spans="10:14" x14ac:dyDescent="0.2">
      <c r="J936" s="194"/>
      <c r="K936" s="194"/>
      <c r="L936" s="194"/>
      <c r="M936" s="194"/>
      <c r="N936" s="194"/>
    </row>
    <row r="937" spans="10:14" x14ac:dyDescent="0.2">
      <c r="J937" s="194"/>
      <c r="K937" s="194"/>
      <c r="L937" s="194"/>
      <c r="M937" s="194"/>
      <c r="N937" s="194"/>
    </row>
    <row r="938" spans="10:14" x14ac:dyDescent="0.2">
      <c r="J938" s="194"/>
      <c r="K938" s="194"/>
      <c r="L938" s="194"/>
      <c r="M938" s="194"/>
      <c r="N938" s="194"/>
    </row>
    <row r="939" spans="10:14" x14ac:dyDescent="0.2">
      <c r="J939" s="194"/>
      <c r="K939" s="194"/>
      <c r="L939" s="194"/>
      <c r="M939" s="194"/>
      <c r="N939" s="194"/>
    </row>
    <row r="940" spans="10:14" x14ac:dyDescent="0.2">
      <c r="J940" s="194"/>
      <c r="K940" s="194"/>
      <c r="L940" s="194"/>
      <c r="M940" s="194"/>
      <c r="N940" s="194"/>
    </row>
    <row r="941" spans="10:14" x14ac:dyDescent="0.2">
      <c r="J941" s="194"/>
      <c r="K941" s="194"/>
      <c r="L941" s="194"/>
      <c r="M941" s="194"/>
      <c r="N941" s="194"/>
    </row>
    <row r="942" spans="10:14" x14ac:dyDescent="0.2">
      <c r="J942" s="194"/>
      <c r="K942" s="194"/>
      <c r="L942" s="194"/>
      <c r="M942" s="194"/>
      <c r="N942" s="194"/>
    </row>
    <row r="943" spans="10:14" x14ac:dyDescent="0.2">
      <c r="J943" s="194"/>
      <c r="K943" s="194"/>
      <c r="L943" s="194"/>
      <c r="M943" s="194"/>
      <c r="N943" s="194"/>
    </row>
    <row r="944" spans="10:14" x14ac:dyDescent="0.2">
      <c r="J944" s="194"/>
      <c r="K944" s="194"/>
      <c r="L944" s="194"/>
      <c r="M944" s="194"/>
      <c r="N944" s="194"/>
    </row>
    <row r="945" spans="10:14" x14ac:dyDescent="0.2">
      <c r="J945" s="194"/>
      <c r="K945" s="194"/>
      <c r="L945" s="194"/>
      <c r="M945" s="194"/>
      <c r="N945" s="194"/>
    </row>
    <row r="946" spans="10:14" x14ac:dyDescent="0.2">
      <c r="J946" s="194"/>
      <c r="K946" s="194"/>
      <c r="L946" s="194"/>
      <c r="M946" s="194"/>
      <c r="N946" s="194"/>
    </row>
    <row r="947" spans="10:14" x14ac:dyDescent="0.2">
      <c r="J947" s="194"/>
      <c r="K947" s="194"/>
      <c r="L947" s="194"/>
      <c r="M947" s="194"/>
      <c r="N947" s="194"/>
    </row>
    <row r="948" spans="10:14" x14ac:dyDescent="0.2">
      <c r="J948" s="194"/>
      <c r="K948" s="194"/>
      <c r="L948" s="194"/>
      <c r="M948" s="194"/>
      <c r="N948" s="194"/>
    </row>
    <row r="949" spans="10:14" x14ac:dyDescent="0.2">
      <c r="J949" s="194"/>
      <c r="K949" s="194"/>
      <c r="L949" s="194"/>
      <c r="M949" s="194"/>
      <c r="N949" s="194"/>
    </row>
    <row r="950" spans="10:14" x14ac:dyDescent="0.2">
      <c r="J950" s="194"/>
      <c r="K950" s="194"/>
      <c r="L950" s="194"/>
      <c r="M950" s="194"/>
      <c r="N950" s="194"/>
    </row>
    <row r="951" spans="10:14" x14ac:dyDescent="0.2">
      <c r="J951" s="194"/>
      <c r="K951" s="194"/>
      <c r="L951" s="194"/>
      <c r="M951" s="194"/>
      <c r="N951" s="194"/>
    </row>
    <row r="952" spans="10:14" x14ac:dyDescent="0.2">
      <c r="J952" s="194"/>
      <c r="K952" s="194"/>
      <c r="L952" s="194"/>
      <c r="M952" s="194"/>
      <c r="N952" s="194"/>
    </row>
    <row r="953" spans="10:14" x14ac:dyDescent="0.2">
      <c r="J953" s="194"/>
      <c r="K953" s="194"/>
      <c r="L953" s="194"/>
      <c r="M953" s="194"/>
      <c r="N953" s="194"/>
    </row>
    <row r="954" spans="10:14" x14ac:dyDescent="0.2">
      <c r="J954" s="194"/>
      <c r="K954" s="194"/>
      <c r="L954" s="194"/>
      <c r="M954" s="194"/>
      <c r="N954" s="194"/>
    </row>
    <row r="955" spans="10:14" x14ac:dyDescent="0.2">
      <c r="J955" s="194"/>
      <c r="K955" s="194"/>
      <c r="L955" s="194"/>
      <c r="M955" s="194"/>
      <c r="N955" s="194"/>
    </row>
    <row r="956" spans="10:14" x14ac:dyDescent="0.2">
      <c r="J956" s="194"/>
      <c r="K956" s="194"/>
      <c r="L956" s="194"/>
      <c r="M956" s="194"/>
      <c r="N956" s="194"/>
    </row>
    <row r="957" spans="10:14" x14ac:dyDescent="0.2">
      <c r="J957" s="194"/>
      <c r="K957" s="194"/>
      <c r="L957" s="194"/>
      <c r="M957" s="194"/>
      <c r="N957" s="194"/>
    </row>
    <row r="958" spans="10:14" x14ac:dyDescent="0.2">
      <c r="J958" s="194"/>
      <c r="K958" s="194"/>
      <c r="L958" s="194"/>
      <c r="M958" s="194"/>
      <c r="N958" s="194"/>
    </row>
    <row r="959" spans="10:14" x14ac:dyDescent="0.2">
      <c r="J959" s="194"/>
      <c r="K959" s="194"/>
      <c r="L959" s="194"/>
      <c r="M959" s="194"/>
      <c r="N959" s="194"/>
    </row>
    <row r="960" spans="10:14" x14ac:dyDescent="0.2">
      <c r="J960" s="194"/>
      <c r="K960" s="194"/>
      <c r="L960" s="194"/>
      <c r="M960" s="194"/>
      <c r="N960" s="194"/>
    </row>
    <row r="961" spans="10:14" x14ac:dyDescent="0.2">
      <c r="J961" s="194"/>
      <c r="K961" s="194"/>
      <c r="L961" s="194"/>
      <c r="M961" s="194"/>
      <c r="N961" s="194"/>
    </row>
    <row r="962" spans="10:14" x14ac:dyDescent="0.2">
      <c r="J962" s="194"/>
      <c r="K962" s="194"/>
      <c r="L962" s="194"/>
      <c r="M962" s="194"/>
      <c r="N962" s="194"/>
    </row>
    <row r="963" spans="10:14" x14ac:dyDescent="0.2">
      <c r="J963" s="194"/>
      <c r="K963" s="194"/>
      <c r="L963" s="194"/>
      <c r="M963" s="194"/>
      <c r="N963" s="194"/>
    </row>
    <row r="964" spans="10:14" x14ac:dyDescent="0.2">
      <c r="J964" s="194"/>
      <c r="K964" s="194"/>
      <c r="L964" s="194"/>
      <c r="M964" s="194"/>
      <c r="N964" s="194"/>
    </row>
    <row r="965" spans="10:14" x14ac:dyDescent="0.2">
      <c r="J965" s="194"/>
      <c r="K965" s="194"/>
      <c r="L965" s="194"/>
      <c r="M965" s="194"/>
      <c r="N965" s="194"/>
    </row>
    <row r="966" spans="10:14" x14ac:dyDescent="0.2">
      <c r="J966" s="194"/>
      <c r="K966" s="194"/>
      <c r="L966" s="194"/>
      <c r="M966" s="194"/>
      <c r="N966" s="194"/>
    </row>
    <row r="967" spans="10:14" x14ac:dyDescent="0.2">
      <c r="J967" s="194"/>
      <c r="K967" s="194"/>
      <c r="L967" s="194"/>
      <c r="M967" s="194"/>
      <c r="N967" s="194"/>
    </row>
    <row r="968" spans="10:14" x14ac:dyDescent="0.2">
      <c r="J968" s="194"/>
      <c r="K968" s="194"/>
      <c r="L968" s="194"/>
      <c r="M968" s="194"/>
      <c r="N968" s="194"/>
    </row>
    <row r="969" spans="10:14" x14ac:dyDescent="0.2">
      <c r="J969" s="194"/>
      <c r="K969" s="194"/>
      <c r="L969" s="194"/>
      <c r="M969" s="194"/>
      <c r="N969" s="194"/>
    </row>
    <row r="970" spans="10:14" x14ac:dyDescent="0.2">
      <c r="J970" s="194"/>
      <c r="K970" s="194"/>
      <c r="L970" s="194"/>
      <c r="M970" s="194"/>
      <c r="N970" s="194"/>
    </row>
    <row r="971" spans="10:14" x14ac:dyDescent="0.2">
      <c r="J971" s="194"/>
      <c r="K971" s="194"/>
      <c r="L971" s="194"/>
      <c r="M971" s="194"/>
      <c r="N971" s="194"/>
    </row>
    <row r="972" spans="10:14" x14ac:dyDescent="0.2">
      <c r="J972" s="194"/>
      <c r="K972" s="194"/>
      <c r="L972" s="194"/>
      <c r="M972" s="194"/>
      <c r="N972" s="194"/>
    </row>
    <row r="973" spans="10:14" x14ac:dyDescent="0.2">
      <c r="J973" s="194"/>
      <c r="K973" s="194"/>
      <c r="L973" s="194"/>
      <c r="M973" s="194"/>
      <c r="N973" s="194"/>
    </row>
    <row r="974" spans="10:14" x14ac:dyDescent="0.2">
      <c r="J974" s="194"/>
      <c r="K974" s="194"/>
      <c r="L974" s="194"/>
      <c r="M974" s="194"/>
      <c r="N974" s="194"/>
    </row>
    <row r="975" spans="10:14" x14ac:dyDescent="0.2">
      <c r="J975" s="194"/>
      <c r="K975" s="194"/>
      <c r="L975" s="194"/>
      <c r="M975" s="194"/>
      <c r="N975" s="194"/>
    </row>
    <row r="976" spans="10:14" x14ac:dyDescent="0.2">
      <c r="J976" s="194"/>
      <c r="K976" s="194"/>
      <c r="L976" s="194"/>
      <c r="M976" s="194"/>
      <c r="N976" s="194"/>
    </row>
    <row r="977" spans="10:14" x14ac:dyDescent="0.2">
      <c r="J977" s="194"/>
      <c r="K977" s="194"/>
      <c r="L977" s="194"/>
      <c r="M977" s="194"/>
      <c r="N977" s="194"/>
    </row>
    <row r="978" spans="10:14" x14ac:dyDescent="0.2">
      <c r="J978" s="194"/>
      <c r="K978" s="194"/>
      <c r="L978" s="194"/>
      <c r="M978" s="194"/>
      <c r="N978" s="194"/>
    </row>
    <row r="979" spans="10:14" x14ac:dyDescent="0.2">
      <c r="J979" s="194"/>
      <c r="K979" s="194"/>
      <c r="L979" s="194"/>
      <c r="M979" s="194"/>
      <c r="N979" s="194"/>
    </row>
    <row r="980" spans="10:14" x14ac:dyDescent="0.2">
      <c r="J980" s="194"/>
      <c r="K980" s="194"/>
      <c r="L980" s="194"/>
      <c r="M980" s="194"/>
      <c r="N980" s="194"/>
    </row>
    <row r="981" spans="10:14" x14ac:dyDescent="0.2">
      <c r="J981" s="194"/>
      <c r="K981" s="194"/>
      <c r="L981" s="194"/>
      <c r="M981" s="194"/>
      <c r="N981" s="194"/>
    </row>
    <row r="982" spans="10:14" x14ac:dyDescent="0.2">
      <c r="J982" s="194"/>
      <c r="K982" s="194"/>
      <c r="L982" s="194"/>
      <c r="M982" s="194"/>
      <c r="N982" s="194"/>
    </row>
    <row r="983" spans="10:14" x14ac:dyDescent="0.2">
      <c r="J983" s="194"/>
      <c r="K983" s="194"/>
      <c r="L983" s="194"/>
      <c r="M983" s="194"/>
      <c r="N983" s="194"/>
    </row>
    <row r="984" spans="10:14" x14ac:dyDescent="0.2">
      <c r="J984" s="194"/>
      <c r="K984" s="194"/>
      <c r="L984" s="194"/>
      <c r="M984" s="194"/>
      <c r="N984" s="194"/>
    </row>
    <row r="985" spans="10:14" x14ac:dyDescent="0.2">
      <c r="J985" s="194"/>
      <c r="K985" s="194"/>
      <c r="L985" s="194"/>
      <c r="M985" s="194"/>
      <c r="N985" s="194"/>
    </row>
    <row r="986" spans="10:14" x14ac:dyDescent="0.2">
      <c r="J986" s="194"/>
      <c r="K986" s="194"/>
      <c r="L986" s="194"/>
      <c r="M986" s="194"/>
      <c r="N986" s="194"/>
    </row>
    <row r="987" spans="10:14" x14ac:dyDescent="0.2">
      <c r="J987" s="194"/>
      <c r="K987" s="194"/>
      <c r="L987" s="194"/>
      <c r="M987" s="194"/>
      <c r="N987" s="194"/>
    </row>
    <row r="988" spans="10:14" x14ac:dyDescent="0.2">
      <c r="J988" s="194"/>
      <c r="K988" s="194"/>
      <c r="L988" s="194"/>
      <c r="M988" s="194"/>
      <c r="N988" s="194"/>
    </row>
    <row r="989" spans="10:14" x14ac:dyDescent="0.2">
      <c r="J989" s="194"/>
      <c r="K989" s="194"/>
      <c r="L989" s="194"/>
      <c r="M989" s="194"/>
      <c r="N989" s="194"/>
    </row>
    <row r="990" spans="10:14" x14ac:dyDescent="0.2">
      <c r="J990" s="194"/>
      <c r="K990" s="194"/>
      <c r="L990" s="194"/>
      <c r="M990" s="194"/>
      <c r="N990" s="194"/>
    </row>
    <row r="991" spans="10:14" x14ac:dyDescent="0.2">
      <c r="J991" s="194"/>
      <c r="K991" s="194"/>
      <c r="L991" s="194"/>
      <c r="M991" s="194"/>
      <c r="N991" s="194"/>
    </row>
    <row r="992" spans="10:14" x14ac:dyDescent="0.2">
      <c r="J992" s="194"/>
      <c r="K992" s="194"/>
      <c r="L992" s="194"/>
      <c r="M992" s="194"/>
      <c r="N992" s="194"/>
    </row>
    <row r="993" spans="10:14" x14ac:dyDescent="0.2">
      <c r="J993" s="194"/>
      <c r="K993" s="194"/>
      <c r="L993" s="194"/>
      <c r="M993" s="194"/>
      <c r="N993" s="194"/>
    </row>
    <row r="994" spans="10:14" x14ac:dyDescent="0.2">
      <c r="J994" s="194"/>
      <c r="K994" s="194"/>
      <c r="L994" s="194"/>
      <c r="M994" s="194"/>
      <c r="N994" s="194"/>
    </row>
    <row r="995" spans="10:14" x14ac:dyDescent="0.2">
      <c r="J995" s="194"/>
      <c r="K995" s="194"/>
      <c r="L995" s="194"/>
      <c r="M995" s="194"/>
      <c r="N995" s="194"/>
    </row>
    <row r="996" spans="10:14" x14ac:dyDescent="0.2">
      <c r="J996" s="194"/>
      <c r="K996" s="194"/>
      <c r="L996" s="194"/>
      <c r="M996" s="194"/>
      <c r="N996" s="194"/>
    </row>
    <row r="997" spans="10:14" x14ac:dyDescent="0.2">
      <c r="J997" s="194"/>
      <c r="K997" s="194"/>
      <c r="L997" s="194"/>
      <c r="M997" s="194"/>
      <c r="N997" s="194"/>
    </row>
    <row r="998" spans="10:14" x14ac:dyDescent="0.2">
      <c r="J998" s="194"/>
      <c r="K998" s="194"/>
      <c r="L998" s="194"/>
      <c r="M998" s="194"/>
      <c r="N998" s="194"/>
    </row>
    <row r="999" spans="10:14" x14ac:dyDescent="0.2">
      <c r="J999" s="194"/>
      <c r="K999" s="194"/>
      <c r="L999" s="194"/>
      <c r="M999" s="194"/>
      <c r="N999" s="194"/>
    </row>
    <row r="1000" spans="10:14" x14ac:dyDescent="0.2">
      <c r="J1000" s="194"/>
      <c r="K1000" s="194"/>
      <c r="L1000" s="194"/>
      <c r="M1000" s="194"/>
      <c r="N1000" s="194"/>
    </row>
    <row r="1001" spans="10:14" x14ac:dyDescent="0.2">
      <c r="J1001" s="194"/>
      <c r="K1001" s="194"/>
      <c r="L1001" s="194"/>
      <c r="M1001" s="194"/>
      <c r="N1001" s="194"/>
    </row>
    <row r="1002" spans="10:14" x14ac:dyDescent="0.2">
      <c r="J1002" s="194"/>
      <c r="K1002" s="194"/>
      <c r="L1002" s="194"/>
      <c r="M1002" s="194"/>
      <c r="N1002" s="194"/>
    </row>
    <row r="1003" spans="10:14" x14ac:dyDescent="0.2">
      <c r="J1003" s="194"/>
      <c r="K1003" s="194"/>
      <c r="L1003" s="194"/>
      <c r="M1003" s="194"/>
      <c r="N1003" s="194"/>
    </row>
    <row r="1004" spans="10:14" x14ac:dyDescent="0.2">
      <c r="J1004" s="194"/>
      <c r="K1004" s="194"/>
      <c r="L1004" s="194"/>
      <c r="M1004" s="194"/>
      <c r="N1004" s="194"/>
    </row>
    <row r="1005" spans="10:14" x14ac:dyDescent="0.2">
      <c r="J1005" s="194"/>
      <c r="K1005" s="194"/>
      <c r="L1005" s="194"/>
      <c r="M1005" s="194"/>
      <c r="N1005" s="194"/>
    </row>
    <row r="1006" spans="10:14" x14ac:dyDescent="0.2">
      <c r="J1006" s="194"/>
      <c r="K1006" s="194"/>
      <c r="L1006" s="194"/>
      <c r="M1006" s="194"/>
      <c r="N1006" s="194"/>
    </row>
    <row r="1007" spans="10:14" x14ac:dyDescent="0.2">
      <c r="J1007" s="194"/>
      <c r="K1007" s="194"/>
      <c r="L1007" s="194"/>
      <c r="M1007" s="194"/>
      <c r="N1007" s="194"/>
    </row>
    <row r="1008" spans="10:14" x14ac:dyDescent="0.2">
      <c r="J1008" s="194"/>
      <c r="K1008" s="194"/>
      <c r="L1008" s="194"/>
      <c r="M1008" s="194"/>
      <c r="N1008" s="194"/>
    </row>
    <row r="1009" spans="10:14" x14ac:dyDescent="0.2">
      <c r="J1009" s="194"/>
      <c r="K1009" s="194"/>
      <c r="L1009" s="194"/>
      <c r="M1009" s="194"/>
      <c r="N1009" s="194"/>
    </row>
    <row r="1010" spans="10:14" x14ac:dyDescent="0.2">
      <c r="J1010" s="194"/>
      <c r="K1010" s="194"/>
      <c r="L1010" s="194"/>
      <c r="M1010" s="194"/>
      <c r="N1010" s="194"/>
    </row>
    <row r="1011" spans="10:14" x14ac:dyDescent="0.2">
      <c r="J1011" s="194"/>
      <c r="K1011" s="194"/>
      <c r="L1011" s="194"/>
      <c r="M1011" s="194"/>
      <c r="N1011" s="194"/>
    </row>
    <row r="1012" spans="10:14" x14ac:dyDescent="0.2">
      <c r="J1012" s="194"/>
      <c r="K1012" s="194"/>
      <c r="L1012" s="194"/>
      <c r="M1012" s="194"/>
      <c r="N1012" s="194"/>
    </row>
    <row r="1013" spans="10:14" x14ac:dyDescent="0.2">
      <c r="J1013" s="194"/>
      <c r="K1013" s="194"/>
      <c r="L1013" s="194"/>
      <c r="M1013" s="194"/>
      <c r="N1013" s="194"/>
    </row>
    <row r="1014" spans="10:14" x14ac:dyDescent="0.2">
      <c r="J1014" s="194"/>
      <c r="K1014" s="194"/>
      <c r="L1014" s="194"/>
      <c r="M1014" s="194"/>
      <c r="N1014" s="194"/>
    </row>
    <row r="1015" spans="10:14" x14ac:dyDescent="0.2">
      <c r="J1015" s="194"/>
      <c r="K1015" s="194"/>
      <c r="L1015" s="194"/>
      <c r="M1015" s="194"/>
      <c r="N1015" s="194"/>
    </row>
    <row r="1016" spans="10:14" x14ac:dyDescent="0.2">
      <c r="J1016" s="194"/>
      <c r="K1016" s="194"/>
      <c r="L1016" s="194"/>
      <c r="M1016" s="194"/>
      <c r="N1016" s="194"/>
    </row>
    <row r="1017" spans="10:14" x14ac:dyDescent="0.2">
      <c r="J1017" s="194"/>
      <c r="K1017" s="194"/>
      <c r="L1017" s="194"/>
      <c r="M1017" s="194"/>
      <c r="N1017" s="194"/>
    </row>
    <row r="1018" spans="10:14" x14ac:dyDescent="0.2">
      <c r="J1018" s="194"/>
      <c r="K1018" s="194"/>
      <c r="L1018" s="194"/>
      <c r="M1018" s="194"/>
      <c r="N1018" s="194"/>
    </row>
    <row r="1019" spans="10:14" x14ac:dyDescent="0.2">
      <c r="J1019" s="194"/>
      <c r="K1019" s="194"/>
      <c r="L1019" s="194"/>
      <c r="M1019" s="194"/>
      <c r="N1019" s="194"/>
    </row>
    <row r="1020" spans="10:14" x14ac:dyDescent="0.2">
      <c r="J1020" s="194"/>
      <c r="K1020" s="194"/>
      <c r="L1020" s="194"/>
      <c r="M1020" s="194"/>
      <c r="N1020" s="194"/>
    </row>
    <row r="1021" spans="10:14" x14ac:dyDescent="0.2">
      <c r="J1021" s="194"/>
      <c r="K1021" s="194"/>
      <c r="L1021" s="194"/>
      <c r="M1021" s="194"/>
      <c r="N1021" s="194"/>
    </row>
    <row r="1022" spans="10:14" x14ac:dyDescent="0.2">
      <c r="J1022" s="194"/>
      <c r="K1022" s="194"/>
      <c r="L1022" s="194"/>
      <c r="M1022" s="194"/>
      <c r="N1022" s="194"/>
    </row>
    <row r="1023" spans="10:14" x14ac:dyDescent="0.2">
      <c r="J1023" s="194"/>
      <c r="K1023" s="194"/>
      <c r="L1023" s="194"/>
      <c r="M1023" s="194"/>
      <c r="N1023" s="194"/>
    </row>
    <row r="1024" spans="10:14" x14ac:dyDescent="0.2">
      <c r="J1024" s="194"/>
      <c r="K1024" s="194"/>
      <c r="L1024" s="194"/>
      <c r="M1024" s="194"/>
      <c r="N1024" s="194"/>
    </row>
    <row r="1025" spans="10:14" x14ac:dyDescent="0.2">
      <c r="J1025" s="194"/>
      <c r="K1025" s="194"/>
      <c r="L1025" s="194"/>
      <c r="M1025" s="194"/>
      <c r="N1025" s="194"/>
    </row>
    <row r="1026" spans="10:14" x14ac:dyDescent="0.2">
      <c r="J1026" s="194"/>
      <c r="K1026" s="194"/>
      <c r="L1026" s="194"/>
      <c r="M1026" s="194"/>
      <c r="N1026" s="194"/>
    </row>
    <row r="1027" spans="10:14" x14ac:dyDescent="0.2">
      <c r="J1027" s="194"/>
      <c r="K1027" s="194"/>
      <c r="L1027" s="194"/>
      <c r="M1027" s="194"/>
      <c r="N1027" s="194"/>
    </row>
    <row r="1028" spans="10:14" x14ac:dyDescent="0.2">
      <c r="J1028" s="194"/>
      <c r="K1028" s="194"/>
      <c r="L1028" s="194"/>
      <c r="M1028" s="194"/>
      <c r="N1028" s="194"/>
    </row>
    <row r="1029" spans="10:14" x14ac:dyDescent="0.2">
      <c r="J1029" s="194"/>
      <c r="K1029" s="194"/>
      <c r="L1029" s="194"/>
      <c r="M1029" s="194"/>
      <c r="N1029" s="194"/>
    </row>
    <row r="1030" spans="10:14" x14ac:dyDescent="0.2">
      <c r="J1030" s="194"/>
      <c r="K1030" s="194"/>
      <c r="L1030" s="194"/>
      <c r="M1030" s="194"/>
      <c r="N1030" s="194"/>
    </row>
    <row r="1031" spans="10:14" x14ac:dyDescent="0.2">
      <c r="J1031" s="194"/>
      <c r="K1031" s="194"/>
      <c r="L1031" s="194"/>
      <c r="M1031" s="194"/>
      <c r="N1031" s="194"/>
    </row>
    <row r="1032" spans="10:14" x14ac:dyDescent="0.2">
      <c r="J1032" s="194"/>
      <c r="K1032" s="194"/>
      <c r="L1032" s="194"/>
      <c r="M1032" s="194"/>
      <c r="N1032" s="194"/>
    </row>
    <row r="1033" spans="10:14" x14ac:dyDescent="0.2">
      <c r="J1033" s="194"/>
      <c r="K1033" s="194"/>
      <c r="L1033" s="194"/>
      <c r="M1033" s="194"/>
      <c r="N1033" s="194"/>
    </row>
    <row r="1034" spans="10:14" x14ac:dyDescent="0.2">
      <c r="J1034" s="194"/>
      <c r="K1034" s="194"/>
      <c r="L1034" s="194"/>
      <c r="M1034" s="194"/>
      <c r="N1034" s="194"/>
    </row>
    <row r="1035" spans="10:14" x14ac:dyDescent="0.2">
      <c r="J1035" s="194"/>
      <c r="K1035" s="194"/>
      <c r="L1035" s="194"/>
      <c r="M1035" s="194"/>
      <c r="N1035" s="194"/>
    </row>
    <row r="1036" spans="10:14" x14ac:dyDescent="0.2">
      <c r="J1036" s="194"/>
      <c r="K1036" s="194"/>
      <c r="L1036" s="194"/>
      <c r="M1036" s="194"/>
      <c r="N1036" s="194"/>
    </row>
    <row r="1037" spans="10:14" x14ac:dyDescent="0.2">
      <c r="J1037" s="194"/>
      <c r="K1037" s="194"/>
      <c r="L1037" s="194"/>
      <c r="M1037" s="194"/>
      <c r="N1037" s="194"/>
    </row>
    <row r="1038" spans="10:14" x14ac:dyDescent="0.2">
      <c r="J1038" s="194"/>
      <c r="K1038" s="194"/>
      <c r="L1038" s="194"/>
      <c r="M1038" s="194"/>
      <c r="N1038" s="194"/>
    </row>
    <row r="1039" spans="10:14" x14ac:dyDescent="0.2">
      <c r="J1039" s="194"/>
      <c r="K1039" s="194"/>
      <c r="L1039" s="194"/>
      <c r="M1039" s="194"/>
      <c r="N1039" s="194"/>
    </row>
    <row r="1040" spans="10:14" x14ac:dyDescent="0.2">
      <c r="J1040" s="194"/>
      <c r="K1040" s="194"/>
      <c r="L1040" s="194"/>
      <c r="M1040" s="194"/>
      <c r="N1040" s="194"/>
    </row>
    <row r="1041" spans="10:14" x14ac:dyDescent="0.2">
      <c r="J1041" s="194"/>
      <c r="K1041" s="194"/>
      <c r="L1041" s="194"/>
      <c r="M1041" s="194"/>
      <c r="N1041" s="194"/>
    </row>
    <row r="1042" spans="10:14" x14ac:dyDescent="0.2">
      <c r="J1042" s="194"/>
      <c r="K1042" s="194"/>
      <c r="L1042" s="194"/>
      <c r="M1042" s="194"/>
      <c r="N1042" s="194"/>
    </row>
    <row r="1043" spans="10:14" x14ac:dyDescent="0.2">
      <c r="J1043" s="194"/>
      <c r="K1043" s="194"/>
      <c r="L1043" s="194"/>
      <c r="M1043" s="194"/>
      <c r="N1043" s="194"/>
    </row>
    <row r="1044" spans="10:14" x14ac:dyDescent="0.2">
      <c r="J1044" s="194"/>
      <c r="K1044" s="194"/>
      <c r="L1044" s="194"/>
      <c r="M1044" s="194"/>
      <c r="N1044" s="194"/>
    </row>
    <row r="1045" spans="10:14" x14ac:dyDescent="0.2">
      <c r="J1045" s="194"/>
      <c r="K1045" s="194"/>
      <c r="L1045" s="194"/>
      <c r="M1045" s="194"/>
      <c r="N1045" s="194"/>
    </row>
    <row r="1046" spans="10:14" x14ac:dyDescent="0.2">
      <c r="J1046" s="194"/>
      <c r="K1046" s="194"/>
      <c r="L1046" s="194"/>
      <c r="M1046" s="194"/>
      <c r="N1046" s="194"/>
    </row>
    <row r="1047" spans="10:14" x14ac:dyDescent="0.2">
      <c r="J1047" s="194"/>
      <c r="K1047" s="194"/>
      <c r="L1047" s="194"/>
      <c r="M1047" s="194"/>
      <c r="N1047" s="194"/>
    </row>
    <row r="1048" spans="10:14" x14ac:dyDescent="0.2">
      <c r="J1048" s="194"/>
      <c r="K1048" s="194"/>
      <c r="L1048" s="194"/>
      <c r="M1048" s="194"/>
      <c r="N1048" s="194"/>
    </row>
    <row r="1049" spans="10:14" x14ac:dyDescent="0.2">
      <c r="J1049" s="194"/>
      <c r="K1049" s="194"/>
      <c r="L1049" s="194"/>
      <c r="M1049" s="194"/>
      <c r="N1049" s="194"/>
    </row>
    <row r="1050" spans="10:14" x14ac:dyDescent="0.2">
      <c r="J1050" s="194"/>
      <c r="K1050" s="194"/>
      <c r="L1050" s="194"/>
      <c r="M1050" s="194"/>
      <c r="N1050" s="194"/>
    </row>
    <row r="1051" spans="10:14" x14ac:dyDescent="0.2">
      <c r="J1051" s="194"/>
      <c r="K1051" s="194"/>
      <c r="L1051" s="194"/>
      <c r="M1051" s="194"/>
      <c r="N1051" s="194"/>
    </row>
    <row r="1052" spans="10:14" x14ac:dyDescent="0.2">
      <c r="J1052" s="194"/>
      <c r="K1052" s="194"/>
      <c r="L1052" s="194"/>
      <c r="M1052" s="194"/>
      <c r="N1052" s="194"/>
    </row>
    <row r="1053" spans="10:14" x14ac:dyDescent="0.2">
      <c r="J1053" s="194"/>
      <c r="K1053" s="194"/>
      <c r="L1053" s="194"/>
      <c r="M1053" s="194"/>
      <c r="N1053" s="194"/>
    </row>
    <row r="1054" spans="10:14" x14ac:dyDescent="0.2">
      <c r="J1054" s="194"/>
      <c r="K1054" s="194"/>
      <c r="L1054" s="194"/>
      <c r="M1054" s="194"/>
      <c r="N1054" s="194"/>
    </row>
    <row r="1055" spans="10:14" x14ac:dyDescent="0.2">
      <c r="J1055" s="194"/>
      <c r="K1055" s="194"/>
      <c r="L1055" s="194"/>
      <c r="M1055" s="194"/>
      <c r="N1055" s="194"/>
    </row>
    <row r="1056" spans="10:14" x14ac:dyDescent="0.2">
      <c r="J1056" s="194"/>
      <c r="K1056" s="194"/>
      <c r="L1056" s="194"/>
      <c r="M1056" s="194"/>
      <c r="N1056" s="194"/>
    </row>
    <row r="1057" spans="10:14" x14ac:dyDescent="0.2">
      <c r="J1057" s="194"/>
      <c r="K1057" s="194"/>
      <c r="L1057" s="194"/>
      <c r="M1057" s="194"/>
      <c r="N1057" s="194"/>
    </row>
    <row r="1058" spans="10:14" x14ac:dyDescent="0.2">
      <c r="J1058" s="194"/>
      <c r="K1058" s="194"/>
      <c r="L1058" s="194"/>
      <c r="M1058" s="194"/>
      <c r="N1058" s="194"/>
    </row>
    <row r="1059" spans="10:14" x14ac:dyDescent="0.2">
      <c r="J1059" s="194"/>
      <c r="K1059" s="194"/>
      <c r="L1059" s="194"/>
      <c r="M1059" s="194"/>
      <c r="N1059" s="194"/>
    </row>
    <row r="1060" spans="10:14" x14ac:dyDescent="0.2">
      <c r="J1060" s="194"/>
      <c r="K1060" s="194"/>
      <c r="L1060" s="194"/>
      <c r="M1060" s="194"/>
      <c r="N1060" s="194"/>
    </row>
    <row r="1061" spans="10:14" x14ac:dyDescent="0.2">
      <c r="J1061" s="194"/>
      <c r="K1061" s="194"/>
      <c r="L1061" s="194"/>
      <c r="M1061" s="194"/>
      <c r="N1061" s="194"/>
    </row>
    <row r="1062" spans="10:14" x14ac:dyDescent="0.2">
      <c r="J1062" s="194"/>
      <c r="K1062" s="194"/>
      <c r="L1062" s="194"/>
      <c r="M1062" s="194"/>
      <c r="N1062" s="194"/>
    </row>
    <row r="1063" spans="10:14" x14ac:dyDescent="0.2">
      <c r="J1063" s="194"/>
      <c r="K1063" s="194"/>
      <c r="L1063" s="194"/>
      <c r="M1063" s="194"/>
      <c r="N1063" s="194"/>
    </row>
    <row r="1064" spans="10:14" x14ac:dyDescent="0.2">
      <c r="J1064" s="194"/>
      <c r="K1064" s="194"/>
      <c r="L1064" s="194"/>
      <c r="M1064" s="194"/>
      <c r="N1064" s="194"/>
    </row>
    <row r="1065" spans="10:14" x14ac:dyDescent="0.2">
      <c r="J1065" s="194"/>
      <c r="K1065" s="194"/>
      <c r="L1065" s="194"/>
      <c r="M1065" s="194"/>
      <c r="N1065" s="194"/>
    </row>
    <row r="1066" spans="10:14" x14ac:dyDescent="0.2">
      <c r="J1066" s="194"/>
      <c r="K1066" s="194"/>
      <c r="L1066" s="194"/>
      <c r="M1066" s="194"/>
      <c r="N1066" s="194"/>
    </row>
    <row r="1067" spans="10:14" x14ac:dyDescent="0.2">
      <c r="J1067" s="194"/>
      <c r="K1067" s="194"/>
      <c r="L1067" s="194"/>
      <c r="M1067" s="194"/>
      <c r="N1067" s="194"/>
    </row>
    <row r="1068" spans="10:14" x14ac:dyDescent="0.2">
      <c r="J1068" s="194"/>
      <c r="K1068" s="194"/>
      <c r="L1068" s="194"/>
      <c r="M1068" s="194"/>
      <c r="N1068" s="194"/>
    </row>
    <row r="1069" spans="10:14" x14ac:dyDescent="0.2">
      <c r="J1069" s="194"/>
      <c r="K1069" s="194"/>
      <c r="L1069" s="194"/>
      <c r="M1069" s="194"/>
      <c r="N1069" s="194"/>
    </row>
    <row r="1070" spans="10:14" x14ac:dyDescent="0.2">
      <c r="J1070" s="194"/>
      <c r="K1070" s="194"/>
      <c r="L1070" s="194"/>
      <c r="M1070" s="194"/>
      <c r="N1070" s="194"/>
    </row>
    <row r="1071" spans="10:14" x14ac:dyDescent="0.2">
      <c r="J1071" s="194"/>
      <c r="K1071" s="194"/>
      <c r="L1071" s="194"/>
      <c r="M1071" s="194"/>
      <c r="N1071" s="194"/>
    </row>
    <row r="1072" spans="10:14" x14ac:dyDescent="0.2">
      <c r="J1072" s="194"/>
      <c r="K1072" s="194"/>
      <c r="L1072" s="194"/>
      <c r="M1072" s="194"/>
      <c r="N1072" s="194"/>
    </row>
    <row r="1073" spans="10:14" x14ac:dyDescent="0.2">
      <c r="J1073" s="194"/>
      <c r="K1073" s="194"/>
      <c r="L1073" s="194"/>
      <c r="M1073" s="194"/>
      <c r="N1073" s="194"/>
    </row>
    <row r="1074" spans="10:14" x14ac:dyDescent="0.2">
      <c r="J1074" s="194"/>
      <c r="K1074" s="194"/>
      <c r="L1074" s="194"/>
      <c r="M1074" s="194"/>
      <c r="N1074" s="194"/>
    </row>
    <row r="1075" spans="10:14" x14ac:dyDescent="0.2">
      <c r="J1075" s="194"/>
      <c r="K1075" s="194"/>
      <c r="L1075" s="194"/>
      <c r="M1075" s="194"/>
      <c r="N1075" s="194"/>
    </row>
    <row r="1076" spans="10:14" x14ac:dyDescent="0.2">
      <c r="J1076" s="194"/>
      <c r="K1076" s="194"/>
      <c r="L1076" s="194"/>
      <c r="M1076" s="194"/>
      <c r="N1076" s="194"/>
    </row>
    <row r="1077" spans="10:14" x14ac:dyDescent="0.2">
      <c r="J1077" s="194"/>
      <c r="K1077" s="194"/>
      <c r="L1077" s="194"/>
      <c r="M1077" s="194"/>
      <c r="N1077" s="194"/>
    </row>
    <row r="1078" spans="10:14" x14ac:dyDescent="0.2">
      <c r="J1078" s="194"/>
      <c r="K1078" s="194"/>
      <c r="L1078" s="194"/>
      <c r="M1078" s="194"/>
      <c r="N1078" s="194"/>
    </row>
    <row r="1079" spans="10:14" x14ac:dyDescent="0.2">
      <c r="J1079" s="194"/>
      <c r="K1079" s="194"/>
      <c r="L1079" s="194"/>
      <c r="M1079" s="194"/>
      <c r="N1079" s="194"/>
    </row>
    <row r="1080" spans="10:14" x14ac:dyDescent="0.2">
      <c r="J1080" s="194"/>
      <c r="K1080" s="194"/>
      <c r="L1080" s="194"/>
      <c r="M1080" s="194"/>
      <c r="N1080" s="194"/>
    </row>
    <row r="1081" spans="10:14" x14ac:dyDescent="0.2">
      <c r="J1081" s="194"/>
      <c r="K1081" s="194"/>
      <c r="L1081" s="194"/>
      <c r="M1081" s="194"/>
      <c r="N1081" s="194"/>
    </row>
    <row r="1082" spans="10:14" x14ac:dyDescent="0.2">
      <c r="J1082" s="194"/>
      <c r="K1082" s="194"/>
      <c r="L1082" s="194"/>
      <c r="M1082" s="194"/>
      <c r="N1082" s="194"/>
    </row>
    <row r="1083" spans="10:14" x14ac:dyDescent="0.2">
      <c r="J1083" s="194"/>
      <c r="K1083" s="194"/>
      <c r="L1083" s="194"/>
      <c r="M1083" s="194"/>
      <c r="N1083" s="194"/>
    </row>
    <row r="1084" spans="10:14" x14ac:dyDescent="0.2">
      <c r="J1084" s="194"/>
      <c r="K1084" s="194"/>
      <c r="L1084" s="194"/>
      <c r="M1084" s="194"/>
      <c r="N1084" s="194"/>
    </row>
    <row r="1085" spans="10:14" x14ac:dyDescent="0.2">
      <c r="J1085" s="194"/>
      <c r="K1085" s="194"/>
      <c r="L1085" s="194"/>
      <c r="M1085" s="194"/>
      <c r="N1085" s="194"/>
    </row>
    <row r="1086" spans="10:14" x14ac:dyDescent="0.2">
      <c r="J1086" s="194"/>
      <c r="K1086" s="194"/>
      <c r="L1086" s="194"/>
      <c r="M1086" s="194"/>
      <c r="N1086" s="194"/>
    </row>
    <row r="1087" spans="10:14" x14ac:dyDescent="0.2">
      <c r="J1087" s="194"/>
      <c r="K1087" s="194"/>
      <c r="L1087" s="194"/>
      <c r="M1087" s="194"/>
      <c r="N1087" s="194"/>
    </row>
    <row r="1088" spans="10:14" x14ac:dyDescent="0.2">
      <c r="J1088" s="194"/>
      <c r="K1088" s="194"/>
      <c r="L1088" s="194"/>
      <c r="M1088" s="194"/>
      <c r="N1088" s="194"/>
    </row>
    <row r="1089" spans="10:14" x14ac:dyDescent="0.2">
      <c r="J1089" s="194"/>
      <c r="K1089" s="194"/>
      <c r="L1089" s="194"/>
      <c r="M1089" s="194"/>
      <c r="N1089" s="194"/>
    </row>
    <row r="1090" spans="10:14" x14ac:dyDescent="0.2">
      <c r="J1090" s="194"/>
      <c r="K1090" s="194"/>
      <c r="L1090" s="194"/>
      <c r="M1090" s="194"/>
      <c r="N1090" s="194"/>
    </row>
    <row r="1091" spans="10:14" x14ac:dyDescent="0.2">
      <c r="J1091" s="194"/>
      <c r="K1091" s="194"/>
      <c r="L1091" s="194"/>
      <c r="M1091" s="194"/>
      <c r="N1091" s="194"/>
    </row>
    <row r="1092" spans="10:14" x14ac:dyDescent="0.2">
      <c r="J1092" s="194"/>
      <c r="K1092" s="194"/>
      <c r="L1092" s="194"/>
      <c r="M1092" s="194"/>
      <c r="N1092" s="194"/>
    </row>
    <row r="1093" spans="10:14" x14ac:dyDescent="0.2">
      <c r="J1093" s="194"/>
      <c r="K1093" s="194"/>
      <c r="L1093" s="194"/>
      <c r="M1093" s="194"/>
      <c r="N1093" s="194"/>
    </row>
    <row r="1094" spans="10:14" x14ac:dyDescent="0.2">
      <c r="J1094" s="194"/>
      <c r="K1094" s="194"/>
      <c r="L1094" s="194"/>
      <c r="M1094" s="194"/>
      <c r="N1094" s="194"/>
    </row>
    <row r="1095" spans="10:14" x14ac:dyDescent="0.2">
      <c r="J1095" s="194"/>
      <c r="K1095" s="194"/>
      <c r="L1095" s="194"/>
      <c r="M1095" s="194"/>
      <c r="N1095" s="194"/>
    </row>
    <row r="1096" spans="10:14" x14ac:dyDescent="0.2">
      <c r="J1096" s="194"/>
      <c r="K1096" s="194"/>
      <c r="L1096" s="194"/>
      <c r="M1096" s="194"/>
      <c r="N1096" s="194"/>
    </row>
    <row r="1097" spans="10:14" x14ac:dyDescent="0.2">
      <c r="J1097" s="194"/>
      <c r="K1097" s="194"/>
      <c r="L1097" s="194"/>
      <c r="M1097" s="194"/>
      <c r="N1097" s="194"/>
    </row>
    <row r="1098" spans="10:14" x14ac:dyDescent="0.2">
      <c r="J1098" s="194"/>
      <c r="K1098" s="194"/>
      <c r="L1098" s="194"/>
      <c r="M1098" s="194"/>
      <c r="N1098" s="194"/>
    </row>
    <row r="1099" spans="10:14" x14ac:dyDescent="0.2">
      <c r="J1099" s="194"/>
      <c r="K1099" s="194"/>
      <c r="L1099" s="194"/>
      <c r="M1099" s="194"/>
      <c r="N1099" s="194"/>
    </row>
    <row r="1100" spans="10:14" x14ac:dyDescent="0.2">
      <c r="J1100" s="194"/>
      <c r="K1100" s="194"/>
      <c r="L1100" s="194"/>
      <c r="M1100" s="194"/>
      <c r="N1100" s="194"/>
    </row>
    <row r="1101" spans="10:14" x14ac:dyDescent="0.2">
      <c r="J1101" s="194"/>
      <c r="K1101" s="194"/>
      <c r="L1101" s="194"/>
      <c r="M1101" s="194"/>
      <c r="N1101" s="194"/>
    </row>
    <row r="1102" spans="10:14" x14ac:dyDescent="0.2">
      <c r="J1102" s="194"/>
      <c r="K1102" s="194"/>
      <c r="L1102" s="194"/>
      <c r="M1102" s="194"/>
      <c r="N1102" s="194"/>
    </row>
    <row r="1103" spans="10:14" x14ac:dyDescent="0.2">
      <c r="J1103" s="194"/>
      <c r="K1103" s="194"/>
      <c r="L1103" s="194"/>
      <c r="M1103" s="194"/>
      <c r="N1103" s="194"/>
    </row>
    <row r="1104" spans="10:14" x14ac:dyDescent="0.2">
      <c r="J1104" s="194"/>
      <c r="K1104" s="194"/>
      <c r="L1104" s="194"/>
      <c r="M1104" s="194"/>
      <c r="N1104" s="194"/>
    </row>
    <row r="1105" spans="10:14" x14ac:dyDescent="0.2">
      <c r="J1105" s="194"/>
      <c r="K1105" s="194"/>
      <c r="L1105" s="194"/>
      <c r="M1105" s="194"/>
      <c r="N1105" s="194"/>
    </row>
    <row r="1106" spans="10:14" x14ac:dyDescent="0.2">
      <c r="J1106" s="194"/>
      <c r="K1106" s="194"/>
      <c r="L1106" s="194"/>
      <c r="M1106" s="194"/>
      <c r="N1106" s="194"/>
    </row>
    <row r="1107" spans="10:14" x14ac:dyDescent="0.2">
      <c r="J1107" s="194"/>
      <c r="K1107" s="194"/>
      <c r="L1107" s="194"/>
      <c r="M1107" s="194"/>
      <c r="N1107" s="194"/>
    </row>
    <row r="1108" spans="10:14" x14ac:dyDescent="0.2">
      <c r="J1108" s="194"/>
      <c r="K1108" s="194"/>
      <c r="L1108" s="194"/>
      <c r="M1108" s="194"/>
      <c r="N1108" s="194"/>
    </row>
    <row r="1109" spans="10:14" x14ac:dyDescent="0.2">
      <c r="J1109" s="194"/>
      <c r="K1109" s="194"/>
      <c r="L1109" s="194"/>
      <c r="M1109" s="194"/>
      <c r="N1109" s="194"/>
    </row>
    <row r="1110" spans="10:14" x14ac:dyDescent="0.2">
      <c r="J1110" s="194"/>
      <c r="K1110" s="194"/>
      <c r="L1110" s="194"/>
      <c r="M1110" s="194"/>
      <c r="N1110" s="194"/>
    </row>
    <row r="1111" spans="10:14" x14ac:dyDescent="0.2">
      <c r="J1111" s="194"/>
      <c r="K1111" s="194"/>
      <c r="L1111" s="194"/>
      <c r="M1111" s="194"/>
      <c r="N1111" s="194"/>
    </row>
    <row r="1112" spans="10:14" x14ac:dyDescent="0.2">
      <c r="J1112" s="194"/>
      <c r="K1112" s="194"/>
      <c r="L1112" s="194"/>
      <c r="M1112" s="194"/>
      <c r="N1112" s="194"/>
    </row>
    <row r="1113" spans="10:14" x14ac:dyDescent="0.2">
      <c r="J1113" s="194"/>
      <c r="K1113" s="194"/>
      <c r="L1113" s="194"/>
      <c r="M1113" s="194"/>
      <c r="N1113" s="194"/>
    </row>
    <row r="1114" spans="10:14" x14ac:dyDescent="0.2">
      <c r="J1114" s="194"/>
      <c r="K1114" s="194"/>
      <c r="L1114" s="194"/>
      <c r="M1114" s="194"/>
      <c r="N1114" s="194"/>
    </row>
    <row r="1115" spans="10:14" x14ac:dyDescent="0.2">
      <c r="J1115" s="194"/>
      <c r="K1115" s="194"/>
      <c r="L1115" s="194"/>
      <c r="M1115" s="194"/>
      <c r="N1115" s="194"/>
    </row>
    <row r="1116" spans="10:14" x14ac:dyDescent="0.2">
      <c r="J1116" s="194"/>
      <c r="K1116" s="194"/>
      <c r="L1116" s="194"/>
      <c r="M1116" s="194"/>
      <c r="N1116" s="194"/>
    </row>
    <row r="1117" spans="10:14" x14ac:dyDescent="0.2">
      <c r="J1117" s="194"/>
      <c r="K1117" s="194"/>
      <c r="L1117" s="194"/>
      <c r="M1117" s="194"/>
      <c r="N1117" s="194"/>
    </row>
    <row r="1118" spans="10:14" x14ac:dyDescent="0.2">
      <c r="J1118" s="194"/>
      <c r="K1118" s="194"/>
      <c r="L1118" s="194"/>
      <c r="M1118" s="194"/>
      <c r="N1118" s="194"/>
    </row>
    <row r="1119" spans="10:14" x14ac:dyDescent="0.2">
      <c r="J1119" s="194"/>
      <c r="K1119" s="194"/>
      <c r="L1119" s="194"/>
      <c r="M1119" s="194"/>
      <c r="N1119" s="194"/>
    </row>
    <row r="1120" spans="10:14" x14ac:dyDescent="0.2">
      <c r="J1120" s="194"/>
      <c r="K1120" s="194"/>
      <c r="L1120" s="194"/>
      <c r="M1120" s="194"/>
      <c r="N1120" s="194"/>
    </row>
    <row r="1121" spans="10:14" x14ac:dyDescent="0.2">
      <c r="J1121" s="194"/>
      <c r="K1121" s="194"/>
      <c r="L1121" s="194"/>
      <c r="M1121" s="194"/>
      <c r="N1121" s="194"/>
    </row>
    <row r="1122" spans="10:14" x14ac:dyDescent="0.2">
      <c r="J1122" s="194"/>
      <c r="K1122" s="194"/>
      <c r="L1122" s="194"/>
      <c r="M1122" s="194"/>
      <c r="N1122" s="194"/>
    </row>
    <row r="1123" spans="10:14" x14ac:dyDescent="0.2">
      <c r="J1123" s="194"/>
      <c r="K1123" s="194"/>
      <c r="L1123" s="194"/>
      <c r="M1123" s="194"/>
      <c r="N1123" s="194"/>
    </row>
    <row r="1124" spans="10:14" x14ac:dyDescent="0.2">
      <c r="J1124" s="194"/>
      <c r="K1124" s="194"/>
      <c r="L1124" s="194"/>
      <c r="M1124" s="194"/>
      <c r="N1124" s="194"/>
    </row>
    <row r="1125" spans="10:14" x14ac:dyDescent="0.2">
      <c r="J1125" s="194"/>
      <c r="K1125" s="194"/>
      <c r="L1125" s="194"/>
      <c r="M1125" s="194"/>
      <c r="N1125" s="194"/>
    </row>
    <row r="1126" spans="10:14" x14ac:dyDescent="0.2">
      <c r="J1126" s="194"/>
      <c r="K1126" s="194"/>
      <c r="L1126" s="194"/>
      <c r="M1126" s="194"/>
      <c r="N1126" s="194"/>
    </row>
    <row r="1127" spans="10:14" x14ac:dyDescent="0.2">
      <c r="J1127" s="194"/>
      <c r="K1127" s="194"/>
      <c r="L1127" s="194"/>
      <c r="M1127" s="194"/>
      <c r="N1127" s="194"/>
    </row>
    <row r="1128" spans="10:14" x14ac:dyDescent="0.2">
      <c r="J1128" s="194"/>
      <c r="K1128" s="194"/>
      <c r="L1128" s="194"/>
      <c r="M1128" s="194"/>
      <c r="N1128" s="194"/>
    </row>
    <row r="1129" spans="10:14" x14ac:dyDescent="0.2">
      <c r="J1129" s="194"/>
      <c r="K1129" s="194"/>
      <c r="L1129" s="194"/>
      <c r="M1129" s="194"/>
      <c r="N1129" s="194"/>
    </row>
    <row r="1130" spans="10:14" x14ac:dyDescent="0.2">
      <c r="J1130" s="194"/>
      <c r="K1130" s="194"/>
      <c r="L1130" s="194"/>
      <c r="M1130" s="194"/>
      <c r="N1130" s="194"/>
    </row>
    <row r="1131" spans="10:14" x14ac:dyDescent="0.2">
      <c r="J1131" s="194"/>
      <c r="K1131" s="194"/>
      <c r="L1131" s="194"/>
      <c r="M1131" s="194"/>
      <c r="N1131" s="194"/>
    </row>
    <row r="1132" spans="10:14" x14ac:dyDescent="0.2">
      <c r="J1132" s="194"/>
      <c r="K1132" s="194"/>
      <c r="L1132" s="194"/>
      <c r="M1132" s="194"/>
      <c r="N1132" s="194"/>
    </row>
    <row r="1133" spans="10:14" x14ac:dyDescent="0.2">
      <c r="J1133" s="194"/>
      <c r="K1133" s="194"/>
      <c r="L1133" s="194"/>
      <c r="M1133" s="194"/>
      <c r="N1133" s="194"/>
    </row>
    <row r="1134" spans="10:14" x14ac:dyDescent="0.2">
      <c r="J1134" s="194"/>
      <c r="K1134" s="194"/>
      <c r="L1134" s="194"/>
      <c r="M1134" s="194"/>
      <c r="N1134" s="194"/>
    </row>
    <row r="1135" spans="10:14" x14ac:dyDescent="0.2">
      <c r="J1135" s="194"/>
      <c r="K1135" s="194"/>
      <c r="L1135" s="194"/>
      <c r="M1135" s="194"/>
      <c r="N1135" s="194"/>
    </row>
    <row r="1136" spans="10:14" x14ac:dyDescent="0.2">
      <c r="J1136" s="194"/>
      <c r="K1136" s="194"/>
      <c r="L1136" s="194"/>
      <c r="M1136" s="194"/>
      <c r="N1136" s="194"/>
    </row>
    <row r="1137" spans="10:14" x14ac:dyDescent="0.2">
      <c r="J1137" s="194"/>
      <c r="K1137" s="194"/>
      <c r="L1137" s="194"/>
      <c r="M1137" s="194"/>
      <c r="N1137" s="194"/>
    </row>
    <row r="1138" spans="10:14" x14ac:dyDescent="0.2">
      <c r="J1138" s="194"/>
      <c r="K1138" s="194"/>
      <c r="L1138" s="194"/>
      <c r="M1138" s="194"/>
      <c r="N1138" s="194"/>
    </row>
    <row r="1139" spans="10:14" x14ac:dyDescent="0.2">
      <c r="J1139" s="194"/>
      <c r="K1139" s="194"/>
      <c r="L1139" s="194"/>
      <c r="M1139" s="194"/>
      <c r="N1139" s="194"/>
    </row>
    <row r="1140" spans="10:14" x14ac:dyDescent="0.2">
      <c r="J1140" s="194"/>
      <c r="K1140" s="194"/>
      <c r="L1140" s="194"/>
      <c r="M1140" s="194"/>
      <c r="N1140" s="194"/>
    </row>
    <row r="1141" spans="10:14" x14ac:dyDescent="0.2">
      <c r="J1141" s="194"/>
      <c r="K1141" s="194"/>
      <c r="L1141" s="194"/>
      <c r="M1141" s="194"/>
      <c r="N1141" s="194"/>
    </row>
    <row r="1142" spans="10:14" x14ac:dyDescent="0.2">
      <c r="J1142" s="194"/>
      <c r="K1142" s="194"/>
      <c r="L1142" s="194"/>
      <c r="M1142" s="194"/>
      <c r="N1142" s="194"/>
    </row>
    <row r="1143" spans="10:14" x14ac:dyDescent="0.2">
      <c r="J1143" s="194"/>
      <c r="K1143" s="194"/>
      <c r="L1143" s="194"/>
      <c r="M1143" s="194"/>
      <c r="N1143" s="194"/>
    </row>
    <row r="1144" spans="10:14" x14ac:dyDescent="0.2">
      <c r="J1144" s="194"/>
      <c r="K1144" s="194"/>
      <c r="L1144" s="194"/>
      <c r="M1144" s="194"/>
      <c r="N1144" s="194"/>
    </row>
    <row r="1145" spans="10:14" x14ac:dyDescent="0.2">
      <c r="J1145" s="194"/>
      <c r="K1145" s="194"/>
      <c r="L1145" s="194"/>
      <c r="M1145" s="194"/>
      <c r="N1145" s="194"/>
    </row>
    <row r="1146" spans="10:14" x14ac:dyDescent="0.2">
      <c r="J1146" s="194"/>
      <c r="K1146" s="194"/>
      <c r="L1146" s="194"/>
      <c r="M1146" s="194"/>
      <c r="N1146" s="194"/>
    </row>
    <row r="1147" spans="10:14" x14ac:dyDescent="0.2">
      <c r="J1147" s="194"/>
      <c r="K1147" s="194"/>
      <c r="L1147" s="194"/>
      <c r="M1147" s="194"/>
      <c r="N1147" s="194"/>
    </row>
    <row r="1148" spans="10:14" x14ac:dyDescent="0.2">
      <c r="J1148" s="194"/>
      <c r="K1148" s="194"/>
      <c r="L1148" s="194"/>
      <c r="M1148" s="194"/>
      <c r="N1148" s="194"/>
    </row>
    <row r="1149" spans="10:14" x14ac:dyDescent="0.2">
      <c r="J1149" s="194"/>
      <c r="K1149" s="194"/>
      <c r="L1149" s="194"/>
      <c r="M1149" s="194"/>
      <c r="N1149" s="194"/>
    </row>
    <row r="1150" spans="10:14" x14ac:dyDescent="0.2">
      <c r="J1150" s="194"/>
      <c r="K1150" s="194"/>
      <c r="L1150" s="194"/>
      <c r="M1150" s="194"/>
      <c r="N1150" s="194"/>
    </row>
    <row r="1151" spans="10:14" x14ac:dyDescent="0.2">
      <c r="J1151" s="194"/>
      <c r="K1151" s="194"/>
      <c r="L1151" s="194"/>
      <c r="M1151" s="194"/>
      <c r="N1151" s="194"/>
    </row>
    <row r="1152" spans="10:14" x14ac:dyDescent="0.2">
      <c r="J1152" s="194"/>
      <c r="K1152" s="194"/>
      <c r="L1152" s="194"/>
      <c r="M1152" s="194"/>
      <c r="N1152" s="194"/>
    </row>
    <row r="1153" spans="10:14" x14ac:dyDescent="0.2">
      <c r="J1153" s="194"/>
      <c r="K1153" s="194"/>
      <c r="L1153" s="194"/>
      <c r="M1153" s="194"/>
      <c r="N1153" s="194"/>
    </row>
    <row r="1154" spans="10:14" x14ac:dyDescent="0.2">
      <c r="J1154" s="194"/>
      <c r="K1154" s="194"/>
      <c r="L1154" s="194"/>
      <c r="M1154" s="194"/>
      <c r="N1154" s="194"/>
    </row>
    <row r="1155" spans="10:14" x14ac:dyDescent="0.2">
      <c r="J1155" s="194"/>
      <c r="K1155" s="194"/>
      <c r="L1155" s="194"/>
      <c r="M1155" s="194"/>
      <c r="N1155" s="194"/>
    </row>
    <row r="1156" spans="10:14" x14ac:dyDescent="0.2">
      <c r="J1156" s="194"/>
      <c r="K1156" s="194"/>
      <c r="L1156" s="194"/>
      <c r="M1156" s="194"/>
      <c r="N1156" s="194"/>
    </row>
    <row r="1157" spans="10:14" x14ac:dyDescent="0.2">
      <c r="J1157" s="194"/>
      <c r="K1157" s="194"/>
      <c r="L1157" s="194"/>
      <c r="M1157" s="194"/>
      <c r="N1157" s="194"/>
    </row>
    <row r="1158" spans="10:14" x14ac:dyDescent="0.2">
      <c r="J1158" s="194"/>
      <c r="K1158" s="194"/>
      <c r="L1158" s="194"/>
      <c r="M1158" s="194"/>
      <c r="N1158" s="194"/>
    </row>
    <row r="1159" spans="10:14" x14ac:dyDescent="0.2">
      <c r="J1159" s="194"/>
      <c r="K1159" s="194"/>
      <c r="L1159" s="194"/>
      <c r="M1159" s="194"/>
      <c r="N1159" s="194"/>
    </row>
    <row r="1160" spans="10:14" x14ac:dyDescent="0.2">
      <c r="J1160" s="194"/>
      <c r="K1160" s="194"/>
      <c r="L1160" s="194"/>
      <c r="M1160" s="194"/>
      <c r="N1160" s="194"/>
    </row>
    <row r="1161" spans="10:14" x14ac:dyDescent="0.2">
      <c r="J1161" s="194"/>
      <c r="K1161" s="194"/>
      <c r="L1161" s="194"/>
      <c r="M1161" s="194"/>
      <c r="N1161" s="194"/>
    </row>
    <row r="1162" spans="10:14" x14ac:dyDescent="0.2">
      <c r="J1162" s="194"/>
      <c r="K1162" s="194"/>
      <c r="L1162" s="194"/>
      <c r="M1162" s="194"/>
      <c r="N1162" s="194"/>
    </row>
    <row r="1163" spans="10:14" x14ac:dyDescent="0.2">
      <c r="J1163" s="194"/>
      <c r="K1163" s="194"/>
      <c r="L1163" s="194"/>
      <c r="M1163" s="194"/>
      <c r="N1163" s="194"/>
    </row>
    <row r="1164" spans="10:14" x14ac:dyDescent="0.2">
      <c r="J1164" s="194"/>
      <c r="K1164" s="194"/>
      <c r="L1164" s="194"/>
      <c r="M1164" s="194"/>
      <c r="N1164" s="194"/>
    </row>
    <row r="1165" spans="10:14" x14ac:dyDescent="0.2">
      <c r="J1165" s="194"/>
      <c r="K1165" s="194"/>
      <c r="L1165" s="194"/>
      <c r="M1165" s="194"/>
      <c r="N1165" s="194"/>
    </row>
    <row r="1166" spans="10:14" x14ac:dyDescent="0.2">
      <c r="J1166" s="194"/>
      <c r="K1166" s="194"/>
      <c r="L1166" s="194"/>
      <c r="M1166" s="194"/>
      <c r="N1166" s="194"/>
    </row>
    <row r="1167" spans="10:14" x14ac:dyDescent="0.2">
      <c r="J1167" s="194"/>
      <c r="K1167" s="194"/>
      <c r="L1167" s="194"/>
      <c r="M1167" s="194"/>
      <c r="N1167" s="194"/>
    </row>
    <row r="1168" spans="10:14" x14ac:dyDescent="0.2">
      <c r="J1168" s="194"/>
      <c r="K1168" s="194"/>
      <c r="L1168" s="194"/>
      <c r="M1168" s="194"/>
      <c r="N1168" s="194"/>
    </row>
    <row r="1169" spans="10:14" x14ac:dyDescent="0.2">
      <c r="J1169" s="194"/>
      <c r="K1169" s="194"/>
      <c r="L1169" s="194"/>
      <c r="M1169" s="194"/>
      <c r="N1169" s="194"/>
    </row>
    <row r="1170" spans="10:14" x14ac:dyDescent="0.2">
      <c r="J1170" s="194"/>
      <c r="K1170" s="194"/>
      <c r="L1170" s="194"/>
      <c r="M1170" s="194"/>
      <c r="N1170" s="194"/>
    </row>
    <row r="1171" spans="10:14" x14ac:dyDescent="0.2">
      <c r="J1171" s="194"/>
      <c r="K1171" s="194"/>
      <c r="L1171" s="194"/>
      <c r="M1171" s="194"/>
      <c r="N1171" s="194"/>
    </row>
    <row r="1172" spans="10:14" x14ac:dyDescent="0.2">
      <c r="J1172" s="194"/>
      <c r="K1172" s="194"/>
      <c r="L1172" s="194"/>
      <c r="M1172" s="194"/>
      <c r="N1172" s="194"/>
    </row>
    <row r="1173" spans="10:14" x14ac:dyDescent="0.2">
      <c r="J1173" s="194"/>
      <c r="K1173" s="194"/>
      <c r="L1173" s="194"/>
      <c r="M1173" s="194"/>
      <c r="N1173" s="194"/>
    </row>
    <row r="1174" spans="10:14" x14ac:dyDescent="0.2">
      <c r="J1174" s="194"/>
      <c r="K1174" s="194"/>
      <c r="L1174" s="194"/>
      <c r="M1174" s="194"/>
      <c r="N1174" s="194"/>
    </row>
    <row r="1175" spans="10:14" x14ac:dyDescent="0.2">
      <c r="J1175" s="194"/>
      <c r="K1175" s="194"/>
      <c r="L1175" s="194"/>
      <c r="M1175" s="194"/>
      <c r="N1175" s="194"/>
    </row>
    <row r="1176" spans="10:14" x14ac:dyDescent="0.2">
      <c r="J1176" s="194"/>
      <c r="K1176" s="194"/>
      <c r="L1176" s="194"/>
      <c r="M1176" s="194"/>
      <c r="N1176" s="194"/>
    </row>
    <row r="1177" spans="10:14" x14ac:dyDescent="0.2">
      <c r="J1177" s="194"/>
      <c r="K1177" s="194"/>
      <c r="L1177" s="194"/>
      <c r="M1177" s="194"/>
      <c r="N1177" s="194"/>
    </row>
    <row r="1178" spans="10:14" x14ac:dyDescent="0.2">
      <c r="J1178" s="194"/>
      <c r="K1178" s="194"/>
      <c r="L1178" s="194"/>
      <c r="M1178" s="194"/>
      <c r="N1178" s="194"/>
    </row>
    <row r="1179" spans="10:14" x14ac:dyDescent="0.2">
      <c r="J1179" s="194"/>
      <c r="K1179" s="194"/>
      <c r="L1179" s="194"/>
      <c r="M1179" s="194"/>
      <c r="N1179" s="194"/>
    </row>
    <row r="1180" spans="10:14" x14ac:dyDescent="0.2">
      <c r="J1180" s="194"/>
      <c r="K1180" s="194"/>
      <c r="L1180" s="194"/>
      <c r="M1180" s="194"/>
      <c r="N1180" s="194"/>
    </row>
    <row r="1181" spans="10:14" x14ac:dyDescent="0.2">
      <c r="J1181" s="194"/>
      <c r="K1181" s="194"/>
      <c r="L1181" s="194"/>
      <c r="M1181" s="194"/>
      <c r="N1181" s="194"/>
    </row>
    <row r="1182" spans="10:14" x14ac:dyDescent="0.2">
      <c r="J1182" s="194"/>
      <c r="K1182" s="194"/>
      <c r="L1182" s="194"/>
      <c r="M1182" s="194"/>
      <c r="N1182" s="194"/>
    </row>
    <row r="1183" spans="10:14" x14ac:dyDescent="0.2">
      <c r="J1183" s="194"/>
      <c r="K1183" s="194"/>
      <c r="L1183" s="194"/>
      <c r="M1183" s="194"/>
      <c r="N1183" s="194"/>
    </row>
    <row r="1184" spans="10:14" x14ac:dyDescent="0.2">
      <c r="J1184" s="194"/>
      <c r="K1184" s="194"/>
      <c r="L1184" s="194"/>
      <c r="M1184" s="194"/>
      <c r="N1184" s="194"/>
    </row>
    <row r="1185" spans="10:14" x14ac:dyDescent="0.2">
      <c r="J1185" s="194"/>
      <c r="K1185" s="194"/>
      <c r="L1185" s="194"/>
      <c r="M1185" s="194"/>
      <c r="N1185" s="194"/>
    </row>
    <row r="1186" spans="10:14" x14ac:dyDescent="0.2">
      <c r="J1186" s="194"/>
      <c r="K1186" s="194"/>
      <c r="L1186" s="194"/>
      <c r="M1186" s="194"/>
      <c r="N1186" s="194"/>
    </row>
    <row r="1187" spans="10:14" x14ac:dyDescent="0.2">
      <c r="J1187" s="194"/>
      <c r="K1187" s="194"/>
      <c r="L1187" s="194"/>
      <c r="M1187" s="194"/>
      <c r="N1187" s="194"/>
    </row>
    <row r="1188" spans="10:14" x14ac:dyDescent="0.2">
      <c r="J1188" s="194"/>
      <c r="K1188" s="194"/>
      <c r="L1188" s="194"/>
      <c r="M1188" s="194"/>
      <c r="N1188" s="194"/>
    </row>
    <row r="1189" spans="10:14" x14ac:dyDescent="0.2">
      <c r="J1189" s="194"/>
      <c r="K1189" s="194"/>
      <c r="L1189" s="194"/>
      <c r="M1189" s="194"/>
      <c r="N1189" s="194"/>
    </row>
    <row r="1190" spans="10:14" x14ac:dyDescent="0.2">
      <c r="J1190" s="194"/>
      <c r="K1190" s="194"/>
      <c r="L1190" s="194"/>
      <c r="M1190" s="194"/>
      <c r="N1190" s="194"/>
    </row>
    <row r="1191" spans="10:14" x14ac:dyDescent="0.2">
      <c r="J1191" s="194"/>
      <c r="K1191" s="194"/>
      <c r="L1191" s="194"/>
      <c r="M1191" s="194"/>
      <c r="N1191" s="194"/>
    </row>
    <row r="1192" spans="10:14" x14ac:dyDescent="0.2">
      <c r="J1192" s="194"/>
      <c r="K1192" s="194"/>
      <c r="L1192" s="194"/>
      <c r="M1192" s="194"/>
      <c r="N1192" s="194"/>
    </row>
    <row r="1193" spans="10:14" x14ac:dyDescent="0.2">
      <c r="J1193" s="194"/>
      <c r="K1193" s="194"/>
      <c r="L1193" s="194"/>
      <c r="M1193" s="194"/>
      <c r="N1193" s="194"/>
    </row>
    <row r="1194" spans="10:14" x14ac:dyDescent="0.2">
      <c r="J1194" s="194"/>
      <c r="K1194" s="194"/>
      <c r="L1194" s="194"/>
      <c r="M1194" s="194"/>
      <c r="N1194" s="194"/>
    </row>
    <row r="1195" spans="10:14" x14ac:dyDescent="0.2">
      <c r="J1195" s="194"/>
      <c r="K1195" s="194"/>
      <c r="L1195" s="194"/>
      <c r="M1195" s="194"/>
      <c r="N1195" s="194"/>
    </row>
    <row r="1196" spans="10:14" x14ac:dyDescent="0.2">
      <c r="J1196" s="194"/>
      <c r="K1196" s="194"/>
      <c r="L1196" s="194"/>
      <c r="M1196" s="194"/>
      <c r="N1196" s="194"/>
    </row>
    <row r="1197" spans="10:14" x14ac:dyDescent="0.2">
      <c r="J1197" s="194"/>
      <c r="K1197" s="194"/>
      <c r="L1197" s="194"/>
      <c r="M1197" s="194"/>
      <c r="N1197" s="194"/>
    </row>
    <row r="1198" spans="10:14" x14ac:dyDescent="0.2">
      <c r="J1198" s="194"/>
      <c r="K1198" s="194"/>
      <c r="L1198" s="194"/>
      <c r="M1198" s="194"/>
      <c r="N1198" s="194"/>
    </row>
    <row r="1199" spans="10:14" x14ac:dyDescent="0.2">
      <c r="J1199" s="194"/>
      <c r="K1199" s="194"/>
      <c r="L1199" s="194"/>
      <c r="M1199" s="194"/>
      <c r="N1199" s="194"/>
    </row>
    <row r="1200" spans="10:14" x14ac:dyDescent="0.2">
      <c r="J1200" s="194"/>
      <c r="K1200" s="194"/>
      <c r="L1200" s="194"/>
      <c r="M1200" s="194"/>
      <c r="N1200" s="194"/>
    </row>
    <row r="1201" spans="10:14" x14ac:dyDescent="0.2">
      <c r="J1201" s="194"/>
      <c r="K1201" s="194"/>
      <c r="L1201" s="194"/>
      <c r="M1201" s="194"/>
      <c r="N1201" s="194"/>
    </row>
    <row r="1202" spans="10:14" x14ac:dyDescent="0.2">
      <c r="J1202" s="194"/>
      <c r="K1202" s="194"/>
      <c r="L1202" s="194"/>
      <c r="M1202" s="194"/>
      <c r="N1202" s="194"/>
    </row>
    <row r="1203" spans="10:14" x14ac:dyDescent="0.2">
      <c r="J1203" s="194"/>
      <c r="K1203" s="194"/>
      <c r="L1203" s="194"/>
      <c r="M1203" s="194"/>
      <c r="N1203" s="194"/>
    </row>
    <row r="1204" spans="10:14" x14ac:dyDescent="0.2">
      <c r="J1204" s="194"/>
      <c r="K1204" s="194"/>
      <c r="L1204" s="194"/>
      <c r="M1204" s="194"/>
      <c r="N1204" s="194"/>
    </row>
    <row r="1205" spans="10:14" x14ac:dyDescent="0.2">
      <c r="J1205" s="194"/>
      <c r="K1205" s="194"/>
      <c r="L1205" s="194"/>
      <c r="M1205" s="194"/>
      <c r="N1205" s="194"/>
    </row>
    <row r="1206" spans="10:14" x14ac:dyDescent="0.2">
      <c r="J1206" s="194"/>
      <c r="K1206" s="194"/>
      <c r="L1206" s="194"/>
      <c r="M1206" s="194"/>
      <c r="N1206" s="194"/>
    </row>
    <row r="1207" spans="10:14" x14ac:dyDescent="0.2">
      <c r="J1207" s="194"/>
      <c r="K1207" s="194"/>
      <c r="L1207" s="194"/>
      <c r="M1207" s="194"/>
      <c r="N1207" s="194"/>
    </row>
    <row r="1208" spans="10:14" x14ac:dyDescent="0.2">
      <c r="J1208" s="194"/>
      <c r="K1208" s="194"/>
      <c r="L1208" s="194"/>
      <c r="M1208" s="194"/>
      <c r="N1208" s="194"/>
    </row>
    <row r="1209" spans="10:14" x14ac:dyDescent="0.2">
      <c r="J1209" s="194"/>
      <c r="K1209" s="194"/>
      <c r="L1209" s="194"/>
      <c r="M1209" s="194"/>
      <c r="N1209" s="194"/>
    </row>
    <row r="1210" spans="10:14" x14ac:dyDescent="0.2">
      <c r="J1210" s="194"/>
      <c r="K1210" s="194"/>
      <c r="L1210" s="194"/>
      <c r="M1210" s="194"/>
      <c r="N1210" s="194"/>
    </row>
    <row r="1211" spans="10:14" x14ac:dyDescent="0.2">
      <c r="J1211" s="194"/>
      <c r="K1211" s="194"/>
      <c r="L1211" s="194"/>
      <c r="M1211" s="194"/>
      <c r="N1211" s="194"/>
    </row>
    <row r="1212" spans="10:14" x14ac:dyDescent="0.2">
      <c r="J1212" s="194"/>
      <c r="K1212" s="194"/>
      <c r="L1212" s="194"/>
      <c r="M1212" s="194"/>
      <c r="N1212" s="194"/>
    </row>
    <row r="1213" spans="10:14" x14ac:dyDescent="0.2">
      <c r="J1213" s="194"/>
      <c r="K1213" s="194"/>
      <c r="L1213" s="194"/>
      <c r="M1213" s="194"/>
      <c r="N1213" s="194"/>
    </row>
    <row r="1214" spans="10:14" x14ac:dyDescent="0.2">
      <c r="J1214" s="194"/>
      <c r="K1214" s="194"/>
      <c r="L1214" s="194"/>
      <c r="M1214" s="194"/>
      <c r="N1214" s="194"/>
    </row>
    <row r="1215" spans="10:14" x14ac:dyDescent="0.2">
      <c r="J1215" s="194"/>
      <c r="K1215" s="194"/>
      <c r="L1215" s="194"/>
      <c r="M1215" s="194"/>
      <c r="N1215" s="194"/>
    </row>
    <row r="1216" spans="10:14" x14ac:dyDescent="0.2">
      <c r="J1216" s="194"/>
      <c r="K1216" s="194"/>
      <c r="L1216" s="194"/>
      <c r="M1216" s="194"/>
      <c r="N1216" s="194"/>
    </row>
    <row r="1217" spans="10:14" x14ac:dyDescent="0.2">
      <c r="J1217" s="194"/>
      <c r="K1217" s="194"/>
      <c r="L1217" s="194"/>
      <c r="M1217" s="194"/>
      <c r="N1217" s="194"/>
    </row>
    <row r="1218" spans="10:14" x14ac:dyDescent="0.2">
      <c r="J1218" s="194"/>
      <c r="K1218" s="194"/>
      <c r="L1218" s="194"/>
      <c r="M1218" s="194"/>
      <c r="N1218" s="194"/>
    </row>
    <row r="1219" spans="10:14" x14ac:dyDescent="0.2">
      <c r="J1219" s="194"/>
      <c r="K1219" s="194"/>
      <c r="L1219" s="194"/>
      <c r="M1219" s="194"/>
      <c r="N1219" s="194"/>
    </row>
    <row r="1220" spans="10:14" x14ac:dyDescent="0.2">
      <c r="J1220" s="194"/>
      <c r="K1220" s="194"/>
      <c r="L1220" s="194"/>
      <c r="M1220" s="194"/>
      <c r="N1220" s="194"/>
    </row>
    <row r="1221" spans="10:14" x14ac:dyDescent="0.2">
      <c r="J1221" s="194"/>
      <c r="K1221" s="194"/>
      <c r="L1221" s="194"/>
      <c r="M1221" s="194"/>
      <c r="N1221" s="194"/>
    </row>
    <row r="1222" spans="10:14" x14ac:dyDescent="0.2">
      <c r="J1222" s="194"/>
      <c r="K1222" s="194"/>
      <c r="L1222" s="194"/>
      <c r="M1222" s="194"/>
      <c r="N1222" s="194"/>
    </row>
    <row r="1223" spans="10:14" x14ac:dyDescent="0.2">
      <c r="J1223" s="194"/>
      <c r="K1223" s="194"/>
      <c r="L1223" s="194"/>
      <c r="M1223" s="194"/>
      <c r="N1223" s="194"/>
    </row>
    <row r="1224" spans="10:14" x14ac:dyDescent="0.2">
      <c r="J1224" s="194"/>
      <c r="K1224" s="194"/>
      <c r="L1224" s="194"/>
      <c r="M1224" s="194"/>
      <c r="N1224" s="194"/>
    </row>
    <row r="1225" spans="10:14" x14ac:dyDescent="0.2">
      <c r="J1225" s="194"/>
      <c r="K1225" s="194"/>
      <c r="L1225" s="194"/>
      <c r="M1225" s="194"/>
      <c r="N1225" s="194"/>
    </row>
    <row r="1226" spans="10:14" x14ac:dyDescent="0.2">
      <c r="J1226" s="194"/>
      <c r="K1226" s="194"/>
      <c r="L1226" s="194"/>
      <c r="M1226" s="194"/>
      <c r="N1226" s="194"/>
    </row>
    <row r="1227" spans="10:14" x14ac:dyDescent="0.2">
      <c r="J1227" s="194"/>
      <c r="K1227" s="194"/>
      <c r="L1227" s="194"/>
      <c r="M1227" s="194"/>
      <c r="N1227" s="194"/>
    </row>
    <row r="1228" spans="10:14" x14ac:dyDescent="0.2">
      <c r="J1228" s="194"/>
      <c r="K1228" s="194"/>
      <c r="L1228" s="194"/>
      <c r="M1228" s="194"/>
      <c r="N1228" s="194"/>
    </row>
    <row r="1229" spans="10:14" x14ac:dyDescent="0.2">
      <c r="J1229" s="194"/>
      <c r="K1229" s="194"/>
      <c r="L1229" s="194"/>
      <c r="M1229" s="194"/>
      <c r="N1229" s="194"/>
    </row>
    <row r="1230" spans="10:14" x14ac:dyDescent="0.2">
      <c r="J1230" s="194"/>
      <c r="K1230" s="194"/>
      <c r="L1230" s="194"/>
      <c r="M1230" s="194"/>
      <c r="N1230" s="194"/>
    </row>
    <row r="1231" spans="10:14" x14ac:dyDescent="0.2">
      <c r="J1231" s="194"/>
      <c r="K1231" s="194"/>
      <c r="L1231" s="194"/>
      <c r="M1231" s="194"/>
      <c r="N1231" s="194"/>
    </row>
    <row r="1232" spans="10:14" x14ac:dyDescent="0.2">
      <c r="J1232" s="194"/>
      <c r="K1232" s="194"/>
      <c r="L1232" s="194"/>
      <c r="M1232" s="194"/>
      <c r="N1232" s="194"/>
    </row>
    <row r="1233" spans="10:14" x14ac:dyDescent="0.2">
      <c r="J1233" s="194"/>
      <c r="K1233" s="194"/>
      <c r="L1233" s="194"/>
      <c r="M1233" s="194"/>
      <c r="N1233" s="194"/>
    </row>
    <row r="1234" spans="10:14" x14ac:dyDescent="0.2">
      <c r="J1234" s="194"/>
      <c r="K1234" s="194"/>
      <c r="L1234" s="194"/>
      <c r="M1234" s="194"/>
      <c r="N1234" s="194"/>
    </row>
    <row r="1235" spans="10:14" x14ac:dyDescent="0.2">
      <c r="J1235" s="194"/>
      <c r="K1235" s="194"/>
      <c r="L1235" s="194"/>
      <c r="M1235" s="194"/>
      <c r="N1235" s="194"/>
    </row>
    <row r="1236" spans="10:14" x14ac:dyDescent="0.2">
      <c r="J1236" s="194"/>
      <c r="K1236" s="194"/>
      <c r="L1236" s="194"/>
      <c r="M1236" s="194"/>
      <c r="N1236" s="194"/>
    </row>
    <row r="1237" spans="10:14" x14ac:dyDescent="0.2">
      <c r="J1237" s="194"/>
      <c r="K1237" s="194"/>
      <c r="L1237" s="194"/>
      <c r="M1237" s="194"/>
      <c r="N1237" s="194"/>
    </row>
    <row r="1238" spans="10:14" x14ac:dyDescent="0.2">
      <c r="J1238" s="194"/>
      <c r="K1238" s="194"/>
      <c r="L1238" s="194"/>
      <c r="M1238" s="194"/>
      <c r="N1238" s="194"/>
    </row>
    <row r="1239" spans="10:14" x14ac:dyDescent="0.2">
      <c r="J1239" s="194"/>
      <c r="K1239" s="194"/>
      <c r="L1239" s="194"/>
      <c r="M1239" s="194"/>
      <c r="N1239" s="194"/>
    </row>
    <row r="1240" spans="10:14" x14ac:dyDescent="0.2">
      <c r="J1240" s="194"/>
      <c r="K1240" s="194"/>
      <c r="L1240" s="194"/>
      <c r="M1240" s="194"/>
      <c r="N1240" s="194"/>
    </row>
    <row r="1241" spans="10:14" x14ac:dyDescent="0.2">
      <c r="J1241" s="194"/>
      <c r="K1241" s="194"/>
      <c r="L1241" s="194"/>
      <c r="M1241" s="194"/>
      <c r="N1241" s="194"/>
    </row>
    <row r="1242" spans="10:14" x14ac:dyDescent="0.2">
      <c r="J1242" s="194"/>
      <c r="K1242" s="194"/>
      <c r="L1242" s="194"/>
      <c r="M1242" s="194"/>
      <c r="N1242" s="194"/>
    </row>
    <row r="1243" spans="10:14" x14ac:dyDescent="0.2">
      <c r="J1243" s="194"/>
      <c r="K1243" s="194"/>
      <c r="L1243" s="194"/>
      <c r="M1243" s="194"/>
      <c r="N1243" s="194"/>
    </row>
    <row r="1244" spans="10:14" x14ac:dyDescent="0.2">
      <c r="J1244" s="194"/>
      <c r="K1244" s="194"/>
      <c r="L1244" s="194"/>
      <c r="M1244" s="194"/>
      <c r="N1244" s="194"/>
    </row>
    <row r="1245" spans="10:14" x14ac:dyDescent="0.2">
      <c r="J1245" s="194"/>
      <c r="K1245" s="194"/>
      <c r="L1245" s="194"/>
      <c r="M1245" s="194"/>
      <c r="N1245" s="194"/>
    </row>
    <row r="1246" spans="10:14" x14ac:dyDescent="0.2">
      <c r="J1246" s="194"/>
      <c r="K1246" s="194"/>
      <c r="L1246" s="194"/>
      <c r="M1246" s="194"/>
      <c r="N1246" s="194"/>
    </row>
    <row r="1247" spans="10:14" x14ac:dyDescent="0.2">
      <c r="J1247" s="194"/>
      <c r="K1247" s="194"/>
      <c r="L1247" s="194"/>
      <c r="M1247" s="194"/>
      <c r="N1247" s="194"/>
    </row>
    <row r="1248" spans="10:14" x14ac:dyDescent="0.2">
      <c r="J1248" s="194"/>
      <c r="K1248" s="194"/>
      <c r="L1248" s="194"/>
      <c r="M1248" s="194"/>
      <c r="N1248" s="194"/>
    </row>
    <row r="1249" spans="10:14" x14ac:dyDescent="0.2">
      <c r="J1249" s="194"/>
      <c r="K1249" s="194"/>
      <c r="L1249" s="194"/>
      <c r="M1249" s="194"/>
      <c r="N1249" s="194"/>
    </row>
    <row r="1250" spans="10:14" x14ac:dyDescent="0.2">
      <c r="J1250" s="194"/>
      <c r="K1250" s="194"/>
      <c r="L1250" s="194"/>
      <c r="M1250" s="194"/>
      <c r="N1250" s="194"/>
    </row>
    <row r="1251" spans="10:14" x14ac:dyDescent="0.2">
      <c r="J1251" s="194"/>
      <c r="K1251" s="194"/>
      <c r="L1251" s="194"/>
      <c r="M1251" s="194"/>
      <c r="N1251" s="194"/>
    </row>
    <row r="1252" spans="10:14" x14ac:dyDescent="0.2">
      <c r="J1252" s="194"/>
      <c r="K1252" s="194"/>
      <c r="L1252" s="194"/>
      <c r="M1252" s="194"/>
      <c r="N1252" s="194"/>
    </row>
    <row r="1253" spans="10:14" x14ac:dyDescent="0.2">
      <c r="J1253" s="194"/>
      <c r="K1253" s="194"/>
      <c r="L1253" s="194"/>
      <c r="M1253" s="194"/>
      <c r="N1253" s="194"/>
    </row>
    <row r="1254" spans="10:14" x14ac:dyDescent="0.2">
      <c r="J1254" s="194"/>
      <c r="K1254" s="194"/>
      <c r="L1254" s="194"/>
      <c r="M1254" s="194"/>
      <c r="N1254" s="194"/>
    </row>
    <row r="1255" spans="10:14" x14ac:dyDescent="0.2">
      <c r="J1255" s="194"/>
      <c r="K1255" s="194"/>
      <c r="L1255" s="194"/>
      <c r="M1255" s="194"/>
      <c r="N1255" s="194"/>
    </row>
    <row r="1256" spans="10:14" x14ac:dyDescent="0.2">
      <c r="J1256" s="194"/>
      <c r="K1256" s="194"/>
      <c r="L1256" s="194"/>
      <c r="M1256" s="194"/>
      <c r="N1256" s="194"/>
    </row>
    <row r="1257" spans="10:14" x14ac:dyDescent="0.2">
      <c r="J1257" s="194"/>
      <c r="K1257" s="194"/>
      <c r="L1257" s="194"/>
      <c r="M1257" s="194"/>
      <c r="N1257" s="194"/>
    </row>
    <row r="1258" spans="10:14" x14ac:dyDescent="0.2">
      <c r="J1258" s="194"/>
      <c r="K1258" s="194"/>
      <c r="L1258" s="194"/>
      <c r="M1258" s="194"/>
      <c r="N1258" s="194"/>
    </row>
    <row r="1259" spans="10:14" x14ac:dyDescent="0.2">
      <c r="J1259" s="194"/>
      <c r="K1259" s="194"/>
      <c r="L1259" s="194"/>
      <c r="M1259" s="194"/>
      <c r="N1259" s="194"/>
    </row>
    <row r="1260" spans="10:14" x14ac:dyDescent="0.2">
      <c r="J1260" s="194"/>
      <c r="K1260" s="194"/>
      <c r="L1260" s="194"/>
      <c r="M1260" s="194"/>
      <c r="N1260" s="194"/>
    </row>
    <row r="1261" spans="10:14" x14ac:dyDescent="0.2">
      <c r="J1261" s="194"/>
      <c r="K1261" s="194"/>
      <c r="L1261" s="194"/>
      <c r="M1261" s="194"/>
      <c r="N1261" s="194"/>
    </row>
    <row r="1262" spans="10:14" x14ac:dyDescent="0.2">
      <c r="J1262" s="194"/>
      <c r="K1262" s="194"/>
      <c r="L1262" s="194"/>
      <c r="M1262" s="194"/>
      <c r="N1262" s="194"/>
    </row>
    <row r="1263" spans="10:14" x14ac:dyDescent="0.2">
      <c r="J1263" s="194"/>
      <c r="K1263" s="194"/>
      <c r="L1263" s="194"/>
      <c r="M1263" s="194"/>
      <c r="N1263" s="194"/>
    </row>
    <row r="1264" spans="10:14" x14ac:dyDescent="0.2">
      <c r="J1264" s="194"/>
      <c r="K1264" s="194"/>
      <c r="L1264" s="194"/>
      <c r="M1264" s="194"/>
      <c r="N1264" s="194"/>
    </row>
    <row r="1265" spans="10:14" x14ac:dyDescent="0.2">
      <c r="J1265" s="194"/>
      <c r="K1265" s="194"/>
      <c r="L1265" s="194"/>
      <c r="M1265" s="194"/>
      <c r="N1265" s="194"/>
    </row>
    <row r="1266" spans="10:14" x14ac:dyDescent="0.2">
      <c r="J1266" s="194"/>
      <c r="K1266" s="194"/>
      <c r="L1266" s="194"/>
      <c r="M1266" s="194"/>
      <c r="N1266" s="194"/>
    </row>
    <row r="1267" spans="10:14" x14ac:dyDescent="0.2">
      <c r="J1267" s="194"/>
      <c r="K1267" s="194"/>
      <c r="L1267" s="194"/>
      <c r="M1267" s="194"/>
      <c r="N1267" s="194"/>
    </row>
    <row r="1268" spans="10:14" x14ac:dyDescent="0.2">
      <c r="J1268" s="194"/>
      <c r="K1268" s="194"/>
      <c r="L1268" s="194"/>
      <c r="M1268" s="194"/>
      <c r="N1268" s="194"/>
    </row>
    <row r="1269" spans="10:14" x14ac:dyDescent="0.2">
      <c r="J1269" s="194"/>
      <c r="K1269" s="194"/>
      <c r="L1269" s="194"/>
      <c r="M1269" s="194"/>
      <c r="N1269" s="194"/>
    </row>
    <row r="1270" spans="10:14" x14ac:dyDescent="0.2">
      <c r="J1270" s="194"/>
      <c r="K1270" s="194"/>
      <c r="L1270" s="194"/>
      <c r="M1270" s="194"/>
      <c r="N1270" s="194"/>
    </row>
    <row r="1271" spans="10:14" x14ac:dyDescent="0.2">
      <c r="J1271" s="194"/>
      <c r="K1271" s="194"/>
      <c r="L1271" s="194"/>
      <c r="M1271" s="194"/>
      <c r="N1271" s="194"/>
    </row>
    <row r="1272" spans="10:14" x14ac:dyDescent="0.2">
      <c r="J1272" s="194"/>
      <c r="K1272" s="194"/>
      <c r="L1272" s="194"/>
      <c r="M1272" s="194"/>
      <c r="N1272" s="194"/>
    </row>
    <row r="1273" spans="10:14" x14ac:dyDescent="0.2">
      <c r="J1273" s="194"/>
      <c r="K1273" s="194"/>
      <c r="L1273" s="194"/>
      <c r="M1273" s="194"/>
      <c r="N1273" s="194"/>
    </row>
    <row r="1274" spans="10:14" x14ac:dyDescent="0.2">
      <c r="J1274" s="194"/>
      <c r="K1274" s="194"/>
      <c r="L1274" s="194"/>
      <c r="M1274" s="194"/>
      <c r="N1274" s="194"/>
    </row>
    <row r="1275" spans="10:14" x14ac:dyDescent="0.2">
      <c r="J1275" s="194"/>
      <c r="K1275" s="194"/>
      <c r="L1275" s="194"/>
      <c r="M1275" s="194"/>
      <c r="N1275" s="194"/>
    </row>
    <row r="1276" spans="10:14" x14ac:dyDescent="0.2">
      <c r="J1276" s="194"/>
      <c r="K1276" s="194"/>
      <c r="L1276" s="194"/>
      <c r="M1276" s="194"/>
      <c r="N1276" s="194"/>
    </row>
    <row r="1277" spans="10:14" x14ac:dyDescent="0.2">
      <c r="J1277" s="194"/>
      <c r="K1277" s="194"/>
      <c r="L1277" s="194"/>
      <c r="M1277" s="194"/>
      <c r="N1277" s="194"/>
    </row>
    <row r="1278" spans="10:14" x14ac:dyDescent="0.2">
      <c r="J1278" s="194"/>
      <c r="K1278" s="194"/>
      <c r="L1278" s="194"/>
      <c r="M1278" s="194"/>
      <c r="N1278" s="194"/>
    </row>
    <row r="1279" spans="10:14" x14ac:dyDescent="0.2">
      <c r="J1279" s="194"/>
      <c r="K1279" s="194"/>
      <c r="L1279" s="194"/>
      <c r="M1279" s="194"/>
      <c r="N1279" s="194"/>
    </row>
    <row r="1280" spans="10:14" x14ac:dyDescent="0.2">
      <c r="J1280" s="194"/>
      <c r="K1280" s="194"/>
      <c r="L1280" s="194"/>
      <c r="M1280" s="194"/>
      <c r="N1280" s="194"/>
    </row>
    <row r="1281" spans="10:14" x14ac:dyDescent="0.2">
      <c r="J1281" s="194"/>
      <c r="K1281" s="194"/>
      <c r="L1281" s="194"/>
      <c r="M1281" s="194"/>
      <c r="N1281" s="194"/>
    </row>
    <row r="1282" spans="10:14" x14ac:dyDescent="0.2">
      <c r="J1282" s="194"/>
      <c r="K1282" s="194"/>
      <c r="L1282" s="194"/>
      <c r="M1282" s="194"/>
      <c r="N1282" s="194"/>
    </row>
    <row r="1283" spans="10:14" x14ac:dyDescent="0.2">
      <c r="J1283" s="194"/>
      <c r="K1283" s="194"/>
      <c r="L1283" s="194"/>
      <c r="M1283" s="194"/>
      <c r="N1283" s="194"/>
    </row>
    <row r="1284" spans="10:14" x14ac:dyDescent="0.2">
      <c r="J1284" s="194"/>
      <c r="K1284" s="194"/>
      <c r="L1284" s="194"/>
      <c r="M1284" s="194"/>
      <c r="N1284" s="194"/>
    </row>
    <row r="1285" spans="10:14" x14ac:dyDescent="0.2">
      <c r="J1285" s="194"/>
      <c r="K1285" s="194"/>
      <c r="L1285" s="194"/>
      <c r="M1285" s="194"/>
      <c r="N1285" s="194"/>
    </row>
    <row r="1286" spans="10:14" x14ac:dyDescent="0.2">
      <c r="J1286" s="194"/>
      <c r="K1286" s="194"/>
      <c r="L1286" s="194"/>
      <c r="M1286" s="194"/>
      <c r="N1286" s="194"/>
    </row>
    <row r="1287" spans="10:14" x14ac:dyDescent="0.2">
      <c r="J1287" s="194"/>
      <c r="K1287" s="194"/>
      <c r="L1287" s="194"/>
      <c r="M1287" s="194"/>
      <c r="N1287" s="194"/>
    </row>
    <row r="1288" spans="10:14" x14ac:dyDescent="0.2">
      <c r="J1288" s="194"/>
      <c r="K1288" s="194"/>
      <c r="L1288" s="194"/>
      <c r="M1288" s="194"/>
      <c r="N1288" s="194"/>
    </row>
    <row r="1289" spans="10:14" x14ac:dyDescent="0.2">
      <c r="J1289" s="194"/>
      <c r="K1289" s="194"/>
      <c r="L1289" s="194"/>
      <c r="M1289" s="194"/>
      <c r="N1289" s="194"/>
    </row>
    <row r="1290" spans="10:14" x14ac:dyDescent="0.2">
      <c r="J1290" s="194"/>
      <c r="K1290" s="194"/>
      <c r="L1290" s="194"/>
      <c r="M1290" s="194"/>
      <c r="N1290" s="194"/>
    </row>
    <row r="1291" spans="10:14" x14ac:dyDescent="0.2">
      <c r="J1291" s="194"/>
      <c r="K1291" s="194"/>
      <c r="L1291" s="194"/>
      <c r="M1291" s="194"/>
      <c r="N1291" s="194"/>
    </row>
    <row r="1292" spans="10:14" x14ac:dyDescent="0.2">
      <c r="J1292" s="194"/>
      <c r="K1292" s="194"/>
      <c r="L1292" s="194"/>
      <c r="M1292" s="194"/>
      <c r="N1292" s="194"/>
    </row>
    <row r="1293" spans="10:14" x14ac:dyDescent="0.2">
      <c r="J1293" s="194"/>
      <c r="K1293" s="194"/>
      <c r="L1293" s="194"/>
      <c r="M1293" s="194"/>
      <c r="N1293" s="194"/>
    </row>
    <row r="1294" spans="10:14" x14ac:dyDescent="0.2">
      <c r="J1294" s="194"/>
      <c r="K1294" s="194"/>
      <c r="L1294" s="194"/>
      <c r="M1294" s="194"/>
      <c r="N1294" s="194"/>
    </row>
    <row r="1295" spans="10:14" x14ac:dyDescent="0.2">
      <c r="J1295" s="194"/>
      <c r="K1295" s="194"/>
      <c r="L1295" s="194"/>
      <c r="M1295" s="194"/>
      <c r="N1295" s="194"/>
    </row>
    <row r="1296" spans="10:14" x14ac:dyDescent="0.2">
      <c r="J1296" s="194"/>
      <c r="K1296" s="194"/>
      <c r="L1296" s="194"/>
      <c r="M1296" s="194"/>
      <c r="N1296" s="194"/>
    </row>
    <row r="1297" spans="10:14" x14ac:dyDescent="0.2">
      <c r="J1297" s="194"/>
      <c r="K1297" s="194"/>
      <c r="L1297" s="194"/>
      <c r="M1297" s="194"/>
      <c r="N1297" s="194"/>
    </row>
    <row r="1298" spans="10:14" x14ac:dyDescent="0.2">
      <c r="J1298" s="194"/>
      <c r="K1298" s="194"/>
      <c r="L1298" s="194"/>
      <c r="M1298" s="194"/>
      <c r="N1298" s="194"/>
    </row>
    <row r="1299" spans="10:14" x14ac:dyDescent="0.2">
      <c r="J1299" s="194"/>
      <c r="K1299" s="194"/>
      <c r="L1299" s="194"/>
      <c r="M1299" s="194"/>
      <c r="N1299" s="194"/>
    </row>
    <row r="1300" spans="10:14" x14ac:dyDescent="0.2">
      <c r="J1300" s="194"/>
      <c r="K1300" s="194"/>
      <c r="L1300" s="194"/>
      <c r="M1300" s="194"/>
      <c r="N1300" s="194"/>
    </row>
    <row r="1301" spans="10:14" x14ac:dyDescent="0.2">
      <c r="J1301" s="194"/>
      <c r="K1301" s="194"/>
      <c r="L1301" s="194"/>
      <c r="M1301" s="194"/>
      <c r="N1301" s="194"/>
    </row>
    <row r="1302" spans="10:14" x14ac:dyDescent="0.2">
      <c r="J1302" s="194"/>
      <c r="K1302" s="194"/>
      <c r="L1302" s="194"/>
      <c r="M1302" s="194"/>
      <c r="N1302" s="194"/>
    </row>
    <row r="1303" spans="10:14" x14ac:dyDescent="0.2">
      <c r="J1303" s="194"/>
      <c r="K1303" s="194"/>
      <c r="L1303" s="194"/>
      <c r="M1303" s="194"/>
      <c r="N1303" s="194"/>
    </row>
    <row r="1304" spans="10:14" x14ac:dyDescent="0.2">
      <c r="J1304" s="194"/>
      <c r="K1304" s="194"/>
      <c r="L1304" s="194"/>
      <c r="M1304" s="194"/>
      <c r="N1304" s="194"/>
    </row>
    <row r="1305" spans="10:14" x14ac:dyDescent="0.2">
      <c r="J1305" s="194"/>
      <c r="K1305" s="194"/>
      <c r="L1305" s="194"/>
      <c r="M1305" s="194"/>
      <c r="N1305" s="194"/>
    </row>
    <row r="1306" spans="10:14" x14ac:dyDescent="0.2">
      <c r="J1306" s="194"/>
      <c r="K1306" s="194"/>
      <c r="L1306" s="194"/>
      <c r="M1306" s="194"/>
      <c r="N1306" s="194"/>
    </row>
    <row r="1307" spans="10:14" x14ac:dyDescent="0.2">
      <c r="J1307" s="194"/>
      <c r="K1307" s="194"/>
      <c r="L1307" s="194"/>
      <c r="M1307" s="194"/>
      <c r="N1307" s="194"/>
    </row>
    <row r="1308" spans="10:14" x14ac:dyDescent="0.2">
      <c r="J1308" s="194"/>
      <c r="K1308" s="194"/>
      <c r="L1308" s="194"/>
      <c r="M1308" s="194"/>
      <c r="N1308" s="194"/>
    </row>
    <row r="1309" spans="10:14" x14ac:dyDescent="0.2">
      <c r="J1309" s="194"/>
      <c r="K1309" s="194"/>
      <c r="L1309" s="194"/>
      <c r="M1309" s="194"/>
      <c r="N1309" s="194"/>
    </row>
    <row r="1310" spans="10:14" x14ac:dyDescent="0.2">
      <c r="J1310" s="194"/>
      <c r="K1310" s="194"/>
      <c r="L1310" s="194"/>
      <c r="M1310" s="194"/>
      <c r="N1310" s="194"/>
    </row>
    <row r="1311" spans="10:14" x14ac:dyDescent="0.2">
      <c r="J1311" s="194"/>
      <c r="K1311" s="194"/>
      <c r="L1311" s="194"/>
      <c r="M1311" s="194"/>
      <c r="N1311" s="194"/>
    </row>
    <row r="1312" spans="10:14" x14ac:dyDescent="0.2">
      <c r="J1312" s="194"/>
      <c r="K1312" s="194"/>
      <c r="L1312" s="194"/>
      <c r="M1312" s="194"/>
      <c r="N1312" s="194"/>
    </row>
    <row r="1313" spans="10:14" x14ac:dyDescent="0.2">
      <c r="J1313" s="194"/>
      <c r="K1313" s="194"/>
      <c r="L1313" s="194"/>
      <c r="M1313" s="194"/>
      <c r="N1313" s="194"/>
    </row>
    <row r="1314" spans="10:14" x14ac:dyDescent="0.2">
      <c r="J1314" s="194"/>
      <c r="K1314" s="194"/>
      <c r="L1314" s="194"/>
      <c r="M1314" s="194"/>
      <c r="N1314" s="194"/>
    </row>
    <row r="1315" spans="10:14" x14ac:dyDescent="0.2">
      <c r="J1315" s="194"/>
      <c r="K1315" s="194"/>
      <c r="L1315" s="194"/>
      <c r="M1315" s="194"/>
      <c r="N1315" s="194"/>
    </row>
    <row r="1316" spans="10:14" x14ac:dyDescent="0.2">
      <c r="J1316" s="194"/>
      <c r="K1316" s="194"/>
      <c r="L1316" s="194"/>
      <c r="M1316" s="194"/>
      <c r="N1316" s="194"/>
    </row>
    <row r="1317" spans="10:14" x14ac:dyDescent="0.2">
      <c r="J1317" s="194"/>
      <c r="K1317" s="194"/>
      <c r="L1317" s="194"/>
      <c r="M1317" s="194"/>
      <c r="N1317" s="194"/>
    </row>
    <row r="1318" spans="10:14" x14ac:dyDescent="0.2">
      <c r="J1318" s="194"/>
      <c r="K1318" s="194"/>
      <c r="L1318" s="194"/>
      <c r="M1318" s="194"/>
      <c r="N1318" s="194"/>
    </row>
    <row r="1319" spans="10:14" x14ac:dyDescent="0.2">
      <c r="J1319" s="194"/>
      <c r="K1319" s="194"/>
      <c r="L1319" s="194"/>
      <c r="M1319" s="194"/>
      <c r="N1319" s="194"/>
    </row>
    <row r="1320" spans="10:14" x14ac:dyDescent="0.2">
      <c r="J1320" s="194"/>
      <c r="K1320" s="194"/>
      <c r="L1320" s="194"/>
      <c r="M1320" s="194"/>
      <c r="N1320" s="194"/>
    </row>
    <row r="1321" spans="10:14" x14ac:dyDescent="0.2">
      <c r="J1321" s="194"/>
      <c r="K1321" s="194"/>
      <c r="L1321" s="194"/>
      <c r="M1321" s="194"/>
      <c r="N1321" s="194"/>
    </row>
    <row r="1322" spans="10:14" x14ac:dyDescent="0.2">
      <c r="J1322" s="194"/>
      <c r="K1322" s="194"/>
      <c r="L1322" s="194"/>
      <c r="M1322" s="194"/>
      <c r="N1322" s="194"/>
    </row>
    <row r="1323" spans="10:14" x14ac:dyDescent="0.2">
      <c r="J1323" s="194"/>
      <c r="K1323" s="194"/>
      <c r="L1323" s="194"/>
      <c r="M1323" s="194"/>
      <c r="N1323" s="194"/>
    </row>
    <row r="1324" spans="10:14" x14ac:dyDescent="0.2">
      <c r="J1324" s="194"/>
      <c r="K1324" s="194"/>
      <c r="L1324" s="194"/>
      <c r="M1324" s="194"/>
      <c r="N1324" s="194"/>
    </row>
    <row r="1325" spans="10:14" x14ac:dyDescent="0.2">
      <c r="J1325" s="194"/>
      <c r="K1325" s="194"/>
      <c r="L1325" s="194"/>
      <c r="M1325" s="194"/>
      <c r="N1325" s="194"/>
    </row>
    <row r="1326" spans="10:14" x14ac:dyDescent="0.2">
      <c r="J1326" s="194"/>
      <c r="K1326" s="194"/>
      <c r="L1326" s="194"/>
      <c r="M1326" s="194"/>
      <c r="N1326" s="194"/>
    </row>
    <row r="1327" spans="10:14" x14ac:dyDescent="0.2">
      <c r="J1327" s="194"/>
      <c r="K1327" s="194"/>
      <c r="L1327" s="194"/>
      <c r="M1327" s="194"/>
      <c r="N1327" s="194"/>
    </row>
    <row r="1328" spans="10:14" x14ac:dyDescent="0.2">
      <c r="J1328" s="194"/>
      <c r="K1328" s="194"/>
      <c r="L1328" s="194"/>
      <c r="M1328" s="194"/>
      <c r="N1328" s="194"/>
    </row>
    <row r="1329" spans="10:14" x14ac:dyDescent="0.2">
      <c r="J1329" s="194"/>
      <c r="K1329" s="194"/>
      <c r="L1329" s="194"/>
      <c r="M1329" s="194"/>
      <c r="N1329" s="194"/>
    </row>
    <row r="1330" spans="10:14" x14ac:dyDescent="0.2">
      <c r="J1330" s="194"/>
      <c r="K1330" s="194"/>
      <c r="L1330" s="194"/>
      <c r="M1330" s="194"/>
      <c r="N1330" s="194"/>
    </row>
    <row r="1331" spans="10:14" x14ac:dyDescent="0.2">
      <c r="J1331" s="194"/>
      <c r="K1331" s="194"/>
      <c r="L1331" s="194"/>
      <c r="M1331" s="194"/>
      <c r="N1331" s="194"/>
    </row>
    <row r="1332" spans="10:14" x14ac:dyDescent="0.2">
      <c r="J1332" s="194"/>
      <c r="K1332" s="194"/>
      <c r="L1332" s="194"/>
      <c r="M1332" s="194"/>
      <c r="N1332" s="194"/>
    </row>
    <row r="1333" spans="10:14" x14ac:dyDescent="0.2">
      <c r="J1333" s="194"/>
      <c r="K1333" s="194"/>
      <c r="L1333" s="194"/>
      <c r="M1333" s="194"/>
      <c r="N1333" s="194"/>
    </row>
    <row r="1334" spans="10:14" x14ac:dyDescent="0.2">
      <c r="J1334" s="194"/>
      <c r="K1334" s="194"/>
      <c r="L1334" s="194"/>
      <c r="M1334" s="194"/>
      <c r="N1334" s="194"/>
    </row>
    <row r="1335" spans="10:14" x14ac:dyDescent="0.2">
      <c r="J1335" s="194"/>
      <c r="K1335" s="194"/>
      <c r="L1335" s="194"/>
      <c r="M1335" s="194"/>
      <c r="N1335" s="194"/>
    </row>
    <row r="1336" spans="10:14" x14ac:dyDescent="0.2">
      <c r="J1336" s="194"/>
      <c r="K1336" s="194"/>
      <c r="L1336" s="194"/>
      <c r="M1336" s="194"/>
      <c r="N1336" s="194"/>
    </row>
    <row r="1337" spans="10:14" x14ac:dyDescent="0.2">
      <c r="J1337" s="194"/>
      <c r="K1337" s="194"/>
      <c r="L1337" s="194"/>
      <c r="M1337" s="194"/>
      <c r="N1337" s="194"/>
    </row>
    <row r="1338" spans="10:14" x14ac:dyDescent="0.2">
      <c r="J1338" s="194"/>
      <c r="K1338" s="194"/>
      <c r="L1338" s="194"/>
      <c r="M1338" s="194"/>
      <c r="N1338" s="194"/>
    </row>
    <row r="1339" spans="10:14" x14ac:dyDescent="0.2">
      <c r="J1339" s="194"/>
      <c r="K1339" s="194"/>
      <c r="L1339" s="194"/>
      <c r="M1339" s="194"/>
      <c r="N1339" s="194"/>
    </row>
    <row r="1340" spans="10:14" x14ac:dyDescent="0.2">
      <c r="J1340" s="194"/>
      <c r="K1340" s="194"/>
      <c r="L1340" s="194"/>
      <c r="M1340" s="194"/>
      <c r="N1340" s="194"/>
    </row>
    <row r="1341" spans="10:14" x14ac:dyDescent="0.2">
      <c r="J1341" s="194"/>
      <c r="K1341" s="194"/>
      <c r="L1341" s="194"/>
      <c r="M1341" s="194"/>
      <c r="N1341" s="194"/>
    </row>
    <row r="1342" spans="10:14" x14ac:dyDescent="0.2">
      <c r="J1342" s="194"/>
      <c r="K1342" s="194"/>
      <c r="L1342" s="194"/>
      <c r="M1342" s="194"/>
      <c r="N1342" s="194"/>
    </row>
    <row r="1343" spans="10:14" x14ac:dyDescent="0.2">
      <c r="J1343" s="194"/>
      <c r="K1343" s="194"/>
      <c r="L1343" s="194"/>
      <c r="M1343" s="194"/>
      <c r="N1343" s="194"/>
    </row>
    <row r="1344" spans="10:14" x14ac:dyDescent="0.2">
      <c r="J1344" s="194"/>
      <c r="K1344" s="194"/>
      <c r="L1344" s="194"/>
      <c r="M1344" s="194"/>
      <c r="N1344" s="194"/>
    </row>
    <row r="1345" spans="10:14" x14ac:dyDescent="0.2">
      <c r="J1345" s="194"/>
      <c r="K1345" s="194"/>
      <c r="L1345" s="194"/>
      <c r="M1345" s="194"/>
      <c r="N1345" s="194"/>
    </row>
    <row r="1346" spans="10:14" x14ac:dyDescent="0.2">
      <c r="J1346" s="194"/>
      <c r="K1346" s="194"/>
      <c r="L1346" s="194"/>
      <c r="M1346" s="194"/>
      <c r="N1346" s="194"/>
    </row>
    <row r="1347" spans="10:14" x14ac:dyDescent="0.2">
      <c r="J1347" s="194"/>
      <c r="K1347" s="194"/>
      <c r="L1347" s="194"/>
      <c r="M1347" s="194"/>
      <c r="N1347" s="194"/>
    </row>
    <row r="1348" spans="10:14" x14ac:dyDescent="0.2">
      <c r="J1348" s="194"/>
      <c r="K1348" s="194"/>
      <c r="L1348" s="194"/>
      <c r="M1348" s="194"/>
      <c r="N1348" s="194"/>
    </row>
    <row r="1349" spans="10:14" x14ac:dyDescent="0.2">
      <c r="J1349" s="194"/>
      <c r="K1349" s="194"/>
      <c r="L1349" s="194"/>
      <c r="M1349" s="194"/>
      <c r="N1349" s="194"/>
    </row>
    <row r="1350" spans="10:14" x14ac:dyDescent="0.2">
      <c r="J1350" s="194"/>
      <c r="K1350" s="194"/>
      <c r="L1350" s="194"/>
      <c r="M1350" s="194"/>
      <c r="N1350" s="194"/>
    </row>
    <row r="1351" spans="10:14" x14ac:dyDescent="0.2">
      <c r="J1351" s="194"/>
      <c r="K1351" s="194"/>
      <c r="L1351" s="194"/>
      <c r="M1351" s="194"/>
      <c r="N1351" s="194"/>
    </row>
    <row r="1352" spans="10:14" x14ac:dyDescent="0.2">
      <c r="J1352" s="194"/>
      <c r="K1352" s="194"/>
      <c r="L1352" s="194"/>
      <c r="M1352" s="194"/>
      <c r="N1352" s="194"/>
    </row>
    <row r="1353" spans="10:14" x14ac:dyDescent="0.2">
      <c r="J1353" s="194"/>
      <c r="K1353" s="194"/>
      <c r="L1353" s="194"/>
      <c r="M1353" s="194"/>
      <c r="N1353" s="194"/>
    </row>
    <row r="1354" spans="10:14" x14ac:dyDescent="0.2">
      <c r="J1354" s="194"/>
      <c r="K1354" s="194"/>
      <c r="L1354" s="194"/>
      <c r="M1354" s="194"/>
      <c r="N1354" s="194"/>
    </row>
    <row r="1355" spans="10:14" x14ac:dyDescent="0.2">
      <c r="J1355" s="194"/>
      <c r="K1355" s="194"/>
      <c r="L1355" s="194"/>
      <c r="M1355" s="194"/>
      <c r="N1355" s="194"/>
    </row>
    <row r="1356" spans="10:14" x14ac:dyDescent="0.2">
      <c r="J1356" s="194"/>
      <c r="K1356" s="194"/>
      <c r="L1356" s="194"/>
      <c r="M1356" s="194"/>
      <c r="N1356" s="194"/>
    </row>
    <row r="1357" spans="10:14" x14ac:dyDescent="0.2">
      <c r="J1357" s="194"/>
      <c r="K1357" s="194"/>
      <c r="L1357" s="194"/>
      <c r="M1357" s="194"/>
      <c r="N1357" s="194"/>
    </row>
    <row r="1358" spans="10:14" x14ac:dyDescent="0.2">
      <c r="J1358" s="194"/>
      <c r="K1358" s="194"/>
      <c r="L1358" s="194"/>
      <c r="M1358" s="194"/>
      <c r="N1358" s="194"/>
    </row>
    <row r="1359" spans="10:14" x14ac:dyDescent="0.2">
      <c r="J1359" s="194"/>
      <c r="K1359" s="194"/>
      <c r="L1359" s="194"/>
      <c r="M1359" s="194"/>
      <c r="N1359" s="194"/>
    </row>
    <row r="1360" spans="10:14" x14ac:dyDescent="0.2">
      <c r="J1360" s="194"/>
      <c r="K1360" s="194"/>
      <c r="L1360" s="194"/>
      <c r="M1360" s="194"/>
      <c r="N1360" s="194"/>
    </row>
    <row r="1361" spans="10:14" x14ac:dyDescent="0.2">
      <c r="J1361" s="194"/>
      <c r="K1361" s="194"/>
      <c r="L1361" s="194"/>
      <c r="M1361" s="194"/>
      <c r="N1361" s="194"/>
    </row>
    <row r="1362" spans="10:14" x14ac:dyDescent="0.2">
      <c r="J1362" s="194"/>
      <c r="K1362" s="194"/>
      <c r="L1362" s="194"/>
      <c r="M1362" s="194"/>
      <c r="N1362" s="194"/>
    </row>
    <row r="1363" spans="10:14" x14ac:dyDescent="0.2">
      <c r="J1363" s="194"/>
      <c r="K1363" s="194"/>
      <c r="L1363" s="194"/>
      <c r="M1363" s="194"/>
      <c r="N1363" s="194"/>
    </row>
    <row r="1364" spans="10:14" x14ac:dyDescent="0.2">
      <c r="J1364" s="194"/>
      <c r="K1364" s="194"/>
      <c r="L1364" s="194"/>
      <c r="M1364" s="194"/>
      <c r="N1364" s="194"/>
    </row>
    <row r="1365" spans="10:14" x14ac:dyDescent="0.2">
      <c r="J1365" s="194"/>
      <c r="K1365" s="194"/>
      <c r="L1365" s="194"/>
      <c r="M1365" s="194"/>
      <c r="N1365" s="194"/>
    </row>
    <row r="1366" spans="10:14" x14ac:dyDescent="0.2">
      <c r="J1366" s="194"/>
      <c r="K1366" s="194"/>
      <c r="L1366" s="194"/>
      <c r="M1366" s="194"/>
      <c r="N1366" s="194"/>
    </row>
    <row r="1367" spans="10:14" x14ac:dyDescent="0.2">
      <c r="J1367" s="194"/>
      <c r="K1367" s="194"/>
      <c r="L1367" s="194"/>
      <c r="M1367" s="194"/>
      <c r="N1367" s="194"/>
    </row>
    <row r="1368" spans="10:14" x14ac:dyDescent="0.2">
      <c r="J1368" s="194"/>
      <c r="K1368" s="194"/>
      <c r="L1368" s="194"/>
      <c r="M1368" s="194"/>
      <c r="N1368" s="194"/>
    </row>
    <row r="1369" spans="10:14" x14ac:dyDescent="0.2">
      <c r="J1369" s="194"/>
      <c r="K1369" s="194"/>
      <c r="L1369" s="194"/>
      <c r="M1369" s="194"/>
      <c r="N1369" s="194"/>
    </row>
    <row r="1370" spans="10:14" x14ac:dyDescent="0.2">
      <c r="J1370" s="194"/>
      <c r="K1370" s="194"/>
      <c r="L1370" s="194"/>
      <c r="M1370" s="194"/>
      <c r="N1370" s="194"/>
    </row>
    <row r="1371" spans="10:14" x14ac:dyDescent="0.2">
      <c r="J1371" s="194"/>
      <c r="K1371" s="194"/>
      <c r="L1371" s="194"/>
      <c r="M1371" s="194"/>
      <c r="N1371" s="194"/>
    </row>
    <row r="1372" spans="10:14" x14ac:dyDescent="0.2">
      <c r="J1372" s="194"/>
      <c r="K1372" s="194"/>
      <c r="L1372" s="194"/>
      <c r="M1372" s="194"/>
      <c r="N1372" s="194"/>
    </row>
    <row r="1373" spans="10:14" x14ac:dyDescent="0.2">
      <c r="J1373" s="194"/>
      <c r="K1373" s="194"/>
      <c r="L1373" s="194"/>
      <c r="M1373" s="194"/>
      <c r="N1373" s="194"/>
    </row>
    <row r="1374" spans="10:14" x14ac:dyDescent="0.2">
      <c r="J1374" s="194"/>
      <c r="K1374" s="194"/>
      <c r="L1374" s="194"/>
      <c r="M1374" s="194"/>
      <c r="N1374" s="194"/>
    </row>
    <row r="1375" spans="10:14" x14ac:dyDescent="0.2">
      <c r="J1375" s="194"/>
      <c r="K1375" s="194"/>
      <c r="L1375" s="194"/>
      <c r="M1375" s="194"/>
      <c r="N1375" s="194"/>
    </row>
    <row r="1376" spans="10:14" x14ac:dyDescent="0.2">
      <c r="J1376" s="194"/>
      <c r="K1376" s="194"/>
      <c r="L1376" s="194"/>
      <c r="M1376" s="194"/>
      <c r="N1376" s="194"/>
    </row>
    <row r="1377" spans="10:14" x14ac:dyDescent="0.2">
      <c r="J1377" s="194"/>
      <c r="K1377" s="194"/>
      <c r="L1377" s="194"/>
      <c r="M1377" s="194"/>
      <c r="N1377" s="194"/>
    </row>
    <row r="1378" spans="10:14" x14ac:dyDescent="0.2">
      <c r="J1378" s="194"/>
      <c r="K1378" s="194"/>
      <c r="L1378" s="194"/>
      <c r="M1378" s="194"/>
      <c r="N1378" s="194"/>
    </row>
    <row r="1379" spans="10:14" x14ac:dyDescent="0.2">
      <c r="J1379" s="194"/>
      <c r="K1379" s="194"/>
      <c r="L1379" s="194"/>
      <c r="M1379" s="194"/>
      <c r="N1379" s="194"/>
    </row>
    <row r="1380" spans="10:14" x14ac:dyDescent="0.2">
      <c r="J1380" s="194"/>
      <c r="K1380" s="194"/>
      <c r="L1380" s="194"/>
      <c r="M1380" s="194"/>
      <c r="N1380" s="194"/>
    </row>
    <row r="1381" spans="10:14" x14ac:dyDescent="0.2">
      <c r="J1381" s="194"/>
      <c r="K1381" s="194"/>
      <c r="L1381" s="194"/>
      <c r="M1381" s="194"/>
      <c r="N1381" s="194"/>
    </row>
    <row r="1382" spans="10:14" x14ac:dyDescent="0.2">
      <c r="J1382" s="194"/>
      <c r="K1382" s="194"/>
      <c r="L1382" s="194"/>
      <c r="M1382" s="194"/>
      <c r="N1382" s="194"/>
    </row>
    <row r="1383" spans="10:14" x14ac:dyDescent="0.2">
      <c r="J1383" s="194"/>
      <c r="K1383" s="194"/>
      <c r="L1383" s="194"/>
      <c r="M1383" s="194"/>
      <c r="N1383" s="194"/>
    </row>
    <row r="1384" spans="10:14" x14ac:dyDescent="0.2">
      <c r="J1384" s="194"/>
      <c r="K1384" s="194"/>
      <c r="L1384" s="194"/>
      <c r="M1384" s="194"/>
      <c r="N1384" s="194"/>
    </row>
    <row r="1385" spans="10:14" x14ac:dyDescent="0.2">
      <c r="J1385" s="194"/>
      <c r="K1385" s="194"/>
      <c r="L1385" s="194"/>
      <c r="M1385" s="194"/>
      <c r="N1385" s="194"/>
    </row>
    <row r="1386" spans="10:14" x14ac:dyDescent="0.2">
      <c r="J1386" s="194"/>
      <c r="K1386" s="194"/>
      <c r="L1386" s="194"/>
      <c r="M1386" s="194"/>
      <c r="N1386" s="194"/>
    </row>
    <row r="1387" spans="10:14" x14ac:dyDescent="0.2">
      <c r="J1387" s="194"/>
      <c r="K1387" s="194"/>
      <c r="L1387" s="194"/>
      <c r="M1387" s="194"/>
      <c r="N1387" s="194"/>
    </row>
    <row r="1388" spans="10:14" x14ac:dyDescent="0.2">
      <c r="J1388" s="194"/>
      <c r="K1388" s="194"/>
      <c r="L1388" s="194"/>
      <c r="M1388" s="194"/>
      <c r="N1388" s="194"/>
    </row>
    <row r="1389" spans="10:14" x14ac:dyDescent="0.2">
      <c r="J1389" s="194"/>
      <c r="K1389" s="194"/>
      <c r="L1389" s="194"/>
      <c r="M1389" s="194"/>
      <c r="N1389" s="194"/>
    </row>
    <row r="1390" spans="10:14" x14ac:dyDescent="0.2">
      <c r="J1390" s="194"/>
      <c r="K1390" s="194"/>
      <c r="L1390" s="194"/>
      <c r="M1390" s="194"/>
      <c r="N1390" s="194"/>
    </row>
    <row r="1391" spans="10:14" x14ac:dyDescent="0.2">
      <c r="J1391" s="194"/>
      <c r="K1391" s="194"/>
      <c r="L1391" s="194"/>
      <c r="M1391" s="194"/>
      <c r="N1391" s="194"/>
    </row>
    <row r="1392" spans="10:14" x14ac:dyDescent="0.2">
      <c r="J1392" s="194"/>
      <c r="K1392" s="194"/>
      <c r="L1392" s="194"/>
      <c r="M1392" s="194"/>
      <c r="N1392" s="194"/>
    </row>
    <row r="1393" spans="10:14" x14ac:dyDescent="0.2">
      <c r="J1393" s="194"/>
      <c r="K1393" s="194"/>
      <c r="L1393" s="194"/>
      <c r="M1393" s="194"/>
      <c r="N1393" s="194"/>
    </row>
    <row r="1394" spans="10:14" x14ac:dyDescent="0.2">
      <c r="J1394" s="194"/>
      <c r="K1394" s="194"/>
      <c r="L1394" s="194"/>
      <c r="M1394" s="194"/>
      <c r="N1394" s="194"/>
    </row>
    <row r="1395" spans="10:14" x14ac:dyDescent="0.2">
      <c r="J1395" s="194"/>
      <c r="K1395" s="194"/>
      <c r="L1395" s="194"/>
      <c r="M1395" s="194"/>
      <c r="N1395" s="194"/>
    </row>
    <row r="1396" spans="10:14" x14ac:dyDescent="0.2">
      <c r="J1396" s="194"/>
      <c r="K1396" s="194"/>
      <c r="L1396" s="194"/>
      <c r="M1396" s="194"/>
      <c r="N1396" s="194"/>
    </row>
    <row r="1397" spans="10:14" x14ac:dyDescent="0.2">
      <c r="J1397" s="194"/>
      <c r="K1397" s="194"/>
      <c r="L1397" s="194"/>
      <c r="M1397" s="194"/>
      <c r="N1397" s="194"/>
    </row>
    <row r="1398" spans="10:14" x14ac:dyDescent="0.2">
      <c r="J1398" s="194"/>
      <c r="K1398" s="194"/>
      <c r="L1398" s="194"/>
      <c r="M1398" s="194"/>
      <c r="N1398" s="194"/>
    </row>
    <row r="1399" spans="10:14" x14ac:dyDescent="0.2">
      <c r="J1399" s="194"/>
      <c r="K1399" s="194"/>
      <c r="L1399" s="194"/>
      <c r="M1399" s="194"/>
      <c r="N1399" s="194"/>
    </row>
    <row r="1400" spans="10:14" x14ac:dyDescent="0.2">
      <c r="J1400" s="194"/>
      <c r="K1400" s="194"/>
      <c r="L1400" s="194"/>
      <c r="M1400" s="194"/>
      <c r="N1400" s="194"/>
    </row>
    <row r="1401" spans="10:14" x14ac:dyDescent="0.2">
      <c r="J1401" s="194"/>
      <c r="K1401" s="194"/>
      <c r="L1401" s="194"/>
      <c r="M1401" s="194"/>
      <c r="N1401" s="194"/>
    </row>
    <row r="1402" spans="10:14" x14ac:dyDescent="0.2">
      <c r="J1402" s="194"/>
      <c r="K1402" s="194"/>
      <c r="L1402" s="194"/>
      <c r="M1402" s="194"/>
      <c r="N1402" s="194"/>
    </row>
    <row r="1403" spans="10:14" x14ac:dyDescent="0.2">
      <c r="J1403" s="194"/>
      <c r="K1403" s="194"/>
      <c r="L1403" s="194"/>
      <c r="M1403" s="194"/>
      <c r="N1403" s="194"/>
    </row>
    <row r="1404" spans="10:14" x14ac:dyDescent="0.2">
      <c r="J1404" s="194"/>
      <c r="K1404" s="194"/>
      <c r="L1404" s="194"/>
      <c r="M1404" s="194"/>
      <c r="N1404" s="194"/>
    </row>
    <row r="1405" spans="10:14" x14ac:dyDescent="0.2">
      <c r="J1405" s="194"/>
      <c r="K1405" s="194"/>
      <c r="L1405" s="194"/>
      <c r="M1405" s="194"/>
      <c r="N1405" s="194"/>
    </row>
    <row r="1406" spans="10:14" x14ac:dyDescent="0.2">
      <c r="J1406" s="194"/>
      <c r="K1406" s="194"/>
      <c r="L1406" s="194"/>
      <c r="M1406" s="194"/>
      <c r="N1406" s="194"/>
    </row>
    <row r="1407" spans="10:14" x14ac:dyDescent="0.2">
      <c r="J1407" s="194"/>
      <c r="K1407" s="194"/>
      <c r="L1407" s="194"/>
      <c r="M1407" s="194"/>
      <c r="N1407" s="194"/>
    </row>
    <row r="1408" spans="10:14" x14ac:dyDescent="0.2">
      <c r="J1408" s="194"/>
      <c r="K1408" s="194"/>
      <c r="L1408" s="194"/>
      <c r="M1408" s="194"/>
      <c r="N1408" s="194"/>
    </row>
    <row r="1409" spans="10:14" x14ac:dyDescent="0.2">
      <c r="J1409" s="194"/>
      <c r="K1409" s="194"/>
      <c r="L1409" s="194"/>
      <c r="M1409" s="194"/>
      <c r="N1409" s="194"/>
    </row>
    <row r="1410" spans="10:14" x14ac:dyDescent="0.2">
      <c r="J1410" s="194"/>
      <c r="K1410" s="194"/>
      <c r="L1410" s="194"/>
      <c r="M1410" s="194"/>
      <c r="N1410" s="194"/>
    </row>
    <row r="1411" spans="10:14" x14ac:dyDescent="0.2">
      <c r="J1411" s="194"/>
      <c r="K1411" s="194"/>
      <c r="L1411" s="194"/>
      <c r="M1411" s="194"/>
      <c r="N1411" s="194"/>
    </row>
    <row r="1412" spans="10:14" x14ac:dyDescent="0.2">
      <c r="J1412" s="194"/>
      <c r="K1412" s="194"/>
      <c r="L1412" s="194"/>
      <c r="M1412" s="194"/>
      <c r="N1412" s="194"/>
    </row>
    <row r="1413" spans="10:14" x14ac:dyDescent="0.2">
      <c r="J1413" s="194"/>
      <c r="K1413" s="194"/>
      <c r="L1413" s="194"/>
      <c r="M1413" s="194"/>
      <c r="N1413" s="194"/>
    </row>
    <row r="1414" spans="10:14" x14ac:dyDescent="0.2">
      <c r="J1414" s="194"/>
      <c r="K1414" s="194"/>
      <c r="L1414" s="194"/>
      <c r="M1414" s="194"/>
      <c r="N1414" s="194"/>
    </row>
    <row r="1415" spans="10:14" x14ac:dyDescent="0.2">
      <c r="J1415" s="194"/>
      <c r="K1415" s="194"/>
      <c r="L1415" s="194"/>
      <c r="M1415" s="194"/>
      <c r="N1415" s="194"/>
    </row>
    <row r="1416" spans="10:14" x14ac:dyDescent="0.2">
      <c r="J1416" s="194"/>
      <c r="K1416" s="194"/>
      <c r="L1416" s="194"/>
      <c r="M1416" s="194"/>
      <c r="N1416" s="194"/>
    </row>
    <row r="1417" spans="10:14" x14ac:dyDescent="0.2">
      <c r="J1417" s="194"/>
      <c r="K1417" s="194"/>
      <c r="L1417" s="194"/>
      <c r="M1417" s="194"/>
      <c r="N1417" s="194"/>
    </row>
    <row r="1418" spans="10:14" x14ac:dyDescent="0.2">
      <c r="J1418" s="194"/>
      <c r="K1418" s="194"/>
      <c r="L1418" s="194"/>
      <c r="M1418" s="194"/>
      <c r="N1418" s="194"/>
    </row>
    <row r="1419" spans="10:14" x14ac:dyDescent="0.2">
      <c r="J1419" s="194"/>
      <c r="K1419" s="194"/>
      <c r="L1419" s="194"/>
      <c r="M1419" s="194"/>
      <c r="N1419" s="194"/>
    </row>
    <row r="1420" spans="10:14" x14ac:dyDescent="0.2">
      <c r="J1420" s="194"/>
      <c r="K1420" s="194"/>
      <c r="L1420" s="194"/>
      <c r="M1420" s="194"/>
      <c r="N1420" s="194"/>
    </row>
    <row r="1421" spans="10:14" x14ac:dyDescent="0.2">
      <c r="J1421" s="194"/>
      <c r="K1421" s="194"/>
      <c r="L1421" s="194"/>
      <c r="M1421" s="194"/>
      <c r="N1421" s="194"/>
    </row>
    <row r="1422" spans="10:14" x14ac:dyDescent="0.2">
      <c r="J1422" s="194"/>
      <c r="K1422" s="194"/>
      <c r="L1422" s="194"/>
      <c r="M1422" s="194"/>
      <c r="N1422" s="194"/>
    </row>
    <row r="1423" spans="10:14" x14ac:dyDescent="0.2">
      <c r="J1423" s="194"/>
      <c r="K1423" s="194"/>
      <c r="L1423" s="194"/>
      <c r="M1423" s="194"/>
      <c r="N1423" s="194"/>
    </row>
    <row r="1424" spans="10:14" x14ac:dyDescent="0.2">
      <c r="J1424" s="194"/>
      <c r="K1424" s="194"/>
      <c r="L1424" s="194"/>
      <c r="M1424" s="194"/>
      <c r="N1424" s="194"/>
    </row>
    <row r="1425" spans="10:14" x14ac:dyDescent="0.2">
      <c r="J1425" s="194"/>
      <c r="K1425" s="194"/>
      <c r="L1425" s="194"/>
      <c r="M1425" s="194"/>
      <c r="N1425" s="194"/>
    </row>
    <row r="1426" spans="10:14" x14ac:dyDescent="0.2">
      <c r="J1426" s="194"/>
      <c r="K1426" s="194"/>
      <c r="L1426" s="194"/>
      <c r="M1426" s="194"/>
      <c r="N1426" s="194"/>
    </row>
    <row r="1427" spans="10:14" x14ac:dyDescent="0.2">
      <c r="J1427" s="194"/>
      <c r="K1427" s="194"/>
      <c r="L1427" s="194"/>
      <c r="M1427" s="194"/>
      <c r="N1427" s="194"/>
    </row>
    <row r="1428" spans="10:14" x14ac:dyDescent="0.2">
      <c r="J1428" s="194"/>
      <c r="K1428" s="194"/>
      <c r="L1428" s="194"/>
      <c r="M1428" s="194"/>
      <c r="N1428" s="194"/>
    </row>
    <row r="1429" spans="10:14" x14ac:dyDescent="0.2">
      <c r="J1429" s="194"/>
      <c r="K1429" s="194"/>
      <c r="L1429" s="194"/>
      <c r="M1429" s="194"/>
      <c r="N1429" s="194"/>
    </row>
    <row r="1430" spans="10:14" x14ac:dyDescent="0.2">
      <c r="J1430" s="194"/>
      <c r="K1430" s="194"/>
      <c r="L1430" s="194"/>
      <c r="M1430" s="194"/>
      <c r="N1430" s="194"/>
    </row>
    <row r="1431" spans="10:14" x14ac:dyDescent="0.2">
      <c r="J1431" s="194"/>
      <c r="K1431" s="194"/>
      <c r="L1431" s="194"/>
      <c r="M1431" s="194"/>
      <c r="N1431" s="194"/>
    </row>
    <row r="1432" spans="10:14" x14ac:dyDescent="0.2">
      <c r="J1432" s="194"/>
      <c r="K1432" s="194"/>
      <c r="L1432" s="194"/>
      <c r="M1432" s="194"/>
      <c r="N1432" s="194"/>
    </row>
    <row r="1433" spans="10:14" x14ac:dyDescent="0.2">
      <c r="J1433" s="194"/>
      <c r="K1433" s="194"/>
      <c r="L1433" s="194"/>
      <c r="M1433" s="194"/>
      <c r="N1433" s="194"/>
    </row>
    <row r="1434" spans="10:14" x14ac:dyDescent="0.2">
      <c r="J1434" s="194"/>
      <c r="K1434" s="194"/>
      <c r="L1434" s="194"/>
      <c r="M1434" s="194"/>
      <c r="N1434" s="194"/>
    </row>
    <row r="1435" spans="10:14" x14ac:dyDescent="0.2">
      <c r="J1435" s="194"/>
      <c r="K1435" s="194"/>
      <c r="L1435" s="194"/>
      <c r="M1435" s="194"/>
      <c r="N1435" s="194"/>
    </row>
    <row r="1436" spans="10:14" x14ac:dyDescent="0.2">
      <c r="J1436" s="194"/>
      <c r="K1436" s="194"/>
      <c r="L1436" s="194"/>
      <c r="M1436" s="194"/>
      <c r="N1436" s="194"/>
    </row>
    <row r="1437" spans="10:14" x14ac:dyDescent="0.2">
      <c r="J1437" s="194"/>
      <c r="K1437" s="194"/>
      <c r="L1437" s="194"/>
      <c r="M1437" s="194"/>
      <c r="N1437" s="194"/>
    </row>
    <row r="1438" spans="10:14" x14ac:dyDescent="0.2">
      <c r="J1438" s="194"/>
      <c r="K1438" s="194"/>
      <c r="L1438" s="194"/>
      <c r="M1438" s="194"/>
      <c r="N1438" s="194"/>
    </row>
    <row r="1439" spans="10:14" x14ac:dyDescent="0.2">
      <c r="J1439" s="194"/>
      <c r="K1439" s="194"/>
      <c r="L1439" s="194"/>
      <c r="M1439" s="194"/>
      <c r="N1439" s="194"/>
    </row>
    <row r="1440" spans="10:14" x14ac:dyDescent="0.2">
      <c r="J1440" s="194"/>
      <c r="K1440" s="194"/>
      <c r="L1440" s="194"/>
      <c r="M1440" s="194"/>
      <c r="N1440" s="194"/>
    </row>
    <row r="1441" spans="10:14" x14ac:dyDescent="0.2">
      <c r="J1441" s="194"/>
      <c r="K1441" s="194"/>
      <c r="L1441" s="194"/>
      <c r="M1441" s="194"/>
      <c r="N1441" s="194"/>
    </row>
    <row r="1442" spans="10:14" x14ac:dyDescent="0.2">
      <c r="J1442" s="194"/>
      <c r="K1442" s="194"/>
      <c r="L1442" s="194"/>
      <c r="M1442" s="194"/>
      <c r="N1442" s="194"/>
    </row>
    <row r="1443" spans="10:14" x14ac:dyDescent="0.2">
      <c r="J1443" s="194"/>
      <c r="K1443" s="194"/>
      <c r="L1443" s="194"/>
      <c r="M1443" s="194"/>
      <c r="N1443" s="194"/>
    </row>
    <row r="1444" spans="10:14" x14ac:dyDescent="0.2">
      <c r="J1444" s="194"/>
      <c r="K1444" s="194"/>
      <c r="L1444" s="194"/>
      <c r="M1444" s="194"/>
      <c r="N1444" s="194"/>
    </row>
    <row r="1445" spans="10:14" x14ac:dyDescent="0.2">
      <c r="J1445" s="194"/>
      <c r="K1445" s="194"/>
      <c r="L1445" s="194"/>
      <c r="M1445" s="194"/>
      <c r="N1445" s="194"/>
    </row>
    <row r="1446" spans="10:14" x14ac:dyDescent="0.2">
      <c r="J1446" s="194"/>
      <c r="K1446" s="194"/>
      <c r="L1446" s="194"/>
      <c r="M1446" s="194"/>
      <c r="N1446" s="194"/>
    </row>
    <row r="1447" spans="10:14" x14ac:dyDescent="0.2">
      <c r="J1447" s="194"/>
      <c r="K1447" s="194"/>
      <c r="L1447" s="194"/>
      <c r="M1447" s="194"/>
      <c r="N1447" s="194"/>
    </row>
    <row r="1448" spans="10:14" x14ac:dyDescent="0.2">
      <c r="J1448" s="194"/>
      <c r="K1448" s="194"/>
      <c r="L1448" s="194"/>
      <c r="M1448" s="194"/>
      <c r="N1448" s="194"/>
    </row>
    <row r="1449" spans="10:14" x14ac:dyDescent="0.2">
      <c r="J1449" s="194"/>
      <c r="K1449" s="194"/>
      <c r="L1449" s="194"/>
      <c r="M1449" s="194"/>
      <c r="N1449" s="194"/>
    </row>
    <row r="1450" spans="10:14" x14ac:dyDescent="0.2">
      <c r="J1450" s="194"/>
      <c r="K1450" s="194"/>
      <c r="L1450" s="194"/>
      <c r="M1450" s="194"/>
      <c r="N1450" s="194"/>
    </row>
    <row r="1451" spans="10:14" x14ac:dyDescent="0.2">
      <c r="J1451" s="194"/>
      <c r="K1451" s="194"/>
      <c r="L1451" s="194"/>
      <c r="M1451" s="194"/>
      <c r="N1451" s="194"/>
    </row>
    <row r="1452" spans="10:14" x14ac:dyDescent="0.2">
      <c r="J1452" s="194"/>
      <c r="K1452" s="194"/>
      <c r="L1452" s="194"/>
      <c r="M1452" s="194"/>
      <c r="N1452" s="194"/>
    </row>
    <row r="1453" spans="10:14" x14ac:dyDescent="0.2">
      <c r="J1453" s="194"/>
      <c r="K1453" s="194"/>
      <c r="L1453" s="194"/>
      <c r="M1453" s="194"/>
      <c r="N1453" s="194"/>
    </row>
    <row r="1454" spans="10:14" x14ac:dyDescent="0.2">
      <c r="J1454" s="194"/>
      <c r="K1454" s="194"/>
      <c r="L1454" s="194"/>
      <c r="M1454" s="194"/>
      <c r="N1454" s="194"/>
    </row>
    <row r="1455" spans="10:14" x14ac:dyDescent="0.2">
      <c r="J1455" s="194"/>
      <c r="K1455" s="194"/>
      <c r="L1455" s="194"/>
      <c r="M1455" s="194"/>
      <c r="N1455" s="194"/>
    </row>
    <row r="1456" spans="10:14" x14ac:dyDescent="0.2">
      <c r="J1456" s="194"/>
      <c r="K1456" s="194"/>
      <c r="L1456" s="194"/>
      <c r="M1456" s="194"/>
      <c r="N1456" s="194"/>
    </row>
    <row r="1457" spans="10:14" x14ac:dyDescent="0.2">
      <c r="J1457" s="194"/>
      <c r="K1457" s="194"/>
      <c r="L1457" s="194"/>
      <c r="M1457" s="194"/>
      <c r="N1457" s="194"/>
    </row>
    <row r="1458" spans="10:14" x14ac:dyDescent="0.2">
      <c r="J1458" s="194"/>
      <c r="K1458" s="194"/>
      <c r="L1458" s="194"/>
      <c r="M1458" s="194"/>
      <c r="N1458" s="194"/>
    </row>
    <row r="1459" spans="10:14" x14ac:dyDescent="0.2">
      <c r="J1459" s="194"/>
      <c r="K1459" s="194"/>
      <c r="L1459" s="194"/>
      <c r="M1459" s="194"/>
      <c r="N1459" s="194"/>
    </row>
    <row r="1460" spans="10:14" x14ac:dyDescent="0.2">
      <c r="J1460" s="194"/>
      <c r="K1460" s="194"/>
      <c r="L1460" s="194"/>
      <c r="M1460" s="194"/>
      <c r="N1460" s="194"/>
    </row>
    <row r="1461" spans="10:14" x14ac:dyDescent="0.2">
      <c r="J1461" s="194"/>
      <c r="K1461" s="194"/>
      <c r="L1461" s="194"/>
      <c r="M1461" s="194"/>
      <c r="N1461" s="194"/>
    </row>
    <row r="1462" spans="10:14" x14ac:dyDescent="0.2">
      <c r="J1462" s="194"/>
      <c r="K1462" s="194"/>
      <c r="L1462" s="194"/>
      <c r="M1462" s="194"/>
      <c r="N1462" s="194"/>
    </row>
    <row r="1463" spans="10:14" x14ac:dyDescent="0.2">
      <c r="J1463" s="194"/>
      <c r="K1463" s="194"/>
      <c r="L1463" s="194"/>
      <c r="M1463" s="194"/>
      <c r="N1463" s="194"/>
    </row>
    <row r="1464" spans="10:14" x14ac:dyDescent="0.2">
      <c r="J1464" s="194"/>
      <c r="K1464" s="194"/>
      <c r="L1464" s="194"/>
      <c r="M1464" s="194"/>
      <c r="N1464" s="194"/>
    </row>
    <row r="1465" spans="10:14" x14ac:dyDescent="0.2">
      <c r="J1465" s="194"/>
      <c r="K1465" s="194"/>
      <c r="L1465" s="194"/>
      <c r="M1465" s="194"/>
      <c r="N1465" s="194"/>
    </row>
    <row r="1466" spans="10:14" x14ac:dyDescent="0.2">
      <c r="J1466" s="194"/>
      <c r="K1466" s="194"/>
      <c r="L1466" s="194"/>
      <c r="M1466" s="194"/>
      <c r="N1466" s="194"/>
    </row>
    <row r="1467" spans="10:14" x14ac:dyDescent="0.2">
      <c r="J1467" s="194"/>
      <c r="K1467" s="194"/>
      <c r="L1467" s="194"/>
      <c r="M1467" s="194"/>
      <c r="N1467" s="194"/>
    </row>
    <row r="1468" spans="10:14" x14ac:dyDescent="0.2">
      <c r="J1468" s="194"/>
      <c r="K1468" s="194"/>
      <c r="L1468" s="194"/>
      <c r="M1468" s="194"/>
      <c r="N1468" s="194"/>
    </row>
    <row r="1469" spans="10:14" x14ac:dyDescent="0.2">
      <c r="J1469" s="194"/>
      <c r="K1469" s="194"/>
      <c r="L1469" s="194"/>
      <c r="M1469" s="194"/>
      <c r="N1469" s="194"/>
    </row>
    <row r="1470" spans="10:14" x14ac:dyDescent="0.2">
      <c r="J1470" s="194"/>
      <c r="K1470" s="194"/>
      <c r="L1470" s="194"/>
      <c r="M1470" s="194"/>
      <c r="N1470" s="194"/>
    </row>
    <row r="1471" spans="10:14" x14ac:dyDescent="0.2">
      <c r="J1471" s="194"/>
      <c r="K1471" s="194"/>
      <c r="L1471" s="194"/>
      <c r="M1471" s="194"/>
      <c r="N1471" s="194"/>
    </row>
    <row r="1472" spans="10:14" x14ac:dyDescent="0.2">
      <c r="J1472" s="194"/>
      <c r="K1472" s="194"/>
      <c r="L1472" s="194"/>
      <c r="M1472" s="194"/>
      <c r="N1472" s="194"/>
    </row>
    <row r="1473" spans="10:14" x14ac:dyDescent="0.2">
      <c r="J1473" s="194"/>
      <c r="K1473" s="194"/>
      <c r="L1473" s="194"/>
      <c r="M1473" s="194"/>
      <c r="N1473" s="194"/>
    </row>
    <row r="1474" spans="10:14" x14ac:dyDescent="0.2">
      <c r="J1474" s="194"/>
      <c r="K1474" s="194"/>
      <c r="L1474" s="194"/>
      <c r="M1474" s="194"/>
      <c r="N1474" s="194"/>
    </row>
    <row r="1475" spans="10:14" x14ac:dyDescent="0.2">
      <c r="J1475" s="194"/>
      <c r="K1475" s="194"/>
      <c r="L1475" s="194"/>
      <c r="M1475" s="194"/>
      <c r="N1475" s="194"/>
    </row>
    <row r="1476" spans="10:14" x14ac:dyDescent="0.2">
      <c r="J1476" s="194"/>
      <c r="K1476" s="194"/>
      <c r="L1476" s="194"/>
      <c r="M1476" s="194"/>
      <c r="N1476" s="194"/>
    </row>
    <row r="1477" spans="10:14" x14ac:dyDescent="0.2">
      <c r="J1477" s="194"/>
      <c r="K1477" s="194"/>
      <c r="L1477" s="194"/>
      <c r="M1477" s="194"/>
      <c r="N1477" s="194"/>
    </row>
    <row r="1478" spans="10:14" x14ac:dyDescent="0.2">
      <c r="J1478" s="194"/>
      <c r="K1478" s="194"/>
      <c r="L1478" s="194"/>
      <c r="M1478" s="194"/>
      <c r="N1478" s="194"/>
    </row>
    <row r="1479" spans="10:14" x14ac:dyDescent="0.2">
      <c r="J1479" s="194"/>
      <c r="K1479" s="194"/>
      <c r="L1479" s="194"/>
      <c r="M1479" s="194"/>
      <c r="N1479" s="194"/>
    </row>
    <row r="1480" spans="10:14" x14ac:dyDescent="0.2">
      <c r="J1480" s="194"/>
      <c r="K1480" s="194"/>
      <c r="L1480" s="194"/>
      <c r="M1480" s="194"/>
      <c r="N1480" s="194"/>
    </row>
    <row r="1481" spans="10:14" x14ac:dyDescent="0.2">
      <c r="J1481" s="194"/>
      <c r="K1481" s="194"/>
      <c r="L1481" s="194"/>
      <c r="M1481" s="194"/>
      <c r="N1481" s="194"/>
    </row>
    <row r="1482" spans="10:14" x14ac:dyDescent="0.2">
      <c r="J1482" s="194"/>
      <c r="K1482" s="194"/>
      <c r="L1482" s="194"/>
      <c r="M1482" s="194"/>
      <c r="N1482" s="194"/>
    </row>
    <row r="1483" spans="10:14" x14ac:dyDescent="0.2">
      <c r="J1483" s="194"/>
      <c r="K1483" s="194"/>
      <c r="L1483" s="194"/>
      <c r="M1483" s="194"/>
      <c r="N1483" s="194"/>
    </row>
    <row r="1484" spans="10:14" x14ac:dyDescent="0.2">
      <c r="J1484" s="194"/>
      <c r="K1484" s="194"/>
      <c r="L1484" s="194"/>
      <c r="M1484" s="194"/>
      <c r="N1484" s="194"/>
    </row>
    <row r="1485" spans="10:14" x14ac:dyDescent="0.2">
      <c r="J1485" s="194"/>
      <c r="K1485" s="194"/>
      <c r="L1485" s="194"/>
      <c r="M1485" s="194"/>
      <c r="N1485" s="194"/>
    </row>
    <row r="1486" spans="10:14" x14ac:dyDescent="0.2">
      <c r="J1486" s="194"/>
      <c r="K1486" s="194"/>
      <c r="L1486" s="194"/>
      <c r="M1486" s="194"/>
      <c r="N1486" s="194"/>
    </row>
    <row r="1487" spans="10:14" x14ac:dyDescent="0.2">
      <c r="J1487" s="194"/>
      <c r="K1487" s="194"/>
      <c r="L1487" s="194"/>
      <c r="M1487" s="194"/>
      <c r="N1487" s="194"/>
    </row>
    <row r="1488" spans="10:14" x14ac:dyDescent="0.2">
      <c r="J1488" s="194"/>
      <c r="K1488" s="194"/>
      <c r="L1488" s="194"/>
      <c r="M1488" s="194"/>
      <c r="N1488" s="194"/>
    </row>
    <row r="1489" spans="10:14" x14ac:dyDescent="0.2">
      <c r="J1489" s="194"/>
      <c r="K1489" s="194"/>
      <c r="L1489" s="194"/>
      <c r="M1489" s="194"/>
      <c r="N1489" s="194"/>
    </row>
    <row r="1490" spans="10:14" x14ac:dyDescent="0.2">
      <c r="J1490" s="194"/>
      <c r="K1490" s="194"/>
      <c r="L1490" s="194"/>
      <c r="M1490" s="194"/>
      <c r="N1490" s="194"/>
    </row>
    <row r="1491" spans="10:14" x14ac:dyDescent="0.2">
      <c r="J1491" s="194"/>
      <c r="K1491" s="194"/>
      <c r="L1491" s="194"/>
      <c r="M1491" s="194"/>
      <c r="N1491" s="194"/>
    </row>
    <row r="1492" spans="10:14" x14ac:dyDescent="0.2">
      <c r="J1492" s="194"/>
      <c r="K1492" s="194"/>
      <c r="L1492" s="194"/>
      <c r="M1492" s="194"/>
      <c r="N1492" s="194"/>
    </row>
    <row r="1493" spans="10:14" x14ac:dyDescent="0.2">
      <c r="J1493" s="194"/>
      <c r="K1493" s="194"/>
      <c r="L1493" s="194"/>
      <c r="M1493" s="194"/>
      <c r="N1493" s="194"/>
    </row>
    <row r="1494" spans="10:14" x14ac:dyDescent="0.2">
      <c r="J1494" s="194"/>
      <c r="K1494" s="194"/>
      <c r="L1494" s="194"/>
      <c r="M1494" s="194"/>
      <c r="N1494" s="194"/>
    </row>
    <row r="1495" spans="10:14" x14ac:dyDescent="0.2">
      <c r="J1495" s="194"/>
      <c r="K1495" s="194"/>
      <c r="L1495" s="194"/>
      <c r="M1495" s="194"/>
      <c r="N1495" s="194"/>
    </row>
    <row r="1496" spans="10:14" x14ac:dyDescent="0.2">
      <c r="J1496" s="194"/>
      <c r="K1496" s="194"/>
      <c r="L1496" s="194"/>
      <c r="M1496" s="194"/>
      <c r="N1496" s="194"/>
    </row>
    <row r="1497" spans="10:14" x14ac:dyDescent="0.2">
      <c r="J1497" s="194"/>
      <c r="K1497" s="194"/>
      <c r="L1497" s="194"/>
      <c r="M1497" s="194"/>
      <c r="N1497" s="194"/>
    </row>
    <row r="1498" spans="10:14" x14ac:dyDescent="0.2">
      <c r="J1498" s="194"/>
      <c r="K1498" s="194"/>
      <c r="L1498" s="194"/>
      <c r="M1498" s="194"/>
      <c r="N1498" s="194"/>
    </row>
    <row r="1499" spans="10:14" x14ac:dyDescent="0.2">
      <c r="J1499" s="194"/>
      <c r="K1499" s="194"/>
      <c r="L1499" s="194"/>
      <c r="M1499" s="194"/>
      <c r="N1499" s="194"/>
    </row>
    <row r="1500" spans="10:14" x14ac:dyDescent="0.2">
      <c r="J1500" s="194"/>
      <c r="K1500" s="194"/>
      <c r="L1500" s="194"/>
      <c r="M1500" s="194"/>
      <c r="N1500" s="194"/>
    </row>
    <row r="1501" spans="10:14" x14ac:dyDescent="0.2">
      <c r="J1501" s="194"/>
      <c r="K1501" s="194"/>
      <c r="L1501" s="194"/>
      <c r="M1501" s="194"/>
      <c r="N1501" s="194"/>
    </row>
    <row r="1502" spans="10:14" x14ac:dyDescent="0.2">
      <c r="J1502" s="194"/>
      <c r="K1502" s="194"/>
      <c r="L1502" s="194"/>
      <c r="M1502" s="194"/>
      <c r="N1502" s="194"/>
    </row>
    <row r="1503" spans="10:14" x14ac:dyDescent="0.2">
      <c r="J1503" s="194"/>
      <c r="K1503" s="194"/>
      <c r="L1503" s="194"/>
      <c r="M1503" s="194"/>
      <c r="N1503" s="194"/>
    </row>
    <row r="1504" spans="10:14" x14ac:dyDescent="0.2">
      <c r="J1504" s="194"/>
      <c r="K1504" s="194"/>
      <c r="L1504" s="194"/>
      <c r="M1504" s="194"/>
      <c r="N1504" s="194"/>
    </row>
    <row r="1505" spans="10:14" x14ac:dyDescent="0.2">
      <c r="J1505" s="194"/>
      <c r="K1505" s="194"/>
      <c r="L1505" s="194"/>
      <c r="M1505" s="194"/>
      <c r="N1505" s="194"/>
    </row>
    <row r="1506" spans="10:14" x14ac:dyDescent="0.2">
      <c r="J1506" s="194"/>
      <c r="K1506" s="194"/>
      <c r="L1506" s="194"/>
      <c r="M1506" s="194"/>
      <c r="N1506" s="194"/>
    </row>
    <row r="1507" spans="10:14" x14ac:dyDescent="0.2">
      <c r="J1507" s="194"/>
      <c r="K1507" s="194"/>
      <c r="L1507" s="194"/>
      <c r="M1507" s="194"/>
      <c r="N1507" s="194"/>
    </row>
    <row r="1508" spans="10:14" x14ac:dyDescent="0.2">
      <c r="J1508" s="194"/>
      <c r="K1508" s="194"/>
      <c r="L1508" s="194"/>
      <c r="M1508" s="194"/>
      <c r="N1508" s="194"/>
    </row>
    <row r="1509" spans="10:14" x14ac:dyDescent="0.2">
      <c r="J1509" s="194"/>
      <c r="K1509" s="194"/>
      <c r="L1509" s="194"/>
      <c r="M1509" s="194"/>
      <c r="N1509" s="194"/>
    </row>
    <row r="1510" spans="10:14" x14ac:dyDescent="0.2">
      <c r="J1510" s="194"/>
      <c r="K1510" s="194"/>
      <c r="L1510" s="194"/>
      <c r="M1510" s="194"/>
      <c r="N1510" s="194"/>
    </row>
    <row r="1511" spans="10:14" x14ac:dyDescent="0.2">
      <c r="J1511" s="194"/>
      <c r="K1511" s="194"/>
      <c r="L1511" s="194"/>
      <c r="M1511" s="194"/>
      <c r="N1511" s="194"/>
    </row>
    <row r="1512" spans="10:14" x14ac:dyDescent="0.2">
      <c r="J1512" s="194"/>
      <c r="K1512" s="194"/>
      <c r="L1512" s="194"/>
      <c r="M1512" s="194"/>
      <c r="N1512" s="194"/>
    </row>
    <row r="1513" spans="10:14" x14ac:dyDescent="0.2">
      <c r="J1513" s="194"/>
      <c r="K1513" s="194"/>
      <c r="L1513" s="194"/>
      <c r="M1513" s="194"/>
      <c r="N1513" s="194"/>
    </row>
    <row r="1514" spans="10:14" x14ac:dyDescent="0.2">
      <c r="J1514" s="194"/>
      <c r="K1514" s="194"/>
      <c r="L1514" s="194"/>
      <c r="M1514" s="194"/>
      <c r="N1514" s="194"/>
    </row>
    <row r="1515" spans="10:14" x14ac:dyDescent="0.2">
      <c r="J1515" s="194"/>
      <c r="K1515" s="194"/>
      <c r="L1515" s="194"/>
      <c r="M1515" s="194"/>
      <c r="N1515" s="194"/>
    </row>
    <row r="1516" spans="10:14" x14ac:dyDescent="0.2">
      <c r="J1516" s="194"/>
      <c r="K1516" s="194"/>
      <c r="L1516" s="194"/>
      <c r="M1516" s="194"/>
      <c r="N1516" s="194"/>
    </row>
    <row r="1517" spans="10:14" x14ac:dyDescent="0.2">
      <c r="J1517" s="194"/>
      <c r="K1517" s="194"/>
      <c r="L1517" s="194"/>
      <c r="M1517" s="194"/>
      <c r="N1517" s="194"/>
    </row>
    <row r="1518" spans="10:14" x14ac:dyDescent="0.2">
      <c r="J1518" s="194"/>
      <c r="K1518" s="194"/>
      <c r="L1518" s="194"/>
      <c r="M1518" s="194"/>
      <c r="N1518" s="194"/>
    </row>
    <row r="1519" spans="10:14" x14ac:dyDescent="0.2">
      <c r="J1519" s="194"/>
      <c r="K1519" s="194"/>
      <c r="L1519" s="194"/>
      <c r="M1519" s="194"/>
      <c r="N1519" s="194"/>
    </row>
    <row r="1520" spans="10:14" x14ac:dyDescent="0.2">
      <c r="J1520" s="194"/>
      <c r="K1520" s="194"/>
      <c r="L1520" s="194"/>
      <c r="M1520" s="194"/>
      <c r="N1520" s="194"/>
    </row>
    <row r="1521" spans="10:14" x14ac:dyDescent="0.2">
      <c r="J1521" s="194"/>
      <c r="K1521" s="194"/>
      <c r="L1521" s="194"/>
      <c r="M1521" s="194"/>
      <c r="N1521" s="194"/>
    </row>
    <row r="1522" spans="10:14" x14ac:dyDescent="0.2">
      <c r="J1522" s="194"/>
      <c r="K1522" s="194"/>
      <c r="L1522" s="194"/>
      <c r="M1522" s="194"/>
      <c r="N1522" s="194"/>
    </row>
    <row r="1523" spans="10:14" x14ac:dyDescent="0.2">
      <c r="J1523" s="194"/>
      <c r="K1523" s="194"/>
      <c r="L1523" s="194"/>
      <c r="M1523" s="194"/>
      <c r="N1523" s="194"/>
    </row>
    <row r="1524" spans="10:14" x14ac:dyDescent="0.2">
      <c r="J1524" s="194"/>
      <c r="K1524" s="194"/>
      <c r="L1524" s="194"/>
      <c r="M1524" s="194"/>
      <c r="N1524" s="194"/>
    </row>
    <row r="1525" spans="10:14" x14ac:dyDescent="0.2">
      <c r="J1525" s="194"/>
      <c r="K1525" s="194"/>
      <c r="L1525" s="194"/>
      <c r="M1525" s="194"/>
      <c r="N1525" s="194"/>
    </row>
    <row r="1526" spans="10:14" x14ac:dyDescent="0.2">
      <c r="J1526" s="194"/>
      <c r="K1526" s="194"/>
      <c r="L1526" s="194"/>
      <c r="M1526" s="194"/>
      <c r="N1526" s="194"/>
    </row>
    <row r="1527" spans="10:14" x14ac:dyDescent="0.2">
      <c r="J1527" s="194"/>
      <c r="K1527" s="194"/>
      <c r="L1527" s="194"/>
      <c r="M1527" s="194"/>
      <c r="N1527" s="194"/>
    </row>
    <row r="1528" spans="10:14" x14ac:dyDescent="0.2">
      <c r="J1528" s="194"/>
      <c r="K1528" s="194"/>
      <c r="L1528" s="194"/>
      <c r="M1528" s="194"/>
      <c r="N1528" s="194"/>
    </row>
    <row r="1529" spans="10:14" x14ac:dyDescent="0.2">
      <c r="J1529" s="194"/>
      <c r="K1529" s="194"/>
      <c r="L1529" s="194"/>
      <c r="M1529" s="194"/>
      <c r="N1529" s="194"/>
    </row>
    <row r="1530" spans="10:14" x14ac:dyDescent="0.2">
      <c r="J1530" s="194"/>
      <c r="K1530" s="194"/>
      <c r="L1530" s="194"/>
      <c r="M1530" s="194"/>
      <c r="N1530" s="194"/>
    </row>
    <row r="1531" spans="10:14" x14ac:dyDescent="0.2">
      <c r="J1531" s="194"/>
      <c r="K1531" s="194"/>
      <c r="L1531" s="194"/>
      <c r="M1531" s="194"/>
      <c r="N1531" s="194"/>
    </row>
    <row r="1532" spans="10:14" x14ac:dyDescent="0.2">
      <c r="J1532" s="194"/>
      <c r="K1532" s="194"/>
      <c r="L1532" s="194"/>
      <c r="M1532" s="194"/>
      <c r="N1532" s="194"/>
    </row>
    <row r="1533" spans="10:14" x14ac:dyDescent="0.2">
      <c r="J1533" s="194"/>
      <c r="K1533" s="194"/>
      <c r="L1533" s="194"/>
      <c r="M1533" s="194"/>
      <c r="N1533" s="194"/>
    </row>
    <row r="1534" spans="10:14" x14ac:dyDescent="0.2">
      <c r="J1534" s="194"/>
      <c r="K1534" s="194"/>
      <c r="L1534" s="194"/>
      <c r="M1534" s="194"/>
      <c r="N1534" s="194"/>
    </row>
    <row r="1535" spans="10:14" x14ac:dyDescent="0.2">
      <c r="J1535" s="194"/>
      <c r="K1535" s="194"/>
      <c r="L1535" s="194"/>
      <c r="M1535" s="194"/>
      <c r="N1535" s="194"/>
    </row>
    <row r="1536" spans="10:14" x14ac:dyDescent="0.2">
      <c r="J1536" s="194"/>
      <c r="K1536" s="194"/>
      <c r="L1536" s="194"/>
      <c r="M1536" s="194"/>
      <c r="N1536" s="194"/>
    </row>
    <row r="1537" spans="10:14" x14ac:dyDescent="0.2">
      <c r="J1537" s="194"/>
      <c r="K1537" s="194"/>
      <c r="L1537" s="194"/>
      <c r="M1537" s="194"/>
      <c r="N1537" s="194"/>
    </row>
    <row r="1538" spans="10:14" x14ac:dyDescent="0.2">
      <c r="J1538" s="194"/>
      <c r="K1538" s="194"/>
      <c r="L1538" s="194"/>
      <c r="M1538" s="194"/>
      <c r="N1538" s="194"/>
    </row>
    <row r="1539" spans="10:14" x14ac:dyDescent="0.2">
      <c r="J1539" s="194"/>
      <c r="K1539" s="194"/>
      <c r="L1539" s="194"/>
      <c r="M1539" s="194"/>
      <c r="N1539" s="194"/>
    </row>
    <row r="1540" spans="10:14" x14ac:dyDescent="0.2">
      <c r="J1540" s="194"/>
      <c r="K1540" s="194"/>
      <c r="L1540" s="194"/>
      <c r="M1540" s="194"/>
      <c r="N1540" s="194"/>
    </row>
    <row r="1541" spans="10:14" x14ac:dyDescent="0.2">
      <c r="J1541" s="194"/>
      <c r="K1541" s="194"/>
      <c r="L1541" s="194"/>
      <c r="M1541" s="194"/>
      <c r="N1541" s="194"/>
    </row>
    <row r="1542" spans="10:14" x14ac:dyDescent="0.2">
      <c r="J1542" s="194"/>
      <c r="K1542" s="194"/>
      <c r="L1542" s="194"/>
      <c r="M1542" s="194"/>
      <c r="N1542" s="194"/>
    </row>
    <row r="1543" spans="10:14" x14ac:dyDescent="0.2">
      <c r="J1543" s="194"/>
      <c r="K1543" s="194"/>
      <c r="L1543" s="194"/>
      <c r="M1543" s="194"/>
      <c r="N1543" s="194"/>
    </row>
    <row r="1544" spans="10:14" x14ac:dyDescent="0.2">
      <c r="J1544" s="194"/>
      <c r="K1544" s="194"/>
      <c r="L1544" s="194"/>
      <c r="M1544" s="194"/>
      <c r="N1544" s="194"/>
    </row>
    <row r="1545" spans="10:14" x14ac:dyDescent="0.2">
      <c r="J1545" s="194"/>
      <c r="K1545" s="194"/>
      <c r="L1545" s="194"/>
      <c r="M1545" s="194"/>
      <c r="N1545" s="194"/>
    </row>
    <row r="1546" spans="10:14" x14ac:dyDescent="0.2">
      <c r="J1546" s="194"/>
      <c r="K1546" s="194"/>
      <c r="L1546" s="194"/>
      <c r="M1546" s="194"/>
      <c r="N1546" s="194"/>
    </row>
    <row r="1547" spans="10:14" x14ac:dyDescent="0.2">
      <c r="J1547" s="194"/>
      <c r="K1547" s="194"/>
      <c r="L1547" s="194"/>
      <c r="M1547" s="194"/>
      <c r="N1547" s="194"/>
    </row>
    <row r="1548" spans="10:14" x14ac:dyDescent="0.2">
      <c r="J1548" s="194"/>
      <c r="K1548" s="194"/>
      <c r="L1548" s="194"/>
      <c r="M1548" s="194"/>
      <c r="N1548" s="194"/>
    </row>
    <row r="1549" spans="10:14" x14ac:dyDescent="0.2">
      <c r="J1549" s="194"/>
      <c r="K1549" s="194"/>
      <c r="L1549" s="194"/>
      <c r="M1549" s="194"/>
      <c r="N1549" s="194"/>
    </row>
    <row r="1550" spans="10:14" x14ac:dyDescent="0.2">
      <c r="J1550" s="194"/>
      <c r="K1550" s="194"/>
      <c r="L1550" s="194"/>
      <c r="M1550" s="194"/>
      <c r="N1550" s="194"/>
    </row>
    <row r="1551" spans="10:14" x14ac:dyDescent="0.2">
      <c r="J1551" s="194"/>
      <c r="K1551" s="194"/>
      <c r="L1551" s="194"/>
      <c r="M1551" s="194"/>
      <c r="N1551" s="194"/>
    </row>
    <row r="1552" spans="10:14" x14ac:dyDescent="0.2">
      <c r="J1552" s="194"/>
      <c r="K1552" s="194"/>
      <c r="L1552" s="194"/>
      <c r="M1552" s="194"/>
      <c r="N1552" s="194"/>
    </row>
    <row r="1553" spans="10:14" x14ac:dyDescent="0.2">
      <c r="J1553" s="194"/>
      <c r="K1553" s="194"/>
      <c r="L1553" s="194"/>
      <c r="M1553" s="194"/>
      <c r="N1553" s="194"/>
    </row>
    <row r="1554" spans="10:14" x14ac:dyDescent="0.2">
      <c r="J1554" s="194"/>
      <c r="K1554" s="194"/>
      <c r="L1554" s="194"/>
      <c r="M1554" s="194"/>
      <c r="N1554" s="194"/>
    </row>
    <row r="1555" spans="10:14" x14ac:dyDescent="0.2">
      <c r="J1555" s="194"/>
      <c r="K1555" s="194"/>
      <c r="L1555" s="194"/>
      <c r="M1555" s="194"/>
      <c r="N1555" s="194"/>
    </row>
    <row r="1556" spans="10:14" x14ac:dyDescent="0.2">
      <c r="J1556" s="194"/>
      <c r="K1556" s="194"/>
      <c r="L1556" s="194"/>
      <c r="M1556" s="194"/>
      <c r="N1556" s="194"/>
    </row>
    <row r="1557" spans="10:14" x14ac:dyDescent="0.2">
      <c r="J1557" s="194"/>
      <c r="K1557" s="194"/>
      <c r="L1557" s="194"/>
      <c r="M1557" s="194"/>
      <c r="N1557" s="194"/>
    </row>
    <row r="1558" spans="10:14" x14ac:dyDescent="0.2">
      <c r="J1558" s="194"/>
      <c r="K1558" s="194"/>
      <c r="L1558" s="194"/>
      <c r="M1558" s="194"/>
      <c r="N1558" s="194"/>
    </row>
    <row r="1559" spans="10:14" x14ac:dyDescent="0.2">
      <c r="J1559" s="194"/>
      <c r="K1559" s="194"/>
      <c r="L1559" s="194"/>
      <c r="M1559" s="194"/>
      <c r="N1559" s="194"/>
    </row>
    <row r="1560" spans="10:14" x14ac:dyDescent="0.2">
      <c r="J1560" s="194"/>
      <c r="K1560" s="194"/>
      <c r="L1560" s="194"/>
      <c r="M1560" s="194"/>
      <c r="N1560" s="194"/>
    </row>
    <row r="1561" spans="10:14" x14ac:dyDescent="0.2">
      <c r="J1561" s="194"/>
      <c r="K1561" s="194"/>
      <c r="L1561" s="194"/>
      <c r="M1561" s="194"/>
      <c r="N1561" s="194"/>
    </row>
    <row r="1562" spans="10:14" x14ac:dyDescent="0.2">
      <c r="J1562" s="194"/>
      <c r="K1562" s="194"/>
      <c r="L1562" s="194"/>
      <c r="M1562" s="194"/>
      <c r="N1562" s="194"/>
    </row>
    <row r="1563" spans="10:14" x14ac:dyDescent="0.2">
      <c r="J1563" s="194"/>
      <c r="K1563" s="194"/>
      <c r="L1563" s="194"/>
      <c r="M1563" s="194"/>
      <c r="N1563" s="194"/>
    </row>
    <row r="1564" spans="10:14" x14ac:dyDescent="0.2">
      <c r="J1564" s="194"/>
      <c r="K1564" s="194"/>
      <c r="L1564" s="194"/>
      <c r="M1564" s="194"/>
      <c r="N1564" s="194"/>
    </row>
    <row r="1565" spans="10:14" x14ac:dyDescent="0.2">
      <c r="J1565" s="194"/>
      <c r="K1565" s="194"/>
      <c r="L1565" s="194"/>
      <c r="M1565" s="194"/>
      <c r="N1565" s="194"/>
    </row>
    <row r="1566" spans="10:14" x14ac:dyDescent="0.2">
      <c r="J1566" s="194"/>
      <c r="K1566" s="194"/>
      <c r="L1566" s="194"/>
      <c r="M1566" s="194"/>
      <c r="N1566" s="194"/>
    </row>
    <row r="1567" spans="10:14" x14ac:dyDescent="0.2">
      <c r="J1567" s="194"/>
      <c r="K1567" s="194"/>
      <c r="L1567" s="194"/>
      <c r="M1567" s="194"/>
      <c r="N1567" s="194"/>
    </row>
    <row r="1568" spans="10:14" x14ac:dyDescent="0.2">
      <c r="J1568" s="194"/>
      <c r="K1568" s="194"/>
      <c r="L1568" s="194"/>
      <c r="M1568" s="194"/>
      <c r="N1568" s="194"/>
    </row>
    <row r="1569" spans="10:14" x14ac:dyDescent="0.2">
      <c r="J1569" s="194"/>
      <c r="K1569" s="194"/>
      <c r="L1569" s="194"/>
      <c r="M1569" s="194"/>
      <c r="N1569" s="194"/>
    </row>
    <row r="1570" spans="10:14" x14ac:dyDescent="0.2">
      <c r="J1570" s="194"/>
      <c r="K1570" s="194"/>
      <c r="L1570" s="194"/>
      <c r="M1570" s="194"/>
      <c r="N1570" s="194"/>
    </row>
    <row r="1571" spans="10:14" x14ac:dyDescent="0.2">
      <c r="J1571" s="194"/>
      <c r="K1571" s="194"/>
      <c r="L1571" s="194"/>
      <c r="M1571" s="194"/>
      <c r="N1571" s="194"/>
    </row>
    <row r="1572" spans="10:14" x14ac:dyDescent="0.2">
      <c r="J1572" s="194"/>
      <c r="K1572" s="194"/>
      <c r="L1572" s="194"/>
      <c r="M1572" s="194"/>
      <c r="N1572" s="194"/>
    </row>
    <row r="1573" spans="10:14" x14ac:dyDescent="0.2">
      <c r="J1573" s="194"/>
      <c r="K1573" s="194"/>
      <c r="L1573" s="194"/>
      <c r="M1573" s="194"/>
      <c r="N1573" s="194"/>
    </row>
    <row r="1574" spans="10:14" x14ac:dyDescent="0.2">
      <c r="J1574" s="194"/>
      <c r="K1574" s="194"/>
      <c r="L1574" s="194"/>
      <c r="M1574" s="194"/>
      <c r="N1574" s="194"/>
    </row>
    <row r="1575" spans="10:14" x14ac:dyDescent="0.2">
      <c r="J1575" s="194"/>
      <c r="K1575" s="194"/>
      <c r="L1575" s="194"/>
      <c r="M1575" s="194"/>
      <c r="N1575" s="194"/>
    </row>
    <row r="1576" spans="10:14" x14ac:dyDescent="0.2">
      <c r="J1576" s="194"/>
      <c r="K1576" s="194"/>
      <c r="L1576" s="194"/>
      <c r="M1576" s="194"/>
      <c r="N1576" s="194"/>
    </row>
    <row r="1577" spans="10:14" x14ac:dyDescent="0.2">
      <c r="J1577" s="194"/>
      <c r="K1577" s="194"/>
      <c r="L1577" s="194"/>
      <c r="M1577" s="194"/>
      <c r="N1577" s="194"/>
    </row>
    <row r="1578" spans="10:14" x14ac:dyDescent="0.2">
      <c r="J1578" s="194"/>
      <c r="K1578" s="194"/>
      <c r="L1578" s="194"/>
      <c r="M1578" s="194"/>
      <c r="N1578" s="194"/>
    </row>
    <row r="1579" spans="10:14" x14ac:dyDescent="0.2">
      <c r="J1579" s="194"/>
      <c r="K1579" s="194"/>
      <c r="L1579" s="194"/>
      <c r="M1579" s="194"/>
      <c r="N1579" s="194"/>
    </row>
    <row r="1580" spans="10:14" x14ac:dyDescent="0.2">
      <c r="J1580" s="194"/>
      <c r="K1580" s="194"/>
      <c r="L1580" s="194"/>
      <c r="M1580" s="194"/>
      <c r="N1580" s="194"/>
    </row>
    <row r="1581" spans="10:14" x14ac:dyDescent="0.2">
      <c r="J1581" s="194"/>
      <c r="K1581" s="194"/>
      <c r="L1581" s="194"/>
      <c r="M1581" s="194"/>
      <c r="N1581" s="194"/>
    </row>
    <row r="1582" spans="10:14" x14ac:dyDescent="0.2">
      <c r="J1582" s="194"/>
      <c r="K1582" s="194"/>
      <c r="L1582" s="194"/>
      <c r="M1582" s="194"/>
      <c r="N1582" s="194"/>
    </row>
    <row r="1583" spans="10:14" x14ac:dyDescent="0.2">
      <c r="J1583" s="194"/>
      <c r="K1583" s="194"/>
      <c r="L1583" s="194"/>
      <c r="M1583" s="194"/>
      <c r="N1583" s="194"/>
    </row>
    <row r="1584" spans="10:14" x14ac:dyDescent="0.2">
      <c r="J1584" s="194"/>
      <c r="K1584" s="194"/>
      <c r="L1584" s="194"/>
      <c r="M1584" s="194"/>
      <c r="N1584" s="194"/>
    </row>
    <row r="1585" spans="10:14" x14ac:dyDescent="0.2">
      <c r="J1585" s="194"/>
      <c r="K1585" s="194"/>
      <c r="L1585" s="194"/>
      <c r="M1585" s="194"/>
      <c r="N1585" s="194"/>
    </row>
    <row r="1586" spans="10:14" x14ac:dyDescent="0.2">
      <c r="J1586" s="194"/>
      <c r="K1586" s="194"/>
      <c r="L1586" s="194"/>
      <c r="M1586" s="194"/>
      <c r="N1586" s="194"/>
    </row>
    <row r="1587" spans="10:14" x14ac:dyDescent="0.2">
      <c r="J1587" s="194"/>
      <c r="K1587" s="194"/>
      <c r="L1587" s="194"/>
      <c r="M1587" s="194"/>
      <c r="N1587" s="194"/>
    </row>
    <row r="1588" spans="10:14" x14ac:dyDescent="0.2">
      <c r="J1588" s="194"/>
      <c r="K1588" s="194"/>
      <c r="L1588" s="194"/>
      <c r="M1588" s="194"/>
      <c r="N1588" s="194"/>
    </row>
    <row r="1589" spans="10:14" x14ac:dyDescent="0.2">
      <c r="J1589" s="194"/>
      <c r="K1589" s="194"/>
      <c r="L1589" s="194"/>
      <c r="M1589" s="194"/>
      <c r="N1589" s="194"/>
    </row>
    <row r="1590" spans="10:14" x14ac:dyDescent="0.2">
      <c r="J1590" s="194"/>
      <c r="K1590" s="194"/>
      <c r="L1590" s="194"/>
      <c r="M1590" s="194"/>
      <c r="N1590" s="194"/>
    </row>
    <row r="1591" spans="10:14" x14ac:dyDescent="0.2">
      <c r="J1591" s="194"/>
      <c r="K1591" s="194"/>
      <c r="L1591" s="194"/>
      <c r="M1591" s="194"/>
      <c r="N1591" s="194"/>
    </row>
    <row r="1592" spans="10:14" x14ac:dyDescent="0.2">
      <c r="J1592" s="194"/>
      <c r="K1592" s="194"/>
      <c r="L1592" s="194"/>
      <c r="M1592" s="194"/>
      <c r="N1592" s="194"/>
    </row>
    <row r="1593" spans="10:14" x14ac:dyDescent="0.2">
      <c r="J1593" s="194"/>
      <c r="K1593" s="194"/>
      <c r="L1593" s="194"/>
      <c r="M1593" s="194"/>
      <c r="N1593" s="194"/>
    </row>
    <row r="1594" spans="10:14" x14ac:dyDescent="0.2">
      <c r="J1594" s="194"/>
      <c r="K1594" s="194"/>
      <c r="L1594" s="194"/>
      <c r="M1594" s="194"/>
      <c r="N1594" s="194"/>
    </row>
    <row r="1595" spans="10:14" x14ac:dyDescent="0.2">
      <c r="J1595" s="194"/>
      <c r="K1595" s="194"/>
      <c r="L1595" s="194"/>
      <c r="M1595" s="194"/>
      <c r="N1595" s="194"/>
    </row>
    <row r="1596" spans="10:14" x14ac:dyDescent="0.2">
      <c r="J1596" s="194"/>
      <c r="K1596" s="194"/>
      <c r="L1596" s="194"/>
      <c r="M1596" s="194"/>
      <c r="N1596" s="194"/>
    </row>
    <row r="1597" spans="10:14" x14ac:dyDescent="0.2">
      <c r="J1597" s="194"/>
      <c r="K1597" s="194"/>
      <c r="L1597" s="194"/>
      <c r="M1597" s="194"/>
      <c r="N1597" s="194"/>
    </row>
    <row r="1598" spans="10:14" x14ac:dyDescent="0.2">
      <c r="J1598" s="194"/>
      <c r="K1598" s="194"/>
      <c r="L1598" s="194"/>
      <c r="M1598" s="194"/>
      <c r="N1598" s="194"/>
    </row>
    <row r="1599" spans="10:14" x14ac:dyDescent="0.2">
      <c r="J1599" s="194"/>
      <c r="K1599" s="194"/>
      <c r="L1599" s="194"/>
      <c r="M1599" s="194"/>
      <c r="N1599" s="194"/>
    </row>
    <row r="1600" spans="10:14" x14ac:dyDescent="0.2">
      <c r="J1600" s="194"/>
      <c r="K1600" s="194"/>
      <c r="L1600" s="194"/>
      <c r="M1600" s="194"/>
      <c r="N1600" s="194"/>
    </row>
    <row r="1601" spans="10:14" x14ac:dyDescent="0.2">
      <c r="J1601" s="194"/>
      <c r="K1601" s="194"/>
      <c r="L1601" s="194"/>
      <c r="M1601" s="194"/>
      <c r="N1601" s="194"/>
    </row>
    <row r="1602" spans="10:14" x14ac:dyDescent="0.2">
      <c r="J1602" s="194"/>
      <c r="K1602" s="194"/>
      <c r="L1602" s="194"/>
      <c r="M1602" s="194"/>
      <c r="N1602" s="194"/>
    </row>
    <row r="1603" spans="10:14" x14ac:dyDescent="0.2">
      <c r="J1603" s="194"/>
      <c r="K1603" s="194"/>
      <c r="L1603" s="194"/>
      <c r="M1603" s="194"/>
      <c r="N1603" s="194"/>
    </row>
    <row r="1604" spans="10:14" x14ac:dyDescent="0.2">
      <c r="J1604" s="194"/>
      <c r="K1604" s="194"/>
      <c r="L1604" s="194"/>
      <c r="M1604" s="194"/>
      <c r="N1604" s="194"/>
    </row>
    <row r="1605" spans="10:14" x14ac:dyDescent="0.2">
      <c r="J1605" s="194"/>
      <c r="K1605" s="194"/>
      <c r="L1605" s="194"/>
      <c r="M1605" s="194"/>
      <c r="N1605" s="194"/>
    </row>
    <row r="1606" spans="10:14" x14ac:dyDescent="0.2">
      <c r="J1606" s="194"/>
      <c r="K1606" s="194"/>
      <c r="L1606" s="194"/>
      <c r="M1606" s="194"/>
      <c r="N1606" s="194"/>
    </row>
    <row r="1607" spans="10:14" x14ac:dyDescent="0.2">
      <c r="J1607" s="194"/>
      <c r="K1607" s="194"/>
      <c r="L1607" s="194"/>
      <c r="M1607" s="194"/>
      <c r="N1607" s="194"/>
    </row>
    <row r="1608" spans="10:14" x14ac:dyDescent="0.2">
      <c r="J1608" s="194"/>
      <c r="K1608" s="194"/>
      <c r="L1608" s="194"/>
      <c r="M1608" s="194"/>
      <c r="N1608" s="194"/>
    </row>
    <row r="1609" spans="10:14" x14ac:dyDescent="0.2">
      <c r="J1609" s="194"/>
      <c r="K1609" s="194"/>
      <c r="L1609" s="194"/>
      <c r="M1609" s="194"/>
      <c r="N1609" s="194"/>
    </row>
    <row r="1610" spans="10:14" x14ac:dyDescent="0.2">
      <c r="J1610" s="194"/>
      <c r="K1610" s="194"/>
      <c r="L1610" s="194"/>
      <c r="M1610" s="194"/>
      <c r="N1610" s="194"/>
    </row>
    <row r="1611" spans="10:14" x14ac:dyDescent="0.2">
      <c r="J1611" s="194"/>
      <c r="K1611" s="194"/>
      <c r="L1611" s="194"/>
      <c r="M1611" s="194"/>
      <c r="N1611" s="194"/>
    </row>
    <row r="1612" spans="10:14" x14ac:dyDescent="0.2">
      <c r="J1612" s="194"/>
      <c r="K1612" s="194"/>
      <c r="L1612" s="194"/>
      <c r="M1612" s="194"/>
      <c r="N1612" s="194"/>
    </row>
    <row r="1613" spans="10:14" x14ac:dyDescent="0.2">
      <c r="J1613" s="194"/>
      <c r="K1613" s="194"/>
      <c r="L1613" s="194"/>
      <c r="M1613" s="194"/>
      <c r="N1613" s="194"/>
    </row>
    <row r="1614" spans="10:14" x14ac:dyDescent="0.2">
      <c r="J1614" s="194"/>
      <c r="K1614" s="194"/>
      <c r="L1614" s="194"/>
      <c r="M1614" s="194"/>
      <c r="N1614" s="194"/>
    </row>
    <row r="1615" spans="10:14" x14ac:dyDescent="0.2">
      <c r="J1615" s="194"/>
      <c r="K1615" s="194"/>
      <c r="L1615" s="194"/>
      <c r="M1615" s="194"/>
      <c r="N1615" s="194"/>
    </row>
    <row r="1616" spans="10:14" x14ac:dyDescent="0.2">
      <c r="J1616" s="194"/>
      <c r="K1616" s="194"/>
      <c r="L1616" s="194"/>
      <c r="M1616" s="194"/>
      <c r="N1616" s="194"/>
    </row>
    <row r="1617" spans="10:14" x14ac:dyDescent="0.2">
      <c r="J1617" s="194"/>
      <c r="K1617" s="194"/>
      <c r="L1617" s="194"/>
      <c r="M1617" s="194"/>
      <c r="N1617" s="194"/>
    </row>
    <row r="1618" spans="10:14" x14ac:dyDescent="0.2">
      <c r="J1618" s="194"/>
      <c r="K1618" s="194"/>
      <c r="L1618" s="194"/>
      <c r="M1618" s="194"/>
      <c r="N1618" s="194"/>
    </row>
    <row r="1619" spans="10:14" x14ac:dyDescent="0.2">
      <c r="J1619" s="194"/>
      <c r="K1619" s="194"/>
      <c r="L1619" s="194"/>
      <c r="M1619" s="194"/>
      <c r="N1619" s="194"/>
    </row>
    <row r="1620" spans="10:14" x14ac:dyDescent="0.2">
      <c r="J1620" s="194"/>
      <c r="K1620" s="194"/>
      <c r="L1620" s="194"/>
      <c r="M1620" s="194"/>
      <c r="N1620" s="194"/>
    </row>
    <row r="1621" spans="10:14" x14ac:dyDescent="0.2">
      <c r="J1621" s="194"/>
      <c r="K1621" s="194"/>
      <c r="L1621" s="194"/>
      <c r="M1621" s="194"/>
      <c r="N1621" s="194"/>
    </row>
    <row r="1622" spans="10:14" x14ac:dyDescent="0.2">
      <c r="J1622" s="194"/>
      <c r="K1622" s="194"/>
      <c r="L1622" s="194"/>
      <c r="M1622" s="194"/>
      <c r="N1622" s="194"/>
    </row>
    <row r="1623" spans="10:14" x14ac:dyDescent="0.2">
      <c r="J1623" s="194"/>
      <c r="K1623" s="194"/>
      <c r="L1623" s="194"/>
      <c r="M1623" s="194"/>
      <c r="N1623" s="194"/>
    </row>
    <row r="1624" spans="10:14" x14ac:dyDescent="0.2">
      <c r="J1624" s="194"/>
      <c r="K1624" s="194"/>
      <c r="L1624" s="194"/>
      <c r="M1624" s="194"/>
      <c r="N1624" s="194"/>
    </row>
    <row r="1625" spans="10:14" x14ac:dyDescent="0.2">
      <c r="J1625" s="194"/>
      <c r="K1625" s="194"/>
      <c r="L1625" s="194"/>
      <c r="M1625" s="194"/>
      <c r="N1625" s="194"/>
    </row>
    <row r="1626" spans="10:14" x14ac:dyDescent="0.2">
      <c r="J1626" s="194"/>
      <c r="K1626" s="194"/>
      <c r="L1626" s="194"/>
      <c r="M1626" s="194"/>
      <c r="N1626" s="194"/>
    </row>
    <row r="1627" spans="10:14" x14ac:dyDescent="0.2">
      <c r="J1627" s="194"/>
      <c r="K1627" s="194"/>
      <c r="L1627" s="194"/>
      <c r="M1627" s="194"/>
      <c r="N1627" s="194"/>
    </row>
    <row r="1628" spans="10:14" x14ac:dyDescent="0.2">
      <c r="J1628" s="194"/>
      <c r="K1628" s="194"/>
      <c r="L1628" s="194"/>
      <c r="M1628" s="194"/>
      <c r="N1628" s="194"/>
    </row>
    <row r="1629" spans="10:14" x14ac:dyDescent="0.2">
      <c r="J1629" s="194"/>
      <c r="K1629" s="194"/>
      <c r="L1629" s="194"/>
      <c r="M1629" s="194"/>
      <c r="N1629" s="194"/>
    </row>
    <row r="1630" spans="10:14" x14ac:dyDescent="0.2">
      <c r="J1630" s="194"/>
      <c r="K1630" s="194"/>
      <c r="L1630" s="194"/>
      <c r="M1630" s="194"/>
      <c r="N1630" s="194"/>
    </row>
    <row r="1631" spans="10:14" x14ac:dyDescent="0.2">
      <c r="J1631" s="194"/>
      <c r="K1631" s="194"/>
      <c r="L1631" s="194"/>
      <c r="M1631" s="194"/>
      <c r="N1631" s="194"/>
    </row>
    <row r="1632" spans="10:14" x14ac:dyDescent="0.2">
      <c r="J1632" s="194"/>
      <c r="K1632" s="194"/>
      <c r="L1632" s="194"/>
      <c r="M1632" s="194"/>
      <c r="N1632" s="194"/>
    </row>
    <row r="1633" spans="10:14" x14ac:dyDescent="0.2">
      <c r="J1633" s="194"/>
      <c r="K1633" s="194"/>
      <c r="L1633" s="194"/>
      <c r="M1633" s="194"/>
      <c r="N1633" s="194"/>
    </row>
    <row r="1634" spans="10:14" x14ac:dyDescent="0.2">
      <c r="J1634" s="194"/>
      <c r="K1634" s="194"/>
      <c r="L1634" s="194"/>
      <c r="M1634" s="194"/>
      <c r="N1634" s="194"/>
    </row>
    <row r="1635" spans="10:14" x14ac:dyDescent="0.2">
      <c r="J1635" s="194"/>
      <c r="K1635" s="194"/>
      <c r="L1635" s="194"/>
      <c r="M1635" s="194"/>
      <c r="N1635" s="194"/>
    </row>
    <row r="1636" spans="10:14" x14ac:dyDescent="0.2">
      <c r="J1636" s="194"/>
      <c r="K1636" s="194"/>
      <c r="L1636" s="194"/>
      <c r="M1636" s="194"/>
      <c r="N1636" s="194"/>
    </row>
    <row r="1637" spans="10:14" x14ac:dyDescent="0.2">
      <c r="J1637" s="194"/>
      <c r="K1637" s="194"/>
      <c r="L1637" s="194"/>
      <c r="M1637" s="194"/>
      <c r="N1637" s="194"/>
    </row>
    <row r="1638" spans="10:14" x14ac:dyDescent="0.2">
      <c r="J1638" s="194"/>
      <c r="K1638" s="194"/>
      <c r="L1638" s="194"/>
      <c r="M1638" s="194"/>
      <c r="N1638" s="194"/>
    </row>
    <row r="1639" spans="10:14" x14ac:dyDescent="0.2">
      <c r="J1639" s="194"/>
      <c r="K1639" s="194"/>
      <c r="L1639" s="194"/>
      <c r="M1639" s="194"/>
      <c r="N1639" s="194"/>
    </row>
    <row r="1640" spans="10:14" x14ac:dyDescent="0.2">
      <c r="J1640" s="194"/>
      <c r="K1640" s="194"/>
      <c r="L1640" s="194"/>
      <c r="M1640" s="194"/>
      <c r="N1640" s="194"/>
    </row>
    <row r="1641" spans="10:14" x14ac:dyDescent="0.2">
      <c r="J1641" s="194"/>
      <c r="K1641" s="194"/>
      <c r="L1641" s="194"/>
      <c r="M1641" s="194"/>
      <c r="N1641" s="194"/>
    </row>
    <row r="1642" spans="10:14" x14ac:dyDescent="0.2">
      <c r="J1642" s="194"/>
      <c r="K1642" s="194"/>
      <c r="L1642" s="194"/>
      <c r="M1642" s="194"/>
      <c r="N1642" s="194"/>
    </row>
    <row r="1643" spans="10:14" x14ac:dyDescent="0.2">
      <c r="J1643" s="194"/>
      <c r="K1643" s="194"/>
      <c r="L1643" s="194"/>
      <c r="M1643" s="194"/>
      <c r="N1643" s="194"/>
    </row>
    <row r="1644" spans="10:14" x14ac:dyDescent="0.2">
      <c r="J1644" s="194"/>
      <c r="K1644" s="194"/>
      <c r="L1644" s="194"/>
      <c r="M1644" s="194"/>
      <c r="N1644" s="194"/>
    </row>
    <row r="1645" spans="10:14" x14ac:dyDescent="0.2">
      <c r="J1645" s="194"/>
      <c r="K1645" s="194"/>
      <c r="L1645" s="194"/>
      <c r="M1645" s="194"/>
      <c r="N1645" s="194"/>
    </row>
    <row r="1646" spans="10:14" x14ac:dyDescent="0.2">
      <c r="J1646" s="194"/>
      <c r="K1646" s="194"/>
      <c r="L1646" s="194"/>
      <c r="M1646" s="194"/>
      <c r="N1646" s="194"/>
    </row>
    <row r="1647" spans="10:14" x14ac:dyDescent="0.2">
      <c r="J1647" s="194"/>
      <c r="K1647" s="194"/>
      <c r="L1647" s="194"/>
      <c r="M1647" s="194"/>
      <c r="N1647" s="194"/>
    </row>
    <row r="1648" spans="10:14" x14ac:dyDescent="0.2">
      <c r="J1648" s="194"/>
      <c r="K1648" s="194"/>
      <c r="L1648" s="194"/>
      <c r="M1648" s="194"/>
      <c r="N1648" s="194"/>
    </row>
    <row r="1649" spans="10:14" x14ac:dyDescent="0.2">
      <c r="J1649" s="194"/>
      <c r="K1649" s="194"/>
      <c r="L1649" s="194"/>
      <c r="M1649" s="194"/>
      <c r="N1649" s="194"/>
    </row>
    <row r="1650" spans="10:14" x14ac:dyDescent="0.2">
      <c r="J1650" s="194"/>
      <c r="K1650" s="194"/>
      <c r="L1650" s="194"/>
      <c r="M1650" s="194"/>
      <c r="N1650" s="194"/>
    </row>
    <row r="1651" spans="10:14" x14ac:dyDescent="0.2">
      <c r="J1651" s="194"/>
      <c r="K1651" s="194"/>
      <c r="L1651" s="194"/>
      <c r="M1651" s="194"/>
      <c r="N1651" s="194"/>
    </row>
    <row r="1652" spans="10:14" x14ac:dyDescent="0.2">
      <c r="J1652" s="194"/>
      <c r="K1652" s="194"/>
      <c r="L1652" s="194"/>
      <c r="M1652" s="194"/>
      <c r="N1652" s="194"/>
    </row>
    <row r="1653" spans="10:14" x14ac:dyDescent="0.2">
      <c r="J1653" s="194"/>
      <c r="K1653" s="194"/>
      <c r="L1653" s="194"/>
      <c r="M1653" s="194"/>
      <c r="N1653" s="194"/>
    </row>
    <row r="1654" spans="10:14" x14ac:dyDescent="0.2">
      <c r="J1654" s="194"/>
      <c r="K1654" s="194"/>
      <c r="L1654" s="194"/>
      <c r="M1654" s="194"/>
      <c r="N1654" s="194"/>
    </row>
    <row r="1655" spans="10:14" x14ac:dyDescent="0.2">
      <c r="J1655" s="194"/>
      <c r="K1655" s="194"/>
      <c r="L1655" s="194"/>
      <c r="M1655" s="194"/>
      <c r="N1655" s="194"/>
    </row>
    <row r="1656" spans="10:14" x14ac:dyDescent="0.2">
      <c r="J1656" s="194"/>
      <c r="K1656" s="194"/>
      <c r="L1656" s="194"/>
      <c r="M1656" s="194"/>
      <c r="N1656" s="194"/>
    </row>
    <row r="1657" spans="10:14" x14ac:dyDescent="0.2">
      <c r="J1657" s="194"/>
      <c r="K1657" s="194"/>
      <c r="L1657" s="194"/>
      <c r="M1657" s="194"/>
      <c r="N1657" s="194"/>
    </row>
    <row r="1658" spans="10:14" x14ac:dyDescent="0.2">
      <c r="J1658" s="194"/>
      <c r="K1658" s="194"/>
      <c r="L1658" s="194"/>
      <c r="M1658" s="194"/>
      <c r="N1658" s="194"/>
    </row>
    <row r="1659" spans="10:14" x14ac:dyDescent="0.2">
      <c r="J1659" s="194"/>
      <c r="K1659" s="194"/>
      <c r="L1659" s="194"/>
      <c r="M1659" s="194"/>
      <c r="N1659" s="194"/>
    </row>
    <row r="1660" spans="10:14" x14ac:dyDescent="0.2">
      <c r="J1660" s="194"/>
      <c r="K1660" s="194"/>
      <c r="L1660" s="194"/>
      <c r="M1660" s="194"/>
      <c r="N1660" s="194"/>
    </row>
    <row r="1661" spans="10:14" x14ac:dyDescent="0.2">
      <c r="J1661" s="194"/>
      <c r="K1661" s="194"/>
      <c r="L1661" s="194"/>
      <c r="M1661" s="194"/>
      <c r="N1661" s="194"/>
    </row>
    <row r="1662" spans="10:14" x14ac:dyDescent="0.2">
      <c r="J1662" s="194"/>
      <c r="K1662" s="194"/>
      <c r="L1662" s="194"/>
      <c r="M1662" s="194"/>
      <c r="N1662" s="194"/>
    </row>
    <row r="1663" spans="10:14" x14ac:dyDescent="0.2">
      <c r="J1663" s="194"/>
      <c r="K1663" s="194"/>
      <c r="L1663" s="194"/>
      <c r="M1663" s="194"/>
      <c r="N1663" s="194"/>
    </row>
    <row r="1664" spans="10:14" x14ac:dyDescent="0.2">
      <c r="J1664" s="194"/>
      <c r="K1664" s="194"/>
      <c r="L1664" s="194"/>
      <c r="M1664" s="194"/>
      <c r="N1664" s="194"/>
    </row>
    <row r="1665" spans="10:14" x14ac:dyDescent="0.2">
      <c r="J1665" s="194"/>
      <c r="K1665" s="194"/>
      <c r="L1665" s="194"/>
      <c r="M1665" s="194"/>
      <c r="N1665" s="194"/>
    </row>
    <row r="1666" spans="10:14" x14ac:dyDescent="0.2">
      <c r="J1666" s="194"/>
      <c r="K1666" s="194"/>
      <c r="L1666" s="194"/>
      <c r="M1666" s="194"/>
      <c r="N1666" s="194"/>
    </row>
    <row r="1667" spans="10:14" x14ac:dyDescent="0.2">
      <c r="J1667" s="194"/>
      <c r="K1667" s="194"/>
      <c r="L1667" s="194"/>
      <c r="M1667" s="194"/>
      <c r="N1667" s="194"/>
    </row>
    <row r="1668" spans="10:14" x14ac:dyDescent="0.2">
      <c r="J1668" s="194"/>
      <c r="K1668" s="194"/>
      <c r="L1668" s="194"/>
      <c r="M1668" s="194"/>
      <c r="N1668" s="194"/>
    </row>
    <row r="1669" spans="10:14" x14ac:dyDescent="0.2">
      <c r="J1669" s="194"/>
      <c r="K1669" s="194"/>
      <c r="L1669" s="194"/>
      <c r="M1669" s="194"/>
      <c r="N1669" s="194"/>
    </row>
    <row r="1670" spans="10:14" x14ac:dyDescent="0.2">
      <c r="J1670" s="194"/>
      <c r="K1670" s="194"/>
      <c r="L1670" s="194"/>
      <c r="M1670" s="194"/>
      <c r="N1670" s="194"/>
    </row>
    <row r="1671" spans="10:14" x14ac:dyDescent="0.2">
      <c r="J1671" s="194"/>
      <c r="K1671" s="194"/>
      <c r="L1671" s="194"/>
      <c r="M1671" s="194"/>
      <c r="N1671" s="194"/>
    </row>
    <row r="1672" spans="10:14" x14ac:dyDescent="0.2">
      <c r="J1672" s="194"/>
      <c r="K1672" s="194"/>
      <c r="L1672" s="194"/>
      <c r="M1672" s="194"/>
      <c r="N1672" s="194"/>
    </row>
    <row r="1673" spans="10:14" x14ac:dyDescent="0.2">
      <c r="J1673" s="194"/>
      <c r="K1673" s="194"/>
      <c r="L1673" s="194"/>
      <c r="M1673" s="194"/>
      <c r="N1673" s="194"/>
    </row>
    <row r="1674" spans="10:14" x14ac:dyDescent="0.2">
      <c r="J1674" s="194"/>
      <c r="K1674" s="194"/>
      <c r="L1674" s="194"/>
      <c r="M1674" s="194"/>
      <c r="N1674" s="194"/>
    </row>
    <row r="1675" spans="10:14" x14ac:dyDescent="0.2">
      <c r="J1675" s="194"/>
      <c r="K1675" s="194"/>
      <c r="L1675" s="194"/>
      <c r="M1675" s="194"/>
      <c r="N1675" s="194"/>
    </row>
    <row r="1676" spans="10:14" x14ac:dyDescent="0.2">
      <c r="J1676" s="194"/>
      <c r="K1676" s="194"/>
      <c r="L1676" s="194"/>
      <c r="M1676" s="194"/>
      <c r="N1676" s="194"/>
    </row>
    <row r="1677" spans="10:14" x14ac:dyDescent="0.2">
      <c r="J1677" s="194"/>
      <c r="K1677" s="194"/>
      <c r="L1677" s="194"/>
      <c r="M1677" s="194"/>
      <c r="N1677" s="194"/>
    </row>
    <row r="1678" spans="10:14" x14ac:dyDescent="0.2">
      <c r="J1678" s="194"/>
      <c r="K1678" s="194"/>
      <c r="L1678" s="194"/>
      <c r="M1678" s="194"/>
      <c r="N1678" s="194"/>
    </row>
    <row r="1679" spans="10:14" x14ac:dyDescent="0.2">
      <c r="J1679" s="194"/>
      <c r="K1679" s="194"/>
      <c r="L1679" s="194"/>
      <c r="M1679" s="194"/>
      <c r="N1679" s="194"/>
    </row>
    <row r="1680" spans="10:14" x14ac:dyDescent="0.2">
      <c r="J1680" s="194"/>
      <c r="K1680" s="194"/>
      <c r="L1680" s="194"/>
      <c r="M1680" s="194"/>
      <c r="N1680" s="194"/>
    </row>
    <row r="1681" spans="10:14" x14ac:dyDescent="0.2">
      <c r="J1681" s="194"/>
      <c r="K1681" s="194"/>
      <c r="L1681" s="194"/>
      <c r="M1681" s="194"/>
      <c r="N1681" s="194"/>
    </row>
    <row r="1682" spans="10:14" x14ac:dyDescent="0.2">
      <c r="J1682" s="194"/>
      <c r="K1682" s="194"/>
      <c r="L1682" s="194"/>
      <c r="M1682" s="194"/>
      <c r="N1682" s="194"/>
    </row>
    <row r="1683" spans="10:14" x14ac:dyDescent="0.2">
      <c r="J1683" s="194"/>
      <c r="K1683" s="194"/>
      <c r="L1683" s="194"/>
      <c r="M1683" s="194"/>
      <c r="N1683" s="194"/>
    </row>
    <row r="1684" spans="10:14" x14ac:dyDescent="0.2">
      <c r="J1684" s="194"/>
      <c r="K1684" s="194"/>
      <c r="L1684" s="194"/>
      <c r="M1684" s="194"/>
      <c r="N1684" s="194"/>
    </row>
    <row r="1685" spans="10:14" x14ac:dyDescent="0.2">
      <c r="J1685" s="194"/>
      <c r="K1685" s="194"/>
      <c r="L1685" s="194"/>
      <c r="M1685" s="194"/>
      <c r="N1685" s="194"/>
    </row>
    <row r="1686" spans="10:14" x14ac:dyDescent="0.2">
      <c r="J1686" s="194"/>
      <c r="K1686" s="194"/>
      <c r="L1686" s="194"/>
      <c r="M1686" s="194"/>
      <c r="N1686" s="194"/>
    </row>
    <row r="1687" spans="10:14" x14ac:dyDescent="0.2">
      <c r="J1687" s="194"/>
      <c r="K1687" s="194"/>
      <c r="L1687" s="194"/>
      <c r="M1687" s="194"/>
      <c r="N1687" s="194"/>
    </row>
    <row r="1688" spans="10:14" x14ac:dyDescent="0.2">
      <c r="J1688" s="194"/>
      <c r="K1688" s="194"/>
      <c r="L1688" s="194"/>
      <c r="M1688" s="194"/>
      <c r="N1688" s="194"/>
    </row>
    <row r="1689" spans="10:14" x14ac:dyDescent="0.2">
      <c r="J1689" s="194"/>
      <c r="K1689" s="194"/>
      <c r="L1689" s="194"/>
      <c r="M1689" s="194"/>
      <c r="N1689" s="194"/>
    </row>
    <row r="1690" spans="10:14" x14ac:dyDescent="0.2">
      <c r="J1690" s="194"/>
      <c r="K1690" s="194"/>
      <c r="L1690" s="194"/>
      <c r="M1690" s="194"/>
      <c r="N1690" s="194"/>
    </row>
    <row r="1691" spans="10:14" x14ac:dyDescent="0.2">
      <c r="J1691" s="194"/>
      <c r="K1691" s="194"/>
      <c r="L1691" s="194"/>
      <c r="M1691" s="194"/>
      <c r="N1691" s="194"/>
    </row>
    <row r="1692" spans="10:14" x14ac:dyDescent="0.2">
      <c r="J1692" s="194"/>
      <c r="K1692" s="194"/>
      <c r="L1692" s="194"/>
      <c r="M1692" s="194"/>
      <c r="N1692" s="194"/>
    </row>
    <row r="1693" spans="10:14" x14ac:dyDescent="0.2">
      <c r="J1693" s="194"/>
      <c r="K1693" s="194"/>
      <c r="L1693" s="194"/>
      <c r="M1693" s="194"/>
      <c r="N1693" s="194"/>
    </row>
    <row r="1694" spans="10:14" x14ac:dyDescent="0.2">
      <c r="J1694" s="194"/>
      <c r="K1694" s="194"/>
      <c r="L1694" s="194"/>
      <c r="M1694" s="194"/>
      <c r="N1694" s="194"/>
    </row>
    <row r="1695" spans="10:14" x14ac:dyDescent="0.2">
      <c r="J1695" s="194"/>
      <c r="K1695" s="194"/>
      <c r="L1695" s="194"/>
      <c r="M1695" s="194"/>
      <c r="N1695" s="194"/>
    </row>
    <row r="1696" spans="10:14" x14ac:dyDescent="0.2">
      <c r="J1696" s="194"/>
      <c r="K1696" s="194"/>
      <c r="L1696" s="194"/>
      <c r="M1696" s="194"/>
      <c r="N1696" s="194"/>
    </row>
    <row r="1697" spans="10:14" x14ac:dyDescent="0.2">
      <c r="J1697" s="194"/>
      <c r="K1697" s="194"/>
      <c r="L1697" s="194"/>
      <c r="M1697" s="194"/>
      <c r="N1697" s="194"/>
    </row>
    <row r="1698" spans="10:14" x14ac:dyDescent="0.2">
      <c r="J1698" s="194"/>
      <c r="K1698" s="194"/>
      <c r="L1698" s="194"/>
      <c r="M1698" s="194"/>
      <c r="N1698" s="194"/>
    </row>
    <row r="1699" spans="10:14" x14ac:dyDescent="0.2">
      <c r="J1699" s="194"/>
      <c r="K1699" s="194"/>
      <c r="L1699" s="194"/>
      <c r="M1699" s="194"/>
      <c r="N1699" s="194"/>
    </row>
    <row r="1700" spans="10:14" x14ac:dyDescent="0.2">
      <c r="J1700" s="194"/>
      <c r="K1700" s="194"/>
      <c r="L1700" s="194"/>
      <c r="M1700" s="194"/>
      <c r="N1700" s="194"/>
    </row>
    <row r="1701" spans="10:14" x14ac:dyDescent="0.2">
      <c r="J1701" s="194"/>
      <c r="K1701" s="194"/>
      <c r="L1701" s="194"/>
      <c r="M1701" s="194"/>
      <c r="N1701" s="194"/>
    </row>
    <row r="1702" spans="10:14" x14ac:dyDescent="0.2">
      <c r="J1702" s="194"/>
      <c r="K1702" s="194"/>
      <c r="L1702" s="194"/>
      <c r="M1702" s="194"/>
      <c r="N1702" s="194"/>
    </row>
    <row r="1703" spans="10:14" x14ac:dyDescent="0.2">
      <c r="J1703" s="194"/>
      <c r="K1703" s="194"/>
      <c r="L1703" s="194"/>
      <c r="M1703" s="194"/>
      <c r="N1703" s="194"/>
    </row>
    <row r="1704" spans="10:14" x14ac:dyDescent="0.2">
      <c r="J1704" s="194"/>
      <c r="K1704" s="194"/>
      <c r="L1704" s="194"/>
      <c r="M1704" s="194"/>
      <c r="N1704" s="194"/>
    </row>
    <row r="1705" spans="10:14" x14ac:dyDescent="0.2">
      <c r="J1705" s="194"/>
      <c r="K1705" s="194"/>
      <c r="L1705" s="194"/>
      <c r="M1705" s="194"/>
      <c r="N1705" s="194"/>
    </row>
    <row r="1706" spans="10:14" x14ac:dyDescent="0.2">
      <c r="J1706" s="194"/>
      <c r="K1706" s="194"/>
      <c r="L1706" s="194"/>
      <c r="M1706" s="194"/>
      <c r="N1706" s="194"/>
    </row>
    <row r="1707" spans="10:14" x14ac:dyDescent="0.2">
      <c r="J1707" s="194"/>
      <c r="K1707" s="194"/>
      <c r="L1707" s="194"/>
      <c r="M1707" s="194"/>
      <c r="N1707" s="194"/>
    </row>
    <row r="1708" spans="10:14" x14ac:dyDescent="0.2">
      <c r="J1708" s="194"/>
      <c r="K1708" s="194"/>
      <c r="L1708" s="194"/>
      <c r="M1708" s="194"/>
      <c r="N1708" s="194"/>
    </row>
    <row r="1709" spans="10:14" x14ac:dyDescent="0.2">
      <c r="J1709" s="194"/>
      <c r="K1709" s="194"/>
      <c r="L1709" s="194"/>
      <c r="M1709" s="194"/>
      <c r="N1709" s="194"/>
    </row>
    <row r="1710" spans="10:14" x14ac:dyDescent="0.2">
      <c r="J1710" s="194"/>
      <c r="K1710" s="194"/>
      <c r="L1710" s="194"/>
      <c r="M1710" s="194"/>
      <c r="N1710" s="194"/>
    </row>
    <row r="1711" spans="10:14" x14ac:dyDescent="0.2">
      <c r="J1711" s="194"/>
      <c r="K1711" s="194"/>
      <c r="L1711" s="194"/>
      <c r="M1711" s="194"/>
      <c r="N1711" s="194"/>
    </row>
    <row r="1712" spans="10:14" x14ac:dyDescent="0.2">
      <c r="J1712" s="194"/>
      <c r="K1712" s="194"/>
      <c r="L1712" s="194"/>
      <c r="M1712" s="194"/>
      <c r="N1712" s="194"/>
    </row>
    <row r="1713" spans="10:14" x14ac:dyDescent="0.2">
      <c r="J1713" s="194"/>
      <c r="K1713" s="194"/>
      <c r="L1713" s="194"/>
      <c r="M1713" s="194"/>
      <c r="N1713" s="194"/>
    </row>
    <row r="1714" spans="10:14" x14ac:dyDescent="0.2">
      <c r="J1714" s="194"/>
      <c r="K1714" s="194"/>
      <c r="L1714" s="194"/>
      <c r="M1714" s="194"/>
      <c r="N1714" s="194"/>
    </row>
    <row r="1715" spans="10:14" x14ac:dyDescent="0.2">
      <c r="J1715" s="194"/>
      <c r="K1715" s="194"/>
      <c r="L1715" s="194"/>
      <c r="M1715" s="194"/>
      <c r="N1715" s="194"/>
    </row>
    <row r="1716" spans="10:14" x14ac:dyDescent="0.2">
      <c r="J1716" s="194"/>
      <c r="K1716" s="194"/>
      <c r="L1716" s="194"/>
      <c r="M1716" s="194"/>
      <c r="N1716" s="194"/>
    </row>
    <row r="1717" spans="10:14" x14ac:dyDescent="0.2">
      <c r="J1717" s="194"/>
      <c r="K1717" s="194"/>
      <c r="L1717" s="194"/>
      <c r="M1717" s="194"/>
      <c r="N1717" s="194"/>
    </row>
    <row r="1718" spans="10:14" x14ac:dyDescent="0.2">
      <c r="J1718" s="194"/>
      <c r="K1718" s="194"/>
      <c r="L1718" s="194"/>
      <c r="M1718" s="194"/>
      <c r="N1718" s="194"/>
    </row>
    <row r="1719" spans="10:14" x14ac:dyDescent="0.2">
      <c r="J1719" s="194"/>
      <c r="K1719" s="194"/>
      <c r="L1719" s="194"/>
      <c r="M1719" s="194"/>
      <c r="N1719" s="194"/>
    </row>
    <row r="1720" spans="10:14" x14ac:dyDescent="0.2">
      <c r="J1720" s="194"/>
      <c r="K1720" s="194"/>
      <c r="L1720" s="194"/>
      <c r="M1720" s="194"/>
      <c r="N1720" s="194"/>
    </row>
    <row r="1721" spans="10:14" x14ac:dyDescent="0.2">
      <c r="J1721" s="194"/>
      <c r="K1721" s="194"/>
      <c r="L1721" s="194"/>
      <c r="M1721" s="194"/>
      <c r="N1721" s="194"/>
    </row>
    <row r="1722" spans="10:14" x14ac:dyDescent="0.2">
      <c r="J1722" s="194"/>
      <c r="K1722" s="194"/>
      <c r="L1722" s="194"/>
      <c r="M1722" s="194"/>
      <c r="N1722" s="194"/>
    </row>
    <row r="1723" spans="10:14" x14ac:dyDescent="0.2">
      <c r="J1723" s="194"/>
      <c r="K1723" s="194"/>
      <c r="L1723" s="194"/>
      <c r="M1723" s="194"/>
      <c r="N1723" s="194"/>
    </row>
    <row r="1724" spans="10:14" x14ac:dyDescent="0.2">
      <c r="J1724" s="194"/>
      <c r="K1724" s="194"/>
      <c r="L1724" s="194"/>
      <c r="M1724" s="194"/>
      <c r="N1724" s="194"/>
    </row>
    <row r="1725" spans="10:14" x14ac:dyDescent="0.2">
      <c r="J1725" s="194"/>
      <c r="K1725" s="194"/>
      <c r="L1725" s="194"/>
      <c r="M1725" s="194"/>
      <c r="N1725" s="194"/>
    </row>
    <row r="1726" spans="10:14" x14ac:dyDescent="0.2">
      <c r="J1726" s="194"/>
      <c r="K1726" s="194"/>
      <c r="L1726" s="194"/>
      <c r="M1726" s="194"/>
      <c r="N1726" s="194"/>
    </row>
    <row r="1727" spans="10:14" x14ac:dyDescent="0.2">
      <c r="J1727" s="194"/>
      <c r="K1727" s="194"/>
      <c r="L1727" s="194"/>
      <c r="M1727" s="194"/>
      <c r="N1727" s="194"/>
    </row>
    <row r="1728" spans="10:14" x14ac:dyDescent="0.2">
      <c r="J1728" s="194"/>
      <c r="K1728" s="194"/>
      <c r="L1728" s="194"/>
      <c r="M1728" s="194"/>
      <c r="N1728" s="194"/>
    </row>
    <row r="1729" spans="10:14" x14ac:dyDescent="0.2">
      <c r="J1729" s="194"/>
      <c r="K1729" s="194"/>
      <c r="L1729" s="194"/>
      <c r="M1729" s="194"/>
      <c r="N1729" s="194"/>
    </row>
    <row r="1730" spans="10:14" x14ac:dyDescent="0.2">
      <c r="J1730" s="194"/>
      <c r="K1730" s="194"/>
      <c r="L1730" s="194"/>
      <c r="M1730" s="194"/>
      <c r="N1730" s="194"/>
    </row>
    <row r="1731" spans="10:14" x14ac:dyDescent="0.2">
      <c r="J1731" s="194"/>
      <c r="K1731" s="194"/>
      <c r="L1731" s="194"/>
      <c r="M1731" s="194"/>
      <c r="N1731" s="194"/>
    </row>
    <row r="1732" spans="10:14" x14ac:dyDescent="0.2">
      <c r="J1732" s="194"/>
      <c r="K1732" s="194"/>
      <c r="L1732" s="194"/>
      <c r="M1732" s="194"/>
      <c r="N1732" s="194"/>
    </row>
    <row r="1733" spans="10:14" x14ac:dyDescent="0.2">
      <c r="J1733" s="194"/>
      <c r="K1733" s="194"/>
      <c r="L1733" s="194"/>
      <c r="M1733" s="194"/>
      <c r="N1733" s="194"/>
    </row>
    <row r="1734" spans="10:14" x14ac:dyDescent="0.2">
      <c r="J1734" s="194"/>
      <c r="K1734" s="194"/>
      <c r="L1734" s="194"/>
      <c r="M1734" s="194"/>
      <c r="N1734" s="194"/>
    </row>
    <row r="1735" spans="10:14" x14ac:dyDescent="0.2">
      <c r="J1735" s="194"/>
      <c r="K1735" s="194"/>
      <c r="L1735" s="194"/>
      <c r="M1735" s="194"/>
      <c r="N1735" s="194"/>
    </row>
    <row r="1736" spans="10:14" x14ac:dyDescent="0.2">
      <c r="J1736" s="194"/>
      <c r="K1736" s="194"/>
      <c r="L1736" s="194"/>
      <c r="M1736" s="194"/>
      <c r="N1736" s="194"/>
    </row>
    <row r="1737" spans="10:14" x14ac:dyDescent="0.2">
      <c r="J1737" s="194"/>
      <c r="K1737" s="194"/>
      <c r="L1737" s="194"/>
      <c r="M1737" s="194"/>
      <c r="N1737" s="194"/>
    </row>
    <row r="1738" spans="10:14" x14ac:dyDescent="0.2">
      <c r="J1738" s="194"/>
      <c r="K1738" s="194"/>
      <c r="L1738" s="194"/>
      <c r="M1738" s="194"/>
      <c r="N1738" s="194"/>
    </row>
    <row r="1739" spans="10:14" x14ac:dyDescent="0.2">
      <c r="J1739" s="194"/>
      <c r="K1739" s="194"/>
      <c r="L1739" s="194"/>
      <c r="M1739" s="194"/>
      <c r="N1739" s="194"/>
    </row>
    <row r="1740" spans="10:14" x14ac:dyDescent="0.2">
      <c r="J1740" s="194"/>
      <c r="K1740" s="194"/>
      <c r="L1740" s="194"/>
      <c r="M1740" s="194"/>
      <c r="N1740" s="194"/>
    </row>
    <row r="1741" spans="10:14" x14ac:dyDescent="0.2">
      <c r="J1741" s="194"/>
      <c r="K1741" s="194"/>
      <c r="L1741" s="194"/>
      <c r="M1741" s="194"/>
      <c r="N1741" s="194"/>
    </row>
    <row r="1742" spans="10:14" x14ac:dyDescent="0.2">
      <c r="J1742" s="194"/>
      <c r="K1742" s="194"/>
      <c r="L1742" s="194"/>
      <c r="M1742" s="194"/>
      <c r="N1742" s="194"/>
    </row>
    <row r="1743" spans="10:14" x14ac:dyDescent="0.2">
      <c r="J1743" s="194"/>
      <c r="K1743" s="194"/>
      <c r="L1743" s="194"/>
      <c r="M1743" s="194"/>
      <c r="N1743" s="194"/>
    </row>
    <row r="1744" spans="10:14" x14ac:dyDescent="0.2">
      <c r="J1744" s="194"/>
      <c r="K1744" s="194"/>
      <c r="L1744" s="194"/>
      <c r="M1744" s="194"/>
      <c r="N1744" s="194"/>
    </row>
    <row r="1745" spans="10:14" x14ac:dyDescent="0.2">
      <c r="J1745" s="194"/>
      <c r="K1745" s="194"/>
      <c r="L1745" s="194"/>
      <c r="M1745" s="194"/>
      <c r="N1745" s="194"/>
    </row>
    <row r="1746" spans="10:14" x14ac:dyDescent="0.2">
      <c r="J1746" s="194"/>
      <c r="K1746" s="194"/>
      <c r="L1746" s="194"/>
      <c r="M1746" s="194"/>
      <c r="N1746" s="194"/>
    </row>
    <row r="1747" spans="10:14" x14ac:dyDescent="0.2">
      <c r="J1747" s="194"/>
      <c r="K1747" s="194"/>
      <c r="L1747" s="194"/>
      <c r="M1747" s="194"/>
      <c r="N1747" s="194"/>
    </row>
    <row r="1748" spans="10:14" x14ac:dyDescent="0.2">
      <c r="J1748" s="194"/>
      <c r="K1748" s="194"/>
      <c r="L1748" s="194"/>
      <c r="M1748" s="194"/>
      <c r="N1748" s="194"/>
    </row>
    <row r="1749" spans="10:14" x14ac:dyDescent="0.2">
      <c r="J1749" s="194"/>
      <c r="K1749" s="194"/>
      <c r="L1749" s="194"/>
      <c r="M1749" s="194"/>
      <c r="N1749" s="194"/>
    </row>
    <row r="1750" spans="10:14" x14ac:dyDescent="0.2">
      <c r="J1750" s="194"/>
      <c r="K1750" s="194"/>
      <c r="L1750" s="194"/>
      <c r="M1750" s="194"/>
      <c r="N1750" s="194"/>
    </row>
    <row r="1751" spans="10:14" x14ac:dyDescent="0.2">
      <c r="J1751" s="194"/>
      <c r="K1751" s="194"/>
      <c r="L1751" s="194"/>
      <c r="M1751" s="194"/>
      <c r="N1751" s="194"/>
    </row>
    <row r="1752" spans="10:14" x14ac:dyDescent="0.2">
      <c r="J1752" s="194"/>
      <c r="K1752" s="194"/>
      <c r="L1752" s="194"/>
      <c r="M1752" s="194"/>
      <c r="N1752" s="194"/>
    </row>
    <row r="1753" spans="10:14" x14ac:dyDescent="0.2">
      <c r="J1753" s="194"/>
      <c r="K1753" s="194"/>
      <c r="L1753" s="194"/>
      <c r="M1753" s="194"/>
      <c r="N1753" s="194"/>
    </row>
    <row r="1754" spans="10:14" x14ac:dyDescent="0.2">
      <c r="J1754" s="194"/>
      <c r="K1754" s="194"/>
      <c r="L1754" s="194"/>
      <c r="M1754" s="194"/>
      <c r="N1754" s="194"/>
    </row>
    <row r="1755" spans="10:14" x14ac:dyDescent="0.2">
      <c r="J1755" s="194"/>
      <c r="K1755" s="194"/>
      <c r="L1755" s="194"/>
      <c r="M1755" s="194"/>
      <c r="N1755" s="194"/>
    </row>
    <row r="1756" spans="10:14" x14ac:dyDescent="0.2">
      <c r="J1756" s="194"/>
      <c r="K1756" s="194"/>
      <c r="L1756" s="194"/>
      <c r="M1756" s="194"/>
      <c r="N1756" s="194"/>
    </row>
    <row r="1757" spans="10:14" x14ac:dyDescent="0.2">
      <c r="J1757" s="194"/>
      <c r="K1757" s="194"/>
      <c r="L1757" s="194"/>
      <c r="M1757" s="194"/>
      <c r="N1757" s="194"/>
    </row>
    <row r="1758" spans="10:14" x14ac:dyDescent="0.2">
      <c r="J1758" s="194"/>
      <c r="K1758" s="194"/>
      <c r="L1758" s="194"/>
      <c r="M1758" s="194"/>
      <c r="N1758" s="194"/>
    </row>
    <row r="1759" spans="10:14" x14ac:dyDescent="0.2">
      <c r="J1759" s="194"/>
      <c r="K1759" s="194"/>
      <c r="L1759" s="194"/>
      <c r="M1759" s="194"/>
      <c r="N1759" s="194"/>
    </row>
    <row r="1760" spans="10:14" x14ac:dyDescent="0.2">
      <c r="J1760" s="194"/>
      <c r="K1760" s="194"/>
      <c r="L1760" s="194"/>
      <c r="M1760" s="194"/>
      <c r="N1760" s="194"/>
    </row>
    <row r="1761" spans="10:14" x14ac:dyDescent="0.2">
      <c r="J1761" s="194"/>
      <c r="K1761" s="194"/>
      <c r="L1761" s="194"/>
      <c r="M1761" s="194"/>
      <c r="N1761" s="194"/>
    </row>
    <row r="1762" spans="10:14" x14ac:dyDescent="0.2">
      <c r="J1762" s="194"/>
      <c r="K1762" s="194"/>
      <c r="L1762" s="194"/>
      <c r="M1762" s="194"/>
      <c r="N1762" s="194"/>
    </row>
    <row r="1763" spans="10:14" x14ac:dyDescent="0.2">
      <c r="J1763" s="194"/>
      <c r="K1763" s="194"/>
      <c r="L1763" s="194"/>
      <c r="M1763" s="194"/>
      <c r="N1763" s="194"/>
    </row>
    <row r="1764" spans="10:14" x14ac:dyDescent="0.2">
      <c r="J1764" s="194"/>
      <c r="K1764" s="194"/>
      <c r="L1764" s="194"/>
      <c r="M1764" s="194"/>
      <c r="N1764" s="194"/>
    </row>
    <row r="1765" spans="10:14" x14ac:dyDescent="0.2">
      <c r="J1765" s="194"/>
      <c r="K1765" s="194"/>
      <c r="L1765" s="194"/>
      <c r="M1765" s="194"/>
      <c r="N1765" s="194"/>
    </row>
    <row r="1766" spans="10:14" x14ac:dyDescent="0.2">
      <c r="J1766" s="194"/>
      <c r="K1766" s="194"/>
      <c r="L1766" s="194"/>
      <c r="M1766" s="194"/>
      <c r="N1766" s="194"/>
    </row>
    <row r="1767" spans="10:14" x14ac:dyDescent="0.2">
      <c r="J1767" s="194"/>
      <c r="K1767" s="194"/>
      <c r="L1767" s="194"/>
      <c r="M1767" s="194"/>
      <c r="N1767" s="194"/>
    </row>
    <row r="1768" spans="10:14" x14ac:dyDescent="0.2">
      <c r="J1768" s="194"/>
      <c r="K1768" s="194"/>
      <c r="L1768" s="194"/>
      <c r="M1768" s="194"/>
      <c r="N1768" s="194"/>
    </row>
    <row r="1769" spans="10:14" x14ac:dyDescent="0.2">
      <c r="J1769" s="194"/>
      <c r="K1769" s="194"/>
      <c r="L1769" s="194"/>
      <c r="M1769" s="194"/>
      <c r="N1769" s="194"/>
    </row>
    <row r="1770" spans="10:14" x14ac:dyDescent="0.2">
      <c r="J1770" s="194"/>
      <c r="K1770" s="194"/>
      <c r="L1770" s="194"/>
      <c r="M1770" s="194"/>
      <c r="N1770" s="194"/>
    </row>
    <row r="1771" spans="10:14" x14ac:dyDescent="0.2">
      <c r="J1771" s="194"/>
      <c r="K1771" s="194"/>
      <c r="L1771" s="194"/>
      <c r="M1771" s="194"/>
      <c r="N1771" s="194"/>
    </row>
    <row r="1772" spans="10:14" x14ac:dyDescent="0.2">
      <c r="J1772" s="194"/>
      <c r="K1772" s="194"/>
      <c r="L1772" s="194"/>
      <c r="M1772" s="194"/>
      <c r="N1772" s="194"/>
    </row>
    <row r="1773" spans="10:14" x14ac:dyDescent="0.2">
      <c r="J1773" s="194"/>
      <c r="K1773" s="194"/>
      <c r="L1773" s="194"/>
      <c r="M1773" s="194"/>
      <c r="N1773" s="194"/>
    </row>
    <row r="1774" spans="10:14" x14ac:dyDescent="0.2">
      <c r="J1774" s="194"/>
      <c r="K1774" s="194"/>
      <c r="L1774" s="194"/>
      <c r="M1774" s="194"/>
      <c r="N1774" s="194"/>
    </row>
    <row r="1775" spans="10:14" x14ac:dyDescent="0.2">
      <c r="J1775" s="194"/>
      <c r="K1775" s="194"/>
      <c r="L1775" s="194"/>
      <c r="M1775" s="194"/>
      <c r="N1775" s="194"/>
    </row>
    <row r="1776" spans="10:14" x14ac:dyDescent="0.2">
      <c r="J1776" s="194"/>
      <c r="K1776" s="194"/>
      <c r="L1776" s="194"/>
      <c r="M1776" s="194"/>
      <c r="N1776" s="194"/>
    </row>
    <row r="1777" spans="10:14" x14ac:dyDescent="0.2">
      <c r="J1777" s="194"/>
      <c r="K1777" s="194"/>
      <c r="L1777" s="194"/>
      <c r="M1777" s="194"/>
      <c r="N1777" s="194"/>
    </row>
    <row r="1778" spans="10:14" x14ac:dyDescent="0.2">
      <c r="J1778" s="194"/>
      <c r="K1778" s="194"/>
      <c r="L1778" s="194"/>
      <c r="M1778" s="194"/>
      <c r="N1778" s="194"/>
    </row>
    <row r="1779" spans="10:14" x14ac:dyDescent="0.2">
      <c r="J1779" s="194"/>
      <c r="K1779" s="194"/>
      <c r="L1779" s="194"/>
      <c r="M1779" s="194"/>
      <c r="N1779" s="194"/>
    </row>
    <row r="1780" spans="10:14" x14ac:dyDescent="0.2">
      <c r="J1780" s="194"/>
      <c r="K1780" s="194"/>
      <c r="L1780" s="194"/>
      <c r="M1780" s="194"/>
      <c r="N1780" s="194"/>
    </row>
    <row r="1781" spans="10:14" x14ac:dyDescent="0.2">
      <c r="J1781" s="194"/>
      <c r="K1781" s="194"/>
      <c r="L1781" s="194"/>
      <c r="M1781" s="194"/>
      <c r="N1781" s="194"/>
    </row>
    <row r="1782" spans="10:14" x14ac:dyDescent="0.2">
      <c r="J1782" s="194"/>
      <c r="K1782" s="194"/>
      <c r="L1782" s="194"/>
      <c r="M1782" s="194"/>
      <c r="N1782" s="194"/>
    </row>
    <row r="1783" spans="10:14" x14ac:dyDescent="0.2">
      <c r="J1783" s="194"/>
      <c r="K1783" s="194"/>
      <c r="L1783" s="194"/>
      <c r="M1783" s="194"/>
      <c r="N1783" s="194"/>
    </row>
    <row r="1784" spans="10:14" x14ac:dyDescent="0.2">
      <c r="J1784" s="194"/>
      <c r="K1784" s="194"/>
      <c r="L1784" s="194"/>
      <c r="M1784" s="194"/>
      <c r="N1784" s="194"/>
    </row>
    <row r="1785" spans="10:14" x14ac:dyDescent="0.2">
      <c r="J1785" s="194"/>
      <c r="K1785" s="194"/>
      <c r="L1785" s="194"/>
      <c r="M1785" s="194"/>
      <c r="N1785" s="194"/>
    </row>
    <row r="1786" spans="10:14" x14ac:dyDescent="0.2">
      <c r="J1786" s="194"/>
      <c r="K1786" s="194"/>
      <c r="L1786" s="194"/>
      <c r="M1786" s="194"/>
      <c r="N1786" s="194"/>
    </row>
    <row r="1787" spans="10:14" x14ac:dyDescent="0.2">
      <c r="J1787" s="194"/>
      <c r="K1787" s="194"/>
      <c r="L1787" s="194"/>
      <c r="M1787" s="194"/>
      <c r="N1787" s="194"/>
    </row>
    <row r="1788" spans="10:14" x14ac:dyDescent="0.2">
      <c r="J1788" s="194"/>
      <c r="K1788" s="194"/>
      <c r="L1788" s="194"/>
      <c r="M1788" s="194"/>
      <c r="N1788" s="194"/>
    </row>
    <row r="1789" spans="10:14" x14ac:dyDescent="0.2">
      <c r="J1789" s="194"/>
      <c r="K1789" s="194"/>
      <c r="L1789" s="194"/>
      <c r="M1789" s="194"/>
      <c r="N1789" s="194"/>
    </row>
    <row r="1790" spans="10:14" x14ac:dyDescent="0.2">
      <c r="J1790" s="194"/>
      <c r="K1790" s="194"/>
      <c r="L1790" s="194"/>
      <c r="M1790" s="194"/>
      <c r="N1790" s="194"/>
    </row>
    <row r="1791" spans="10:14" x14ac:dyDescent="0.2">
      <c r="J1791" s="194"/>
      <c r="K1791" s="194"/>
      <c r="L1791" s="194"/>
      <c r="M1791" s="194"/>
      <c r="N1791" s="194"/>
    </row>
    <row r="1792" spans="10:14" x14ac:dyDescent="0.2">
      <c r="J1792" s="194"/>
      <c r="K1792" s="194"/>
      <c r="L1792" s="194"/>
      <c r="M1792" s="194"/>
      <c r="N1792" s="194"/>
    </row>
    <row r="1793" spans="10:14" x14ac:dyDescent="0.2">
      <c r="J1793" s="194"/>
      <c r="K1793" s="194"/>
      <c r="L1793" s="194"/>
      <c r="M1793" s="194"/>
      <c r="N1793" s="194"/>
    </row>
    <row r="1794" spans="10:14" x14ac:dyDescent="0.2">
      <c r="J1794" s="194"/>
      <c r="K1794" s="194"/>
      <c r="L1794" s="194"/>
      <c r="M1794" s="194"/>
      <c r="N1794" s="194"/>
    </row>
    <row r="1795" spans="10:14" x14ac:dyDescent="0.2">
      <c r="J1795" s="194"/>
      <c r="K1795" s="194"/>
      <c r="L1795" s="194"/>
      <c r="M1795" s="194"/>
      <c r="N1795" s="194"/>
    </row>
    <row r="1796" spans="10:14" x14ac:dyDescent="0.2">
      <c r="J1796" s="194"/>
      <c r="K1796" s="194"/>
      <c r="L1796" s="194"/>
      <c r="M1796" s="194"/>
      <c r="N1796" s="194"/>
    </row>
    <row r="1797" spans="10:14" x14ac:dyDescent="0.2">
      <c r="J1797" s="194"/>
      <c r="K1797" s="194"/>
      <c r="L1797" s="194"/>
      <c r="M1797" s="194"/>
      <c r="N1797" s="194"/>
    </row>
    <row r="1798" spans="10:14" x14ac:dyDescent="0.2">
      <c r="J1798" s="194"/>
      <c r="K1798" s="194"/>
      <c r="L1798" s="194"/>
      <c r="M1798" s="194"/>
      <c r="N1798" s="194"/>
    </row>
    <row r="1799" spans="10:14" x14ac:dyDescent="0.2">
      <c r="J1799" s="194"/>
      <c r="K1799" s="194"/>
      <c r="L1799" s="194"/>
      <c r="M1799" s="194"/>
      <c r="N1799" s="194"/>
    </row>
    <row r="1800" spans="10:14" x14ac:dyDescent="0.2">
      <c r="J1800" s="194"/>
      <c r="K1800" s="194"/>
      <c r="L1800" s="194"/>
      <c r="M1800" s="194"/>
      <c r="N1800" s="194"/>
    </row>
    <row r="1801" spans="10:14" x14ac:dyDescent="0.2">
      <c r="J1801" s="194"/>
      <c r="K1801" s="194"/>
      <c r="L1801" s="194"/>
      <c r="M1801" s="194"/>
      <c r="N1801" s="194"/>
    </row>
    <row r="1802" spans="10:14" x14ac:dyDescent="0.2">
      <c r="J1802" s="194"/>
      <c r="K1802" s="194"/>
      <c r="L1802" s="194"/>
      <c r="M1802" s="194"/>
      <c r="N1802" s="194"/>
    </row>
    <row r="1803" spans="10:14" x14ac:dyDescent="0.2">
      <c r="J1803" s="194"/>
      <c r="K1803" s="194"/>
      <c r="L1803" s="194"/>
      <c r="M1803" s="194"/>
      <c r="N1803" s="194"/>
    </row>
    <row r="1804" spans="10:14" x14ac:dyDescent="0.2">
      <c r="J1804" s="194"/>
      <c r="K1804" s="194"/>
      <c r="L1804" s="194"/>
      <c r="M1804" s="194"/>
      <c r="N1804" s="194"/>
    </row>
    <row r="1805" spans="10:14" x14ac:dyDescent="0.2">
      <c r="J1805" s="194"/>
      <c r="K1805" s="194"/>
      <c r="L1805" s="194"/>
      <c r="M1805" s="194"/>
      <c r="N1805" s="194"/>
    </row>
    <row r="1806" spans="10:14" x14ac:dyDescent="0.2">
      <c r="J1806" s="194"/>
      <c r="K1806" s="194"/>
      <c r="L1806" s="194"/>
      <c r="M1806" s="194"/>
      <c r="N1806" s="194"/>
    </row>
    <row r="1807" spans="10:14" x14ac:dyDescent="0.2">
      <c r="J1807" s="194"/>
      <c r="K1807" s="194"/>
      <c r="L1807" s="194"/>
      <c r="M1807" s="194"/>
      <c r="N1807" s="194"/>
    </row>
    <row r="1808" spans="10:14" x14ac:dyDescent="0.2">
      <c r="J1808" s="194"/>
      <c r="K1808" s="194"/>
      <c r="L1808" s="194"/>
      <c r="M1808" s="194"/>
      <c r="N1808" s="194"/>
    </row>
    <row r="1809" spans="10:14" x14ac:dyDescent="0.2">
      <c r="J1809" s="194"/>
      <c r="K1809" s="194"/>
      <c r="L1809" s="194"/>
      <c r="M1809" s="194"/>
      <c r="N1809" s="194"/>
    </row>
    <row r="1810" spans="10:14" x14ac:dyDescent="0.2">
      <c r="J1810" s="194"/>
      <c r="K1810" s="194"/>
      <c r="L1810" s="194"/>
      <c r="M1810" s="194"/>
      <c r="N1810" s="194"/>
    </row>
    <row r="1811" spans="10:14" x14ac:dyDescent="0.2">
      <c r="J1811" s="194"/>
      <c r="K1811" s="194"/>
      <c r="L1811" s="194"/>
      <c r="M1811" s="194"/>
      <c r="N1811" s="194"/>
    </row>
    <row r="1812" spans="10:14" x14ac:dyDescent="0.2">
      <c r="J1812" s="194"/>
      <c r="K1812" s="194"/>
      <c r="L1812" s="194"/>
      <c r="M1812" s="194"/>
      <c r="N1812" s="194"/>
    </row>
    <row r="1813" spans="10:14" x14ac:dyDescent="0.2">
      <c r="J1813" s="194"/>
      <c r="K1813" s="194"/>
      <c r="L1813" s="194"/>
      <c r="M1813" s="194"/>
      <c r="N1813" s="194"/>
    </row>
    <row r="1814" spans="10:14" x14ac:dyDescent="0.2">
      <c r="J1814" s="194"/>
      <c r="K1814" s="194"/>
      <c r="L1814" s="194"/>
      <c r="M1814" s="194"/>
      <c r="N1814" s="194"/>
    </row>
    <row r="1815" spans="10:14" x14ac:dyDescent="0.2">
      <c r="J1815" s="194"/>
      <c r="K1815" s="194"/>
      <c r="L1815" s="194"/>
      <c r="M1815" s="194"/>
      <c r="N1815" s="194"/>
    </row>
    <row r="1816" spans="10:14" x14ac:dyDescent="0.2">
      <c r="J1816" s="194"/>
      <c r="K1816" s="194"/>
      <c r="L1816" s="194"/>
      <c r="M1816" s="194"/>
      <c r="N1816" s="194"/>
    </row>
    <row r="1817" spans="10:14" x14ac:dyDescent="0.2">
      <c r="J1817" s="194"/>
      <c r="K1817" s="194"/>
      <c r="L1817" s="194"/>
      <c r="M1817" s="194"/>
      <c r="N1817" s="194"/>
    </row>
    <row r="1818" spans="10:14" x14ac:dyDescent="0.2">
      <c r="J1818" s="194"/>
      <c r="K1818" s="194"/>
      <c r="L1818" s="194"/>
      <c r="M1818" s="194"/>
      <c r="N1818" s="194"/>
    </row>
    <row r="1819" spans="10:14" x14ac:dyDescent="0.2">
      <c r="J1819" s="194"/>
      <c r="K1819" s="194"/>
      <c r="L1819" s="194"/>
      <c r="M1819" s="194"/>
      <c r="N1819" s="194"/>
    </row>
    <row r="1820" spans="10:14" x14ac:dyDescent="0.2">
      <c r="J1820" s="194"/>
      <c r="K1820" s="194"/>
      <c r="L1820" s="194"/>
      <c r="M1820" s="194"/>
      <c r="N1820" s="194"/>
    </row>
    <row r="1821" spans="10:14" x14ac:dyDescent="0.2">
      <c r="J1821" s="194"/>
      <c r="K1821" s="194"/>
      <c r="L1821" s="194"/>
      <c r="M1821" s="194"/>
      <c r="N1821" s="194"/>
    </row>
    <row r="1822" spans="10:14" x14ac:dyDescent="0.2">
      <c r="J1822" s="194"/>
      <c r="K1822" s="194"/>
      <c r="L1822" s="194"/>
      <c r="M1822" s="194"/>
      <c r="N1822" s="194"/>
    </row>
    <row r="1823" spans="10:14" x14ac:dyDescent="0.2">
      <c r="J1823" s="194"/>
      <c r="K1823" s="194"/>
      <c r="L1823" s="194"/>
      <c r="M1823" s="194"/>
      <c r="N1823" s="194"/>
    </row>
    <row r="1824" spans="10:14" x14ac:dyDescent="0.2">
      <c r="J1824" s="194"/>
      <c r="K1824" s="194"/>
      <c r="L1824" s="194"/>
      <c r="M1824" s="194"/>
      <c r="N1824" s="194"/>
    </row>
    <row r="1825" spans="10:14" x14ac:dyDescent="0.2">
      <c r="J1825" s="194"/>
      <c r="K1825" s="194"/>
      <c r="L1825" s="194"/>
      <c r="M1825" s="194"/>
      <c r="N1825" s="194"/>
    </row>
    <row r="1826" spans="10:14" x14ac:dyDescent="0.2">
      <c r="J1826" s="194"/>
      <c r="K1826" s="194"/>
      <c r="L1826" s="194"/>
      <c r="M1826" s="194"/>
      <c r="N1826" s="194"/>
    </row>
    <row r="1827" spans="10:14" x14ac:dyDescent="0.2">
      <c r="J1827" s="194"/>
      <c r="K1827" s="194"/>
      <c r="L1827" s="194"/>
      <c r="M1827" s="194"/>
      <c r="N1827" s="194"/>
    </row>
    <row r="1828" spans="10:14" x14ac:dyDescent="0.2">
      <c r="J1828" s="194"/>
      <c r="K1828" s="194"/>
      <c r="L1828" s="194"/>
      <c r="M1828" s="194"/>
      <c r="N1828" s="194"/>
    </row>
    <row r="1829" spans="10:14" x14ac:dyDescent="0.2">
      <c r="J1829" s="194"/>
      <c r="K1829" s="194"/>
      <c r="L1829" s="194"/>
      <c r="M1829" s="194"/>
      <c r="N1829" s="194"/>
    </row>
    <row r="1830" spans="10:14" x14ac:dyDescent="0.2">
      <c r="J1830" s="194"/>
      <c r="K1830" s="194"/>
      <c r="L1830" s="194"/>
      <c r="M1830" s="194"/>
      <c r="N1830" s="194"/>
    </row>
    <row r="1831" spans="10:14" x14ac:dyDescent="0.2">
      <c r="J1831" s="194"/>
      <c r="K1831" s="194"/>
      <c r="L1831" s="194"/>
      <c r="M1831" s="194"/>
      <c r="N1831" s="194"/>
    </row>
    <row r="1832" spans="10:14" x14ac:dyDescent="0.2">
      <c r="J1832" s="194"/>
      <c r="K1832" s="194"/>
      <c r="L1832" s="194"/>
      <c r="M1832" s="194"/>
      <c r="N1832" s="194"/>
    </row>
    <row r="1833" spans="10:14" x14ac:dyDescent="0.2">
      <c r="J1833" s="194"/>
      <c r="K1833" s="194"/>
      <c r="L1833" s="194"/>
      <c r="M1833" s="194"/>
      <c r="N1833" s="194"/>
    </row>
    <row r="1834" spans="10:14" x14ac:dyDescent="0.2">
      <c r="J1834" s="194"/>
      <c r="K1834" s="194"/>
      <c r="L1834" s="194"/>
      <c r="M1834" s="194"/>
      <c r="N1834" s="194"/>
    </row>
    <row r="1835" spans="10:14" x14ac:dyDescent="0.2">
      <c r="J1835" s="194"/>
      <c r="K1835" s="194"/>
      <c r="L1835" s="194"/>
      <c r="M1835" s="194"/>
      <c r="N1835" s="194"/>
    </row>
    <row r="1836" spans="10:14" x14ac:dyDescent="0.2">
      <c r="J1836" s="194"/>
      <c r="K1836" s="194"/>
      <c r="L1836" s="194"/>
      <c r="M1836" s="194"/>
      <c r="N1836" s="194"/>
    </row>
    <row r="1837" spans="10:14" x14ac:dyDescent="0.2">
      <c r="J1837" s="194"/>
      <c r="K1837" s="194"/>
      <c r="L1837" s="194"/>
      <c r="M1837" s="194"/>
      <c r="N1837" s="194"/>
    </row>
    <row r="1838" spans="10:14" x14ac:dyDescent="0.2">
      <c r="J1838" s="194"/>
      <c r="K1838" s="194"/>
      <c r="L1838" s="194"/>
      <c r="M1838" s="194"/>
      <c r="N1838" s="194"/>
    </row>
    <row r="1839" spans="10:14" x14ac:dyDescent="0.2">
      <c r="J1839" s="194"/>
      <c r="K1839" s="194"/>
      <c r="L1839" s="194"/>
      <c r="M1839" s="194"/>
      <c r="N1839" s="194"/>
    </row>
    <row r="1840" spans="10:14" x14ac:dyDescent="0.2">
      <c r="J1840" s="194"/>
      <c r="K1840" s="194"/>
      <c r="L1840" s="194"/>
      <c r="M1840" s="194"/>
      <c r="N1840" s="194"/>
    </row>
    <row r="1841" spans="10:14" x14ac:dyDescent="0.2">
      <c r="J1841" s="194"/>
      <c r="K1841" s="194"/>
      <c r="L1841" s="194"/>
      <c r="M1841" s="194"/>
      <c r="N1841" s="194"/>
    </row>
    <row r="1842" spans="10:14" x14ac:dyDescent="0.2">
      <c r="J1842" s="194"/>
      <c r="K1842" s="194"/>
      <c r="L1842" s="194"/>
      <c r="M1842" s="194"/>
      <c r="N1842" s="194"/>
    </row>
    <row r="1843" spans="10:14" x14ac:dyDescent="0.2">
      <c r="J1843" s="194"/>
      <c r="K1843" s="194"/>
      <c r="L1843" s="194"/>
      <c r="M1843" s="194"/>
      <c r="N1843" s="194"/>
    </row>
    <row r="1844" spans="10:14" x14ac:dyDescent="0.2">
      <c r="J1844" s="194"/>
      <c r="K1844" s="194"/>
      <c r="L1844" s="194"/>
      <c r="M1844" s="194"/>
      <c r="N1844" s="194"/>
    </row>
    <row r="1845" spans="10:14" x14ac:dyDescent="0.2">
      <c r="J1845" s="194"/>
      <c r="K1845" s="194"/>
      <c r="L1845" s="194"/>
      <c r="M1845" s="194"/>
      <c r="N1845" s="194"/>
    </row>
    <row r="1846" spans="10:14" x14ac:dyDescent="0.2">
      <c r="J1846" s="194"/>
      <c r="K1846" s="194"/>
      <c r="L1846" s="194"/>
      <c r="M1846" s="194"/>
      <c r="N1846" s="194"/>
    </row>
    <row r="1847" spans="10:14" x14ac:dyDescent="0.2">
      <c r="J1847" s="194"/>
      <c r="K1847" s="194"/>
      <c r="L1847" s="194"/>
      <c r="M1847" s="194"/>
      <c r="N1847" s="194"/>
    </row>
    <row r="1848" spans="10:14" x14ac:dyDescent="0.2">
      <c r="J1848" s="194"/>
      <c r="K1848" s="194"/>
      <c r="L1848" s="194"/>
      <c r="M1848" s="194"/>
      <c r="N1848" s="194"/>
    </row>
    <row r="1849" spans="10:14" x14ac:dyDescent="0.2">
      <c r="J1849" s="194"/>
      <c r="K1849" s="194"/>
      <c r="L1849" s="194"/>
      <c r="M1849" s="194"/>
      <c r="N1849" s="194"/>
    </row>
    <row r="1850" spans="10:14" x14ac:dyDescent="0.2">
      <c r="J1850" s="194"/>
      <c r="K1850" s="194"/>
      <c r="L1850" s="194"/>
      <c r="M1850" s="194"/>
      <c r="N1850" s="194"/>
    </row>
    <row r="1851" spans="10:14" x14ac:dyDescent="0.2">
      <c r="J1851" s="194"/>
      <c r="K1851" s="194"/>
      <c r="L1851" s="194"/>
      <c r="M1851" s="194"/>
      <c r="N1851" s="194"/>
    </row>
    <row r="1852" spans="10:14" x14ac:dyDescent="0.2">
      <c r="J1852" s="194"/>
      <c r="K1852" s="194"/>
      <c r="L1852" s="194"/>
      <c r="M1852" s="194"/>
      <c r="N1852" s="194"/>
    </row>
    <row r="1853" spans="10:14" x14ac:dyDescent="0.2">
      <c r="J1853" s="194"/>
      <c r="K1853" s="194"/>
      <c r="L1853" s="194"/>
      <c r="M1853" s="194"/>
      <c r="N1853" s="194"/>
    </row>
    <row r="1854" spans="10:14" x14ac:dyDescent="0.2">
      <c r="J1854" s="194"/>
      <c r="K1854" s="194"/>
      <c r="L1854" s="194"/>
      <c r="M1854" s="194"/>
      <c r="N1854" s="194"/>
    </row>
    <row r="1855" spans="10:14" x14ac:dyDescent="0.2">
      <c r="J1855" s="194"/>
      <c r="K1855" s="194"/>
      <c r="L1855" s="194"/>
      <c r="M1855" s="194"/>
      <c r="N1855" s="194"/>
    </row>
    <row r="1856" spans="10:14" x14ac:dyDescent="0.2">
      <c r="J1856" s="194"/>
      <c r="K1856" s="194"/>
      <c r="L1856" s="194"/>
      <c r="M1856" s="194"/>
      <c r="N1856" s="194"/>
    </row>
    <row r="1857" spans="10:14" x14ac:dyDescent="0.2">
      <c r="J1857" s="194"/>
      <c r="K1857" s="194"/>
      <c r="L1857" s="194"/>
      <c r="M1857" s="194"/>
      <c r="N1857" s="194"/>
    </row>
    <row r="1858" spans="10:14" x14ac:dyDescent="0.2">
      <c r="J1858" s="194"/>
      <c r="K1858" s="194"/>
      <c r="L1858" s="194"/>
      <c r="M1858" s="194"/>
      <c r="N1858" s="194"/>
    </row>
    <row r="1859" spans="10:14" x14ac:dyDescent="0.2">
      <c r="J1859" s="194"/>
      <c r="K1859" s="194"/>
      <c r="L1859" s="194"/>
      <c r="M1859" s="194"/>
      <c r="N1859" s="194"/>
    </row>
    <row r="1860" spans="10:14" x14ac:dyDescent="0.2">
      <c r="J1860" s="194"/>
      <c r="K1860" s="194"/>
      <c r="L1860" s="194"/>
      <c r="M1860" s="194"/>
      <c r="N1860" s="194"/>
    </row>
    <row r="1861" spans="10:14" x14ac:dyDescent="0.2">
      <c r="J1861" s="194"/>
      <c r="K1861" s="194"/>
      <c r="L1861" s="194"/>
      <c r="M1861" s="194"/>
      <c r="N1861" s="194"/>
    </row>
    <row r="1862" spans="10:14" x14ac:dyDescent="0.2">
      <c r="J1862" s="194"/>
      <c r="K1862" s="194"/>
      <c r="L1862" s="194"/>
      <c r="M1862" s="194"/>
      <c r="N1862" s="194"/>
    </row>
    <row r="1863" spans="10:14" x14ac:dyDescent="0.2">
      <c r="J1863" s="194"/>
      <c r="K1863" s="194"/>
      <c r="L1863" s="194"/>
      <c r="M1863" s="194"/>
      <c r="N1863" s="194"/>
    </row>
    <row r="1864" spans="10:14" x14ac:dyDescent="0.2">
      <c r="J1864" s="194"/>
      <c r="K1864" s="194"/>
      <c r="L1864" s="194"/>
      <c r="M1864" s="194"/>
      <c r="N1864" s="194"/>
    </row>
    <row r="1865" spans="10:14" x14ac:dyDescent="0.2">
      <c r="J1865" s="194"/>
      <c r="K1865" s="194"/>
      <c r="L1865" s="194"/>
      <c r="M1865" s="194"/>
      <c r="N1865" s="194"/>
    </row>
    <row r="1866" spans="10:14" x14ac:dyDescent="0.2">
      <c r="J1866" s="194"/>
      <c r="K1866" s="194"/>
      <c r="L1866" s="194"/>
      <c r="M1866" s="194"/>
      <c r="N1866" s="194"/>
    </row>
    <row r="1867" spans="10:14" x14ac:dyDescent="0.2">
      <c r="J1867" s="194"/>
      <c r="K1867" s="194"/>
      <c r="L1867" s="194"/>
      <c r="M1867" s="194"/>
      <c r="N1867" s="194"/>
    </row>
    <row r="1868" spans="10:14" x14ac:dyDescent="0.2">
      <c r="J1868" s="194"/>
      <c r="K1868" s="194"/>
      <c r="L1868" s="194"/>
      <c r="M1868" s="194"/>
      <c r="N1868" s="194"/>
    </row>
    <row r="1869" spans="10:14" x14ac:dyDescent="0.2">
      <c r="J1869" s="194"/>
      <c r="K1869" s="194"/>
      <c r="L1869" s="194"/>
      <c r="M1869" s="194"/>
      <c r="N1869" s="194"/>
    </row>
    <row r="1870" spans="10:14" x14ac:dyDescent="0.2">
      <c r="J1870" s="194"/>
      <c r="K1870" s="194"/>
      <c r="L1870" s="194"/>
      <c r="M1870" s="194"/>
      <c r="N1870" s="194"/>
    </row>
    <row r="1871" spans="10:14" x14ac:dyDescent="0.2">
      <c r="J1871" s="194"/>
      <c r="K1871" s="194"/>
      <c r="L1871" s="194"/>
      <c r="M1871" s="194"/>
      <c r="N1871" s="194"/>
    </row>
    <row r="1872" spans="10:14" x14ac:dyDescent="0.2">
      <c r="J1872" s="194"/>
      <c r="K1872" s="194"/>
      <c r="L1872" s="194"/>
      <c r="M1872" s="194"/>
      <c r="N1872" s="194"/>
    </row>
    <row r="1873" spans="10:14" x14ac:dyDescent="0.2">
      <c r="J1873" s="194"/>
      <c r="K1873" s="194"/>
      <c r="L1873" s="194"/>
      <c r="M1873" s="194"/>
      <c r="N1873" s="194"/>
    </row>
    <row r="1874" spans="10:14" x14ac:dyDescent="0.2">
      <c r="J1874" s="194"/>
      <c r="K1874" s="194"/>
      <c r="L1874" s="194"/>
      <c r="M1874" s="194"/>
      <c r="N1874" s="194"/>
    </row>
    <row r="1875" spans="10:14" x14ac:dyDescent="0.2">
      <c r="J1875" s="194"/>
      <c r="K1875" s="194"/>
      <c r="L1875" s="194"/>
      <c r="M1875" s="194"/>
      <c r="N1875" s="194"/>
    </row>
    <row r="1876" spans="10:14" x14ac:dyDescent="0.2">
      <c r="J1876" s="194"/>
      <c r="K1876" s="194"/>
      <c r="L1876" s="194"/>
      <c r="M1876" s="194"/>
      <c r="N1876" s="194"/>
    </row>
    <row r="1877" spans="10:14" x14ac:dyDescent="0.2">
      <c r="J1877" s="194"/>
      <c r="K1877" s="194"/>
      <c r="L1877" s="194"/>
      <c r="M1877" s="194"/>
      <c r="N1877" s="194"/>
    </row>
    <row r="1878" spans="10:14" x14ac:dyDescent="0.2">
      <c r="J1878" s="194"/>
      <c r="K1878" s="194"/>
      <c r="L1878" s="194"/>
      <c r="M1878" s="194"/>
      <c r="N1878" s="194"/>
    </row>
    <row r="1879" spans="10:14" x14ac:dyDescent="0.2">
      <c r="J1879" s="194"/>
      <c r="K1879" s="194"/>
      <c r="L1879" s="194"/>
      <c r="M1879" s="194"/>
      <c r="N1879" s="194"/>
    </row>
    <row r="1880" spans="10:14" x14ac:dyDescent="0.2">
      <c r="J1880" s="194"/>
      <c r="K1880" s="194"/>
      <c r="L1880" s="194"/>
      <c r="M1880" s="194"/>
      <c r="N1880" s="194"/>
    </row>
    <row r="1881" spans="10:14" x14ac:dyDescent="0.2">
      <c r="J1881" s="194"/>
      <c r="K1881" s="194"/>
      <c r="L1881" s="194"/>
      <c r="M1881" s="194"/>
      <c r="N1881" s="194"/>
    </row>
    <row r="1882" spans="10:14" x14ac:dyDescent="0.2">
      <c r="J1882" s="194"/>
      <c r="K1882" s="194"/>
      <c r="L1882" s="194"/>
      <c r="M1882" s="194"/>
      <c r="N1882" s="194"/>
    </row>
    <row r="1883" spans="10:14" x14ac:dyDescent="0.2">
      <c r="J1883" s="194"/>
      <c r="K1883" s="194"/>
      <c r="L1883" s="194"/>
      <c r="M1883" s="194"/>
      <c r="N1883" s="194"/>
    </row>
    <row r="1884" spans="10:14" x14ac:dyDescent="0.2">
      <c r="J1884" s="194"/>
      <c r="K1884" s="194"/>
      <c r="L1884" s="194"/>
      <c r="M1884" s="194"/>
      <c r="N1884" s="194"/>
    </row>
    <row r="1885" spans="10:14" x14ac:dyDescent="0.2">
      <c r="J1885" s="194"/>
      <c r="K1885" s="194"/>
      <c r="L1885" s="194"/>
      <c r="M1885" s="194"/>
      <c r="N1885" s="194"/>
    </row>
    <row r="1886" spans="10:14" x14ac:dyDescent="0.2">
      <c r="J1886" s="194"/>
      <c r="K1886" s="194"/>
      <c r="L1886" s="194"/>
      <c r="M1886" s="194"/>
      <c r="N1886" s="194"/>
    </row>
    <row r="1887" spans="10:14" x14ac:dyDescent="0.2">
      <c r="J1887" s="194"/>
      <c r="K1887" s="194"/>
      <c r="L1887" s="194"/>
      <c r="M1887" s="194"/>
      <c r="N1887" s="194"/>
    </row>
    <row r="1888" spans="10:14" x14ac:dyDescent="0.2">
      <c r="J1888" s="194"/>
      <c r="K1888" s="194"/>
      <c r="L1888" s="194"/>
      <c r="M1888" s="194"/>
      <c r="N1888" s="194"/>
    </row>
    <row r="1889" spans="10:14" x14ac:dyDescent="0.2">
      <c r="J1889" s="194"/>
      <c r="K1889" s="194"/>
      <c r="L1889" s="194"/>
      <c r="M1889" s="194"/>
      <c r="N1889" s="194"/>
    </row>
    <row r="1890" spans="10:14" x14ac:dyDescent="0.2">
      <c r="J1890" s="194"/>
      <c r="K1890" s="194"/>
      <c r="L1890" s="194"/>
      <c r="M1890" s="194"/>
      <c r="N1890" s="194"/>
    </row>
    <row r="1891" spans="10:14" x14ac:dyDescent="0.2">
      <c r="J1891" s="194"/>
      <c r="K1891" s="194"/>
      <c r="L1891" s="194"/>
      <c r="M1891" s="194"/>
      <c r="N1891" s="194"/>
    </row>
    <row r="1892" spans="10:14" x14ac:dyDescent="0.2">
      <c r="J1892" s="194"/>
      <c r="K1892" s="194"/>
      <c r="L1892" s="194"/>
      <c r="M1892" s="194"/>
      <c r="N1892" s="194"/>
    </row>
    <row r="1893" spans="10:14" x14ac:dyDescent="0.2">
      <c r="J1893" s="194"/>
      <c r="K1893" s="194"/>
      <c r="L1893" s="194"/>
      <c r="M1893" s="194"/>
      <c r="N1893" s="194"/>
    </row>
    <row r="1894" spans="10:14" x14ac:dyDescent="0.2">
      <c r="J1894" s="194"/>
      <c r="K1894" s="194"/>
      <c r="L1894" s="194"/>
      <c r="M1894" s="194"/>
      <c r="N1894" s="194"/>
    </row>
    <row r="1895" spans="10:14" x14ac:dyDescent="0.2">
      <c r="J1895" s="194"/>
      <c r="K1895" s="194"/>
      <c r="L1895" s="194"/>
      <c r="M1895" s="194"/>
      <c r="N1895" s="194"/>
    </row>
    <row r="1896" spans="10:14" x14ac:dyDescent="0.2">
      <c r="J1896" s="194"/>
      <c r="K1896" s="194"/>
      <c r="L1896" s="194"/>
      <c r="M1896" s="194"/>
      <c r="N1896" s="194"/>
    </row>
    <row r="1897" spans="10:14" x14ac:dyDescent="0.2">
      <c r="J1897" s="194"/>
      <c r="K1897" s="194"/>
      <c r="L1897" s="194"/>
      <c r="M1897" s="194"/>
      <c r="N1897" s="194"/>
    </row>
    <row r="1898" spans="10:14" x14ac:dyDescent="0.2">
      <c r="J1898" s="194"/>
      <c r="K1898" s="194"/>
      <c r="L1898" s="194"/>
      <c r="M1898" s="194"/>
      <c r="N1898" s="194"/>
    </row>
    <row r="1899" spans="10:14" x14ac:dyDescent="0.2">
      <c r="J1899" s="194"/>
      <c r="K1899" s="194"/>
      <c r="L1899" s="194"/>
      <c r="M1899" s="194"/>
      <c r="N1899" s="194"/>
    </row>
    <row r="1900" spans="10:14" x14ac:dyDescent="0.2">
      <c r="J1900" s="194"/>
      <c r="K1900" s="194"/>
      <c r="L1900" s="194"/>
      <c r="M1900" s="194"/>
      <c r="N1900" s="194"/>
    </row>
    <row r="1901" spans="10:14" x14ac:dyDescent="0.2">
      <c r="J1901" s="194"/>
      <c r="K1901" s="194"/>
      <c r="L1901" s="194"/>
      <c r="M1901" s="194"/>
      <c r="N1901" s="194"/>
    </row>
    <row r="1902" spans="10:14" x14ac:dyDescent="0.2">
      <c r="J1902" s="194"/>
      <c r="K1902" s="194"/>
      <c r="L1902" s="194"/>
      <c r="M1902" s="194"/>
      <c r="N1902" s="194"/>
    </row>
    <row r="1903" spans="10:14" x14ac:dyDescent="0.2">
      <c r="J1903" s="194"/>
      <c r="K1903" s="194"/>
      <c r="L1903" s="194"/>
      <c r="M1903" s="194"/>
      <c r="N1903" s="194"/>
    </row>
    <row r="1904" spans="10:14" x14ac:dyDescent="0.2">
      <c r="J1904" s="194"/>
      <c r="K1904" s="194"/>
      <c r="L1904" s="194"/>
      <c r="M1904" s="194"/>
      <c r="N1904" s="194"/>
    </row>
    <row r="1905" spans="10:14" x14ac:dyDescent="0.2">
      <c r="J1905" s="194"/>
      <c r="K1905" s="194"/>
      <c r="L1905" s="194"/>
      <c r="M1905" s="194"/>
      <c r="N1905" s="194"/>
    </row>
    <row r="1906" spans="10:14" x14ac:dyDescent="0.2">
      <c r="J1906" s="194"/>
      <c r="K1906" s="194"/>
      <c r="L1906" s="194"/>
      <c r="M1906" s="194"/>
      <c r="N1906" s="194"/>
    </row>
    <row r="1907" spans="10:14" x14ac:dyDescent="0.2">
      <c r="J1907" s="194"/>
      <c r="K1907" s="194"/>
      <c r="L1907" s="194"/>
      <c r="M1907" s="194"/>
      <c r="N1907" s="194"/>
    </row>
    <row r="1908" spans="10:14" x14ac:dyDescent="0.2">
      <c r="J1908" s="194"/>
      <c r="K1908" s="194"/>
      <c r="L1908" s="194"/>
      <c r="M1908" s="194"/>
      <c r="N1908" s="194"/>
    </row>
    <row r="1909" spans="10:14" x14ac:dyDescent="0.2">
      <c r="J1909" s="194"/>
      <c r="K1909" s="194"/>
      <c r="L1909" s="194"/>
      <c r="M1909" s="194"/>
      <c r="N1909" s="194"/>
    </row>
    <row r="1910" spans="10:14" x14ac:dyDescent="0.2">
      <c r="J1910" s="194"/>
      <c r="K1910" s="194"/>
      <c r="L1910" s="194"/>
      <c r="M1910" s="194"/>
      <c r="N1910" s="194"/>
    </row>
    <row r="1911" spans="10:14" x14ac:dyDescent="0.2">
      <c r="J1911" s="194"/>
      <c r="K1911" s="194"/>
      <c r="L1911" s="194"/>
      <c r="M1911" s="194"/>
      <c r="N1911" s="194"/>
    </row>
    <row r="1912" spans="10:14" x14ac:dyDescent="0.2">
      <c r="J1912" s="194"/>
      <c r="K1912" s="194"/>
      <c r="L1912" s="194"/>
      <c r="M1912" s="194"/>
      <c r="N1912" s="194"/>
    </row>
    <row r="1913" spans="10:14" x14ac:dyDescent="0.2">
      <c r="J1913" s="194"/>
      <c r="K1913" s="194"/>
      <c r="L1913" s="194"/>
      <c r="M1913" s="194"/>
      <c r="N1913" s="194"/>
    </row>
    <row r="1914" spans="10:14" x14ac:dyDescent="0.2">
      <c r="J1914" s="194"/>
      <c r="K1914" s="194"/>
      <c r="L1914" s="194"/>
      <c r="M1914" s="194"/>
      <c r="N1914" s="194"/>
    </row>
    <row r="1915" spans="10:14" x14ac:dyDescent="0.2">
      <c r="J1915" s="194"/>
      <c r="K1915" s="194"/>
      <c r="L1915" s="194"/>
      <c r="M1915" s="194"/>
      <c r="N1915" s="194"/>
    </row>
    <row r="1916" spans="10:14" x14ac:dyDescent="0.2">
      <c r="J1916" s="194"/>
      <c r="K1916" s="194"/>
      <c r="L1916" s="194"/>
      <c r="M1916" s="194"/>
      <c r="N1916" s="194"/>
    </row>
    <row r="1917" spans="10:14" x14ac:dyDescent="0.2">
      <c r="J1917" s="194"/>
      <c r="K1917" s="194"/>
      <c r="L1917" s="194"/>
      <c r="M1917" s="194"/>
      <c r="N1917" s="194"/>
    </row>
    <row r="1918" spans="10:14" x14ac:dyDescent="0.2">
      <c r="J1918" s="194"/>
      <c r="K1918" s="194"/>
      <c r="L1918" s="194"/>
      <c r="M1918" s="194"/>
      <c r="N1918" s="194"/>
    </row>
    <row r="1919" spans="10:14" x14ac:dyDescent="0.2">
      <c r="J1919" s="194"/>
      <c r="K1919" s="194"/>
      <c r="L1919" s="194"/>
      <c r="M1919" s="194"/>
      <c r="N1919" s="194"/>
    </row>
    <row r="1920" spans="10:14" x14ac:dyDescent="0.2">
      <c r="J1920" s="194"/>
      <c r="K1920" s="194"/>
      <c r="L1920" s="194"/>
      <c r="M1920" s="194"/>
      <c r="N1920" s="194"/>
    </row>
    <row r="1921" spans="10:14" x14ac:dyDescent="0.2">
      <c r="J1921" s="194"/>
      <c r="K1921" s="194"/>
      <c r="L1921" s="194"/>
      <c r="M1921" s="194"/>
      <c r="N1921" s="194"/>
    </row>
    <row r="1922" spans="10:14" x14ac:dyDescent="0.2">
      <c r="J1922" s="194"/>
      <c r="K1922" s="194"/>
      <c r="L1922" s="194"/>
      <c r="M1922" s="194"/>
      <c r="N1922" s="194"/>
    </row>
    <row r="1923" spans="10:14" x14ac:dyDescent="0.2">
      <c r="J1923" s="194"/>
      <c r="K1923" s="194"/>
      <c r="L1923" s="194"/>
      <c r="M1923" s="194"/>
      <c r="N1923" s="194"/>
    </row>
    <row r="1924" spans="10:14" x14ac:dyDescent="0.2">
      <c r="J1924" s="194"/>
      <c r="K1924" s="194"/>
      <c r="L1924" s="194"/>
      <c r="M1924" s="194"/>
      <c r="N1924" s="194"/>
    </row>
    <row r="1925" spans="10:14" x14ac:dyDescent="0.2">
      <c r="J1925" s="194"/>
      <c r="K1925" s="194"/>
      <c r="L1925" s="194"/>
      <c r="M1925" s="194"/>
      <c r="N1925" s="194"/>
    </row>
    <row r="1926" spans="10:14" x14ac:dyDescent="0.2">
      <c r="J1926" s="194"/>
      <c r="K1926" s="194"/>
      <c r="L1926" s="194"/>
      <c r="M1926" s="194"/>
      <c r="N1926" s="194"/>
    </row>
    <row r="1927" spans="10:14" x14ac:dyDescent="0.2">
      <c r="J1927" s="194"/>
      <c r="K1927" s="194"/>
      <c r="L1927" s="194"/>
      <c r="M1927" s="194"/>
      <c r="N1927" s="194"/>
    </row>
    <row r="1928" spans="10:14" x14ac:dyDescent="0.2">
      <c r="J1928" s="194"/>
      <c r="K1928" s="194"/>
      <c r="L1928" s="194"/>
      <c r="M1928" s="194"/>
      <c r="N1928" s="194"/>
    </row>
    <row r="1929" spans="10:14" x14ac:dyDescent="0.2">
      <c r="J1929" s="194"/>
      <c r="K1929" s="194"/>
      <c r="L1929" s="194"/>
      <c r="M1929" s="194"/>
      <c r="N1929" s="194"/>
    </row>
    <row r="1930" spans="10:14" x14ac:dyDescent="0.2">
      <c r="J1930" s="194"/>
      <c r="K1930" s="194"/>
      <c r="L1930" s="194"/>
      <c r="M1930" s="194"/>
      <c r="N1930" s="194"/>
    </row>
    <row r="1931" spans="10:14" x14ac:dyDescent="0.2">
      <c r="J1931" s="194"/>
      <c r="K1931" s="194"/>
      <c r="L1931" s="194"/>
      <c r="M1931" s="194"/>
      <c r="N1931" s="194"/>
    </row>
    <row r="1932" spans="10:14" x14ac:dyDescent="0.2">
      <c r="J1932" s="194"/>
      <c r="K1932" s="194"/>
      <c r="L1932" s="194"/>
      <c r="M1932" s="194"/>
      <c r="N1932" s="194"/>
    </row>
    <row r="1933" spans="10:14" x14ac:dyDescent="0.2">
      <c r="J1933" s="194"/>
      <c r="K1933" s="194"/>
      <c r="L1933" s="194"/>
      <c r="M1933" s="194"/>
      <c r="N1933" s="194"/>
    </row>
    <row r="1934" spans="10:14" x14ac:dyDescent="0.2">
      <c r="J1934" s="194"/>
      <c r="K1934" s="194"/>
      <c r="L1934" s="194"/>
      <c r="M1934" s="194"/>
      <c r="N1934" s="194"/>
    </row>
    <row r="1935" spans="10:14" x14ac:dyDescent="0.2">
      <c r="J1935" s="194"/>
      <c r="K1935" s="194"/>
      <c r="L1935" s="194"/>
      <c r="M1935" s="194"/>
      <c r="N1935" s="194"/>
    </row>
    <row r="1936" spans="10:14" x14ac:dyDescent="0.2">
      <c r="J1936" s="194"/>
      <c r="K1936" s="194"/>
      <c r="L1936" s="194"/>
      <c r="M1936" s="194"/>
      <c r="N1936" s="194"/>
    </row>
    <row r="1937" spans="10:14" x14ac:dyDescent="0.2">
      <c r="J1937" s="194"/>
      <c r="K1937" s="194"/>
      <c r="L1937" s="194"/>
      <c r="M1937" s="194"/>
      <c r="N1937" s="194"/>
    </row>
    <row r="1938" spans="10:14" x14ac:dyDescent="0.2">
      <c r="J1938" s="194"/>
      <c r="K1938" s="194"/>
      <c r="L1938" s="194"/>
      <c r="M1938" s="194"/>
      <c r="N1938" s="194"/>
    </row>
    <row r="1939" spans="10:14" x14ac:dyDescent="0.2">
      <c r="J1939" s="194"/>
      <c r="K1939" s="194"/>
      <c r="L1939" s="194"/>
      <c r="M1939" s="194"/>
      <c r="N1939" s="194"/>
    </row>
    <row r="1940" spans="10:14" x14ac:dyDescent="0.2">
      <c r="J1940" s="194"/>
      <c r="K1940" s="194"/>
      <c r="L1940" s="194"/>
      <c r="M1940" s="194"/>
      <c r="N1940" s="194"/>
    </row>
    <row r="1941" spans="10:14" x14ac:dyDescent="0.2">
      <c r="J1941" s="194"/>
      <c r="K1941" s="194"/>
      <c r="L1941" s="194"/>
      <c r="M1941" s="194"/>
      <c r="N1941" s="194"/>
    </row>
    <row r="1942" spans="10:14" x14ac:dyDescent="0.2">
      <c r="J1942" s="194"/>
      <c r="K1942" s="194"/>
      <c r="L1942" s="194"/>
      <c r="M1942" s="194"/>
      <c r="N1942" s="194"/>
    </row>
    <row r="1943" spans="10:14" x14ac:dyDescent="0.2">
      <c r="J1943" s="194"/>
      <c r="K1943" s="194"/>
      <c r="L1943" s="194"/>
      <c r="M1943" s="194"/>
      <c r="N1943" s="194"/>
    </row>
    <row r="1944" spans="10:14" x14ac:dyDescent="0.2">
      <c r="J1944" s="194"/>
      <c r="K1944" s="194"/>
      <c r="L1944" s="194"/>
      <c r="M1944" s="194"/>
      <c r="N1944" s="194"/>
    </row>
    <row r="1945" spans="10:14" x14ac:dyDescent="0.2">
      <c r="J1945" s="194"/>
      <c r="K1945" s="194"/>
      <c r="L1945" s="194"/>
      <c r="M1945" s="194"/>
      <c r="N1945" s="194"/>
    </row>
    <row r="1946" spans="10:14" x14ac:dyDescent="0.2">
      <c r="J1946" s="194"/>
      <c r="K1946" s="194"/>
      <c r="L1946" s="194"/>
      <c r="M1946" s="194"/>
      <c r="N1946" s="194"/>
    </row>
    <row r="1947" spans="10:14" x14ac:dyDescent="0.2">
      <c r="J1947" s="194"/>
      <c r="K1947" s="194"/>
      <c r="L1947" s="194"/>
      <c r="M1947" s="194"/>
      <c r="N1947" s="194"/>
    </row>
    <row r="1948" spans="10:14" x14ac:dyDescent="0.2">
      <c r="J1948" s="194"/>
      <c r="K1948" s="194"/>
      <c r="L1948" s="194"/>
      <c r="M1948" s="194"/>
      <c r="N1948" s="194"/>
    </row>
    <row r="1949" spans="10:14" x14ac:dyDescent="0.2">
      <c r="J1949" s="194"/>
      <c r="K1949" s="194"/>
      <c r="L1949" s="194"/>
      <c r="M1949" s="194"/>
      <c r="N1949" s="194"/>
    </row>
    <row r="1950" spans="10:14" x14ac:dyDescent="0.2">
      <c r="J1950" s="194"/>
      <c r="K1950" s="194"/>
      <c r="L1950" s="194"/>
      <c r="M1950" s="194"/>
      <c r="N1950" s="194"/>
    </row>
    <row r="1951" spans="10:14" x14ac:dyDescent="0.2">
      <c r="J1951" s="194"/>
      <c r="K1951" s="194"/>
      <c r="L1951" s="194"/>
      <c r="M1951" s="194"/>
      <c r="N1951" s="194"/>
    </row>
    <row r="1952" spans="10:14" x14ac:dyDescent="0.2">
      <c r="J1952" s="194"/>
      <c r="K1952" s="194"/>
      <c r="L1952" s="194"/>
      <c r="M1952" s="194"/>
      <c r="N1952" s="194"/>
    </row>
    <row r="1953" spans="10:14" x14ac:dyDescent="0.2">
      <c r="J1953" s="194"/>
      <c r="K1953" s="194"/>
      <c r="L1953" s="194"/>
      <c r="M1953" s="194"/>
      <c r="N1953" s="194"/>
    </row>
    <row r="1954" spans="10:14" x14ac:dyDescent="0.2">
      <c r="J1954" s="194"/>
      <c r="K1954" s="194"/>
      <c r="L1954" s="194"/>
      <c r="M1954" s="194"/>
      <c r="N1954" s="194"/>
    </row>
    <row r="1955" spans="10:14" x14ac:dyDescent="0.2">
      <c r="J1955" s="194"/>
      <c r="K1955" s="194"/>
      <c r="L1955" s="194"/>
      <c r="M1955" s="194"/>
      <c r="N1955" s="194"/>
    </row>
    <row r="1956" spans="10:14" x14ac:dyDescent="0.2">
      <c r="J1956" s="194"/>
      <c r="K1956" s="194"/>
      <c r="L1956" s="194"/>
      <c r="M1956" s="194"/>
      <c r="N1956" s="194"/>
    </row>
    <row r="1957" spans="10:14" x14ac:dyDescent="0.2">
      <c r="J1957" s="194"/>
      <c r="K1957" s="194"/>
      <c r="L1957" s="194"/>
      <c r="M1957" s="194"/>
      <c r="N1957" s="194"/>
    </row>
    <row r="1958" spans="10:14" x14ac:dyDescent="0.2">
      <c r="J1958" s="194"/>
      <c r="K1958" s="194"/>
      <c r="L1958" s="194"/>
      <c r="M1958" s="194"/>
      <c r="N1958" s="194"/>
    </row>
    <row r="1959" spans="10:14" x14ac:dyDescent="0.2">
      <c r="J1959" s="194"/>
      <c r="K1959" s="194"/>
      <c r="L1959" s="194"/>
      <c r="M1959" s="194"/>
      <c r="N1959" s="194"/>
    </row>
    <row r="1960" spans="10:14" x14ac:dyDescent="0.2">
      <c r="J1960" s="194"/>
      <c r="K1960" s="194"/>
      <c r="L1960" s="194"/>
      <c r="M1960" s="194"/>
      <c r="N1960" s="194"/>
    </row>
    <row r="1961" spans="10:14" x14ac:dyDescent="0.2">
      <c r="J1961" s="194"/>
      <c r="K1961" s="194"/>
      <c r="L1961" s="194"/>
      <c r="M1961" s="194"/>
      <c r="N1961" s="194"/>
    </row>
    <row r="1962" spans="10:14" x14ac:dyDescent="0.2">
      <c r="J1962" s="194"/>
      <c r="K1962" s="194"/>
      <c r="L1962" s="194"/>
      <c r="M1962" s="194"/>
      <c r="N1962" s="194"/>
    </row>
    <row r="1963" spans="10:14" x14ac:dyDescent="0.2">
      <c r="J1963" s="194"/>
      <c r="K1963" s="194"/>
      <c r="L1963" s="194"/>
      <c r="M1963" s="194"/>
      <c r="N1963" s="194"/>
    </row>
    <row r="1964" spans="10:14" x14ac:dyDescent="0.2">
      <c r="J1964" s="194"/>
      <c r="K1964" s="194"/>
      <c r="L1964" s="194"/>
      <c r="M1964" s="194"/>
      <c r="N1964" s="194"/>
    </row>
    <row r="1965" spans="10:14" x14ac:dyDescent="0.2">
      <c r="J1965" s="194"/>
      <c r="K1965" s="194"/>
      <c r="L1965" s="194"/>
      <c r="M1965" s="194"/>
      <c r="N1965" s="194"/>
    </row>
    <row r="1966" spans="10:14" x14ac:dyDescent="0.2">
      <c r="J1966" s="194"/>
      <c r="K1966" s="194"/>
      <c r="L1966" s="194"/>
      <c r="M1966" s="194"/>
      <c r="N1966" s="194"/>
    </row>
    <row r="1967" spans="10:14" x14ac:dyDescent="0.2">
      <c r="J1967" s="194"/>
      <c r="K1967" s="194"/>
      <c r="L1967" s="194"/>
      <c r="M1967" s="194"/>
      <c r="N1967" s="194"/>
    </row>
    <row r="1968" spans="10:14" x14ac:dyDescent="0.2">
      <c r="J1968" s="194"/>
      <c r="K1968" s="194"/>
      <c r="L1968" s="194"/>
      <c r="M1968" s="194"/>
      <c r="N1968" s="194"/>
    </row>
    <row r="1969" spans="10:14" x14ac:dyDescent="0.2">
      <c r="J1969" s="194"/>
      <c r="K1969" s="194"/>
      <c r="L1969" s="194"/>
      <c r="M1969" s="194"/>
      <c r="N1969" s="194"/>
    </row>
    <row r="1970" spans="10:14" x14ac:dyDescent="0.2">
      <c r="J1970" s="194"/>
      <c r="K1970" s="194"/>
      <c r="L1970" s="194"/>
      <c r="M1970" s="194"/>
      <c r="N1970" s="194"/>
    </row>
    <row r="1971" spans="10:14" x14ac:dyDescent="0.2">
      <c r="J1971" s="194"/>
      <c r="K1971" s="194"/>
      <c r="L1971" s="194"/>
      <c r="M1971" s="194"/>
      <c r="N1971" s="194"/>
    </row>
    <row r="1972" spans="10:14" x14ac:dyDescent="0.2">
      <c r="J1972" s="194"/>
      <c r="K1972" s="194"/>
      <c r="L1972" s="194"/>
      <c r="M1972" s="194"/>
      <c r="N1972" s="194"/>
    </row>
    <row r="1973" spans="10:14" x14ac:dyDescent="0.2">
      <c r="J1973" s="194"/>
      <c r="K1973" s="194"/>
      <c r="L1973" s="194"/>
      <c r="M1973" s="194"/>
      <c r="N1973" s="194"/>
    </row>
    <row r="1974" spans="10:14" x14ac:dyDescent="0.2">
      <c r="J1974" s="194"/>
      <c r="K1974" s="194"/>
      <c r="L1974" s="194"/>
      <c r="M1974" s="194"/>
      <c r="N1974" s="194"/>
    </row>
    <row r="1975" spans="10:14" x14ac:dyDescent="0.2">
      <c r="J1975" s="194"/>
      <c r="K1975" s="194"/>
      <c r="L1975" s="194"/>
      <c r="M1975" s="194"/>
      <c r="N1975" s="194"/>
    </row>
    <row r="1976" spans="10:14" x14ac:dyDescent="0.2">
      <c r="J1976" s="194"/>
      <c r="K1976" s="194"/>
      <c r="L1976" s="194"/>
      <c r="M1976" s="194"/>
      <c r="N1976" s="194"/>
    </row>
    <row r="1977" spans="10:14" x14ac:dyDescent="0.2">
      <c r="J1977" s="194"/>
      <c r="K1977" s="194"/>
      <c r="L1977" s="194"/>
      <c r="M1977" s="194"/>
      <c r="N1977" s="194"/>
    </row>
    <row r="1978" spans="10:14" x14ac:dyDescent="0.2">
      <c r="J1978" s="194"/>
      <c r="K1978" s="194"/>
      <c r="L1978" s="194"/>
      <c r="M1978" s="194"/>
      <c r="N1978" s="194"/>
    </row>
    <row r="1979" spans="10:14" x14ac:dyDescent="0.2">
      <c r="J1979" s="194"/>
      <c r="K1979" s="194"/>
      <c r="L1979" s="194"/>
      <c r="M1979" s="194"/>
      <c r="N1979" s="194"/>
    </row>
    <row r="1980" spans="10:14" x14ac:dyDescent="0.2">
      <c r="J1980" s="194"/>
      <c r="K1980" s="194"/>
      <c r="L1980" s="194"/>
      <c r="M1980" s="194"/>
      <c r="N1980" s="194"/>
    </row>
    <row r="1981" spans="10:14" x14ac:dyDescent="0.2">
      <c r="J1981" s="194"/>
      <c r="K1981" s="194"/>
      <c r="L1981" s="194"/>
      <c r="M1981" s="194"/>
      <c r="N1981" s="194"/>
    </row>
    <row r="1982" spans="10:14" x14ac:dyDescent="0.2">
      <c r="J1982" s="194"/>
      <c r="K1982" s="194"/>
      <c r="L1982" s="194"/>
      <c r="M1982" s="194"/>
      <c r="N1982" s="194"/>
    </row>
    <row r="1983" spans="10:14" x14ac:dyDescent="0.2">
      <c r="J1983" s="194"/>
      <c r="K1983" s="194"/>
      <c r="L1983" s="194"/>
      <c r="M1983" s="194"/>
      <c r="N1983" s="194"/>
    </row>
    <row r="1984" spans="10:14" x14ac:dyDescent="0.2">
      <c r="J1984" s="194"/>
      <c r="K1984" s="194"/>
      <c r="L1984" s="194"/>
      <c r="M1984" s="194"/>
      <c r="N1984" s="194"/>
    </row>
    <row r="1985" spans="10:14" x14ac:dyDescent="0.2">
      <c r="J1985" s="194"/>
      <c r="K1985" s="194"/>
      <c r="L1985" s="194"/>
      <c r="M1985" s="194"/>
      <c r="N1985" s="194"/>
    </row>
    <row r="1986" spans="10:14" x14ac:dyDescent="0.2">
      <c r="J1986" s="194"/>
      <c r="K1986" s="194"/>
      <c r="L1986" s="194"/>
      <c r="M1986" s="194"/>
      <c r="N1986" s="194"/>
    </row>
    <row r="1987" spans="10:14" x14ac:dyDescent="0.2">
      <c r="J1987" s="194"/>
      <c r="K1987" s="194"/>
      <c r="L1987" s="194"/>
      <c r="M1987" s="194"/>
      <c r="N1987" s="194"/>
    </row>
    <row r="1988" spans="10:14" x14ac:dyDescent="0.2">
      <c r="J1988" s="194"/>
      <c r="K1988" s="194"/>
      <c r="L1988" s="194"/>
      <c r="M1988" s="194"/>
      <c r="N1988" s="194"/>
    </row>
    <row r="1989" spans="10:14" x14ac:dyDescent="0.2">
      <c r="J1989" s="194"/>
      <c r="K1989" s="194"/>
      <c r="L1989" s="194"/>
      <c r="M1989" s="194"/>
      <c r="N1989" s="194"/>
    </row>
    <row r="1990" spans="10:14" x14ac:dyDescent="0.2">
      <c r="J1990" s="194"/>
      <c r="K1990" s="194"/>
      <c r="L1990" s="194"/>
      <c r="M1990" s="194"/>
      <c r="N1990" s="194"/>
    </row>
    <row r="1991" spans="10:14" x14ac:dyDescent="0.2">
      <c r="J1991" s="194"/>
      <c r="K1991" s="194"/>
      <c r="L1991" s="194"/>
      <c r="M1991" s="194"/>
      <c r="N1991" s="194"/>
    </row>
    <row r="1992" spans="10:14" x14ac:dyDescent="0.2">
      <c r="J1992" s="194"/>
      <c r="K1992" s="194"/>
      <c r="L1992" s="194"/>
      <c r="M1992" s="194"/>
      <c r="N1992" s="194"/>
    </row>
    <row r="1993" spans="10:14" x14ac:dyDescent="0.2">
      <c r="J1993" s="194"/>
      <c r="K1993" s="194"/>
      <c r="L1993" s="194"/>
      <c r="M1993" s="194"/>
      <c r="N1993" s="194"/>
    </row>
    <row r="1994" spans="10:14" x14ac:dyDescent="0.2">
      <c r="J1994" s="194"/>
      <c r="K1994" s="194"/>
      <c r="L1994" s="194"/>
      <c r="M1994" s="194"/>
      <c r="N1994" s="194"/>
    </row>
    <row r="1995" spans="10:14" x14ac:dyDescent="0.2">
      <c r="J1995" s="194"/>
      <c r="K1995" s="194"/>
      <c r="L1995" s="194"/>
      <c r="M1995" s="194"/>
      <c r="N1995" s="194"/>
    </row>
    <row r="1996" spans="10:14" x14ac:dyDescent="0.2">
      <c r="J1996" s="194"/>
      <c r="K1996" s="194"/>
      <c r="L1996" s="194"/>
      <c r="M1996" s="194"/>
      <c r="N1996" s="194"/>
    </row>
    <row r="1997" spans="10:14" x14ac:dyDescent="0.2">
      <c r="J1997" s="194"/>
      <c r="K1997" s="194"/>
      <c r="L1997" s="194"/>
      <c r="M1997" s="194"/>
      <c r="N1997" s="194"/>
    </row>
    <row r="1998" spans="10:14" x14ac:dyDescent="0.2">
      <c r="J1998" s="194"/>
      <c r="K1998" s="194"/>
      <c r="L1998" s="194"/>
      <c r="M1998" s="194"/>
      <c r="N1998" s="194"/>
    </row>
    <row r="1999" spans="10:14" x14ac:dyDescent="0.2">
      <c r="J1999" s="194"/>
      <c r="K1999" s="194"/>
      <c r="L1999" s="194"/>
      <c r="M1999" s="194"/>
      <c r="N1999" s="194"/>
    </row>
    <row r="2000" spans="10:14" x14ac:dyDescent="0.2">
      <c r="J2000" s="194"/>
      <c r="K2000" s="194"/>
      <c r="L2000" s="194"/>
      <c r="M2000" s="194"/>
      <c r="N2000" s="194"/>
    </row>
    <row r="2001" spans="10:14" x14ac:dyDescent="0.2">
      <c r="J2001" s="194"/>
      <c r="K2001" s="194"/>
      <c r="L2001" s="194"/>
      <c r="M2001" s="194"/>
      <c r="N2001" s="194"/>
    </row>
    <row r="2002" spans="10:14" x14ac:dyDescent="0.2">
      <c r="J2002" s="194"/>
      <c r="K2002" s="194"/>
      <c r="L2002" s="194"/>
      <c r="M2002" s="194"/>
      <c r="N2002" s="194"/>
    </row>
    <row r="2003" spans="10:14" x14ac:dyDescent="0.2">
      <c r="J2003" s="194"/>
      <c r="K2003" s="194"/>
      <c r="L2003" s="194"/>
      <c r="M2003" s="194"/>
      <c r="N2003" s="194"/>
    </row>
    <row r="2004" spans="10:14" x14ac:dyDescent="0.2">
      <c r="J2004" s="194"/>
      <c r="K2004" s="194"/>
      <c r="L2004" s="194"/>
      <c r="M2004" s="194"/>
      <c r="N2004" s="194"/>
    </row>
    <row r="2005" spans="10:14" x14ac:dyDescent="0.2">
      <c r="J2005" s="194"/>
      <c r="K2005" s="194"/>
      <c r="L2005" s="194"/>
      <c r="M2005" s="194"/>
      <c r="N2005" s="194"/>
    </row>
    <row r="2006" spans="10:14" x14ac:dyDescent="0.2">
      <c r="J2006" s="194"/>
      <c r="K2006" s="194"/>
      <c r="L2006" s="194"/>
      <c r="M2006" s="194"/>
      <c r="N2006" s="194"/>
    </row>
    <row r="2007" spans="10:14" x14ac:dyDescent="0.2">
      <c r="J2007" s="194"/>
      <c r="K2007" s="194"/>
      <c r="L2007" s="194"/>
      <c r="M2007" s="194"/>
      <c r="N2007" s="194"/>
    </row>
    <row r="2008" spans="10:14" x14ac:dyDescent="0.2">
      <c r="J2008" s="194"/>
      <c r="K2008" s="194"/>
      <c r="L2008" s="194"/>
      <c r="M2008" s="194"/>
      <c r="N2008" s="194"/>
    </row>
    <row r="2009" spans="10:14" x14ac:dyDescent="0.2">
      <c r="J2009" s="194"/>
      <c r="K2009" s="194"/>
      <c r="L2009" s="194"/>
      <c r="M2009" s="194"/>
      <c r="N2009" s="194"/>
    </row>
    <row r="2010" spans="10:14" x14ac:dyDescent="0.2">
      <c r="J2010" s="194"/>
      <c r="K2010" s="194"/>
      <c r="L2010" s="194"/>
      <c r="M2010" s="194"/>
      <c r="N2010" s="194"/>
    </row>
    <row r="2011" spans="10:14" x14ac:dyDescent="0.2">
      <c r="J2011" s="194"/>
      <c r="K2011" s="194"/>
      <c r="L2011" s="194"/>
      <c r="M2011" s="194"/>
      <c r="N2011" s="194"/>
    </row>
    <row r="2012" spans="10:14" x14ac:dyDescent="0.2">
      <c r="J2012" s="194"/>
      <c r="K2012" s="194"/>
      <c r="L2012" s="194"/>
      <c r="M2012" s="194"/>
      <c r="N2012" s="194"/>
    </row>
    <row r="2013" spans="10:14" x14ac:dyDescent="0.2">
      <c r="J2013" s="194"/>
      <c r="K2013" s="194"/>
      <c r="L2013" s="194"/>
      <c r="M2013" s="194"/>
      <c r="N2013" s="194"/>
    </row>
    <row r="2014" spans="10:14" x14ac:dyDescent="0.2">
      <c r="J2014" s="194"/>
      <c r="K2014" s="194"/>
      <c r="L2014" s="194"/>
      <c r="M2014" s="194"/>
      <c r="N2014" s="194"/>
    </row>
    <row r="2015" spans="10:14" x14ac:dyDescent="0.2">
      <c r="J2015" s="194"/>
      <c r="K2015" s="194"/>
      <c r="L2015" s="194"/>
      <c r="M2015" s="194"/>
      <c r="N2015" s="194"/>
    </row>
    <row r="2016" spans="10:14" x14ac:dyDescent="0.2">
      <c r="J2016" s="194"/>
      <c r="K2016" s="194"/>
      <c r="L2016" s="194"/>
      <c r="M2016" s="194"/>
      <c r="N2016" s="194"/>
    </row>
    <row r="2017" spans="10:14" x14ac:dyDescent="0.2">
      <c r="J2017" s="194"/>
      <c r="K2017" s="194"/>
      <c r="L2017" s="194"/>
      <c r="M2017" s="194"/>
      <c r="N2017" s="194"/>
    </row>
    <row r="2018" spans="10:14" x14ac:dyDescent="0.2">
      <c r="J2018" s="194"/>
      <c r="K2018" s="194"/>
      <c r="L2018" s="194"/>
      <c r="M2018" s="194"/>
      <c r="N2018" s="194"/>
    </row>
    <row r="2019" spans="10:14" x14ac:dyDescent="0.2">
      <c r="J2019" s="194"/>
      <c r="K2019" s="194"/>
      <c r="L2019" s="194"/>
      <c r="M2019" s="194"/>
      <c r="N2019" s="194"/>
    </row>
    <row r="2020" spans="10:14" x14ac:dyDescent="0.2">
      <c r="J2020" s="194"/>
      <c r="K2020" s="194"/>
      <c r="L2020" s="194"/>
      <c r="M2020" s="194"/>
      <c r="N2020" s="194"/>
    </row>
    <row r="2021" spans="10:14" x14ac:dyDescent="0.2">
      <c r="J2021" s="194"/>
      <c r="K2021" s="194"/>
      <c r="L2021" s="194"/>
      <c r="M2021" s="194"/>
      <c r="N2021" s="194"/>
    </row>
    <row r="2022" spans="10:14" x14ac:dyDescent="0.2">
      <c r="J2022" s="194"/>
      <c r="K2022" s="194"/>
      <c r="L2022" s="194"/>
      <c r="M2022" s="194"/>
      <c r="N2022" s="194"/>
    </row>
    <row r="2023" spans="10:14" x14ac:dyDescent="0.2">
      <c r="J2023" s="194"/>
      <c r="K2023" s="194"/>
      <c r="L2023" s="194"/>
      <c r="M2023" s="194"/>
      <c r="N2023" s="194"/>
    </row>
    <row r="2024" spans="10:14" x14ac:dyDescent="0.2">
      <c r="J2024" s="194"/>
      <c r="K2024" s="194"/>
      <c r="L2024" s="194"/>
      <c r="M2024" s="194"/>
      <c r="N2024" s="194"/>
    </row>
    <row r="2025" spans="10:14" x14ac:dyDescent="0.2">
      <c r="J2025" s="194"/>
      <c r="K2025" s="194"/>
      <c r="L2025" s="194"/>
      <c r="M2025" s="194"/>
      <c r="N2025" s="194"/>
    </row>
    <row r="2026" spans="10:14" x14ac:dyDescent="0.2">
      <c r="J2026" s="194"/>
      <c r="K2026" s="194"/>
      <c r="L2026" s="194"/>
      <c r="M2026" s="194"/>
      <c r="N2026" s="194"/>
    </row>
    <row r="2027" spans="10:14" x14ac:dyDescent="0.2">
      <c r="J2027" s="194"/>
      <c r="K2027" s="194"/>
      <c r="L2027" s="194"/>
      <c r="M2027" s="194"/>
      <c r="N2027" s="194"/>
    </row>
    <row r="2028" spans="10:14" x14ac:dyDescent="0.2">
      <c r="J2028" s="194"/>
      <c r="K2028" s="194"/>
      <c r="L2028" s="194"/>
      <c r="M2028" s="194"/>
      <c r="N2028" s="194"/>
    </row>
    <row r="2029" spans="10:14" x14ac:dyDescent="0.2">
      <c r="J2029" s="194"/>
      <c r="K2029" s="194"/>
      <c r="L2029" s="194"/>
      <c r="M2029" s="194"/>
      <c r="N2029" s="194"/>
    </row>
    <row r="2030" spans="10:14" x14ac:dyDescent="0.2">
      <c r="J2030" s="194"/>
      <c r="K2030" s="194"/>
      <c r="L2030" s="194"/>
      <c r="M2030" s="194"/>
      <c r="N2030" s="194"/>
    </row>
    <row r="2031" spans="10:14" x14ac:dyDescent="0.2">
      <c r="J2031" s="194"/>
      <c r="K2031" s="194"/>
      <c r="L2031" s="194"/>
      <c r="M2031" s="194"/>
      <c r="N2031" s="194"/>
    </row>
    <row r="2032" spans="10:14" x14ac:dyDescent="0.2">
      <c r="J2032" s="194"/>
      <c r="K2032" s="194"/>
      <c r="L2032" s="194"/>
      <c r="M2032" s="194"/>
      <c r="N2032" s="194"/>
    </row>
    <row r="2033" spans="10:14" x14ac:dyDescent="0.2">
      <c r="J2033" s="194"/>
      <c r="K2033" s="194"/>
      <c r="L2033" s="194"/>
      <c r="M2033" s="194"/>
      <c r="N2033" s="194"/>
    </row>
    <row r="2034" spans="10:14" x14ac:dyDescent="0.2">
      <c r="J2034" s="194"/>
      <c r="K2034" s="194"/>
      <c r="L2034" s="194"/>
      <c r="M2034" s="194"/>
      <c r="N2034" s="194"/>
    </row>
    <row r="2035" spans="10:14" x14ac:dyDescent="0.2">
      <c r="J2035" s="194"/>
      <c r="K2035" s="194"/>
      <c r="L2035" s="194"/>
      <c r="M2035" s="194"/>
      <c r="N2035" s="194"/>
    </row>
    <row r="2036" spans="10:14" x14ac:dyDescent="0.2">
      <c r="J2036" s="194"/>
      <c r="K2036" s="194"/>
      <c r="L2036" s="194"/>
      <c r="M2036" s="194"/>
      <c r="N2036" s="194"/>
    </row>
    <row r="2037" spans="10:14" x14ac:dyDescent="0.2">
      <c r="J2037" s="194"/>
      <c r="K2037" s="194"/>
      <c r="L2037" s="194"/>
      <c r="M2037" s="194"/>
      <c r="N2037" s="194"/>
    </row>
    <row r="2038" spans="10:14" x14ac:dyDescent="0.2">
      <c r="J2038" s="194"/>
      <c r="K2038" s="194"/>
      <c r="L2038" s="194"/>
      <c r="M2038" s="194"/>
      <c r="N2038" s="194"/>
    </row>
    <row r="2039" spans="10:14" x14ac:dyDescent="0.2">
      <c r="J2039" s="194"/>
      <c r="K2039" s="194"/>
      <c r="L2039" s="194"/>
      <c r="M2039" s="194"/>
      <c r="N2039" s="194"/>
    </row>
    <row r="2040" spans="10:14" x14ac:dyDescent="0.2">
      <c r="J2040" s="194"/>
      <c r="K2040" s="194"/>
      <c r="L2040" s="194"/>
      <c r="M2040" s="194"/>
      <c r="N2040" s="194"/>
    </row>
    <row r="2041" spans="10:14" x14ac:dyDescent="0.2">
      <c r="J2041" s="194"/>
      <c r="K2041" s="194"/>
      <c r="L2041" s="194"/>
      <c r="M2041" s="194"/>
      <c r="N2041" s="194"/>
    </row>
    <row r="2042" spans="10:14" x14ac:dyDescent="0.2">
      <c r="J2042" s="194"/>
      <c r="K2042" s="194"/>
      <c r="L2042" s="194"/>
      <c r="M2042" s="194"/>
      <c r="N2042" s="194"/>
    </row>
    <row r="2043" spans="10:14" x14ac:dyDescent="0.2">
      <c r="J2043" s="194"/>
      <c r="K2043" s="194"/>
      <c r="L2043" s="194"/>
      <c r="M2043" s="194"/>
      <c r="N2043" s="194"/>
    </row>
    <row r="2044" spans="10:14" x14ac:dyDescent="0.2">
      <c r="J2044" s="194"/>
      <c r="K2044" s="194"/>
      <c r="L2044" s="194"/>
      <c r="M2044" s="194"/>
      <c r="N2044" s="194"/>
    </row>
    <row r="2045" spans="10:14" x14ac:dyDescent="0.2">
      <c r="J2045" s="194"/>
      <c r="K2045" s="194"/>
      <c r="L2045" s="194"/>
      <c r="M2045" s="194"/>
      <c r="N2045" s="194"/>
    </row>
    <row r="2046" spans="10:14" x14ac:dyDescent="0.2">
      <c r="J2046" s="194"/>
      <c r="K2046" s="194"/>
      <c r="L2046" s="194"/>
      <c r="M2046" s="194"/>
      <c r="N2046" s="194"/>
    </row>
    <row r="2047" spans="10:14" x14ac:dyDescent="0.2">
      <c r="J2047" s="194"/>
      <c r="K2047" s="194"/>
      <c r="L2047" s="194"/>
      <c r="M2047" s="194"/>
      <c r="N2047" s="194"/>
    </row>
    <row r="2048" spans="10:14" x14ac:dyDescent="0.2">
      <c r="J2048" s="194"/>
      <c r="K2048" s="194"/>
      <c r="L2048" s="194"/>
      <c r="M2048" s="194"/>
      <c r="N2048" s="194"/>
    </row>
    <row r="2049" spans="10:14" x14ac:dyDescent="0.2">
      <c r="J2049" s="194"/>
      <c r="K2049" s="194"/>
      <c r="L2049" s="194"/>
      <c r="M2049" s="194"/>
      <c r="N2049" s="194"/>
    </row>
    <row r="2050" spans="10:14" x14ac:dyDescent="0.2">
      <c r="J2050" s="194"/>
      <c r="K2050" s="194"/>
      <c r="L2050" s="194"/>
      <c r="M2050" s="194"/>
      <c r="N2050" s="194"/>
    </row>
    <row r="2051" spans="10:14" x14ac:dyDescent="0.2">
      <c r="J2051" s="194"/>
      <c r="K2051" s="194"/>
      <c r="L2051" s="194"/>
      <c r="M2051" s="194"/>
      <c r="N2051" s="194"/>
    </row>
    <row r="2052" spans="10:14" x14ac:dyDescent="0.2">
      <c r="J2052" s="194"/>
      <c r="K2052" s="194"/>
      <c r="L2052" s="194"/>
      <c r="M2052" s="194"/>
      <c r="N2052" s="194"/>
    </row>
    <row r="2053" spans="10:14" x14ac:dyDescent="0.2">
      <c r="J2053" s="194"/>
      <c r="K2053" s="194"/>
      <c r="L2053" s="194"/>
      <c r="M2053" s="194"/>
      <c r="N2053" s="194"/>
    </row>
    <row r="2054" spans="10:14" x14ac:dyDescent="0.2">
      <c r="J2054" s="194"/>
      <c r="K2054" s="194"/>
      <c r="L2054" s="194"/>
      <c r="M2054" s="194"/>
      <c r="N2054" s="194"/>
    </row>
    <row r="2055" spans="10:14" x14ac:dyDescent="0.2">
      <c r="J2055" s="194"/>
      <c r="K2055" s="194"/>
      <c r="L2055" s="194"/>
      <c r="M2055" s="194"/>
      <c r="N2055" s="194"/>
    </row>
    <row r="2056" spans="10:14" x14ac:dyDescent="0.2">
      <c r="J2056" s="194"/>
      <c r="K2056" s="194"/>
      <c r="L2056" s="194"/>
      <c r="M2056" s="194"/>
      <c r="N2056" s="194"/>
    </row>
    <row r="2057" spans="10:14" x14ac:dyDescent="0.2">
      <c r="J2057" s="194"/>
      <c r="K2057" s="194"/>
      <c r="L2057" s="194"/>
      <c r="M2057" s="194"/>
      <c r="N2057" s="194"/>
    </row>
    <row r="2058" spans="10:14" x14ac:dyDescent="0.2">
      <c r="J2058" s="194"/>
      <c r="K2058" s="194"/>
      <c r="L2058" s="194"/>
      <c r="M2058" s="194"/>
      <c r="N2058" s="194"/>
    </row>
    <row r="2059" spans="10:14" x14ac:dyDescent="0.2">
      <c r="J2059" s="194"/>
      <c r="K2059" s="194"/>
      <c r="L2059" s="194"/>
      <c r="M2059" s="194"/>
      <c r="N2059" s="194"/>
    </row>
    <row r="2060" spans="10:14" x14ac:dyDescent="0.2">
      <c r="J2060" s="194"/>
      <c r="K2060" s="194"/>
      <c r="L2060" s="194"/>
      <c r="M2060" s="194"/>
      <c r="N2060" s="194"/>
    </row>
    <row r="2061" spans="10:14" x14ac:dyDescent="0.2">
      <c r="J2061" s="194"/>
      <c r="K2061" s="194"/>
      <c r="L2061" s="194"/>
      <c r="M2061" s="194"/>
      <c r="N2061" s="194"/>
    </row>
    <row r="2062" spans="10:14" x14ac:dyDescent="0.2">
      <c r="J2062" s="194"/>
      <c r="K2062" s="194"/>
      <c r="L2062" s="194"/>
      <c r="M2062" s="194"/>
      <c r="N2062" s="194"/>
    </row>
    <row r="2063" spans="10:14" x14ac:dyDescent="0.2">
      <c r="J2063" s="194"/>
      <c r="K2063" s="194"/>
      <c r="L2063" s="194"/>
      <c r="M2063" s="194"/>
      <c r="N2063" s="194"/>
    </row>
    <row r="2064" spans="10:14" x14ac:dyDescent="0.2">
      <c r="J2064" s="194"/>
      <c r="K2064" s="194"/>
      <c r="L2064" s="194"/>
      <c r="M2064" s="194"/>
      <c r="N2064" s="194"/>
    </row>
    <row r="2065" spans="10:14" x14ac:dyDescent="0.2">
      <c r="J2065" s="194"/>
      <c r="K2065" s="194"/>
      <c r="L2065" s="194"/>
      <c r="M2065" s="194"/>
      <c r="N2065" s="194"/>
    </row>
    <row r="2066" spans="10:14" x14ac:dyDescent="0.2">
      <c r="J2066" s="194"/>
      <c r="K2066" s="194"/>
      <c r="L2066" s="194"/>
      <c r="M2066" s="194"/>
      <c r="N2066" s="194"/>
    </row>
    <row r="2067" spans="10:14" x14ac:dyDescent="0.2">
      <c r="J2067" s="194"/>
      <c r="K2067" s="194"/>
      <c r="L2067" s="194"/>
      <c r="M2067" s="194"/>
      <c r="N2067" s="194"/>
    </row>
    <row r="2068" spans="10:14" x14ac:dyDescent="0.2">
      <c r="J2068" s="194"/>
      <c r="K2068" s="194"/>
      <c r="L2068" s="194"/>
      <c r="M2068" s="194"/>
      <c r="N2068" s="194"/>
    </row>
    <row r="2069" spans="10:14" x14ac:dyDescent="0.2">
      <c r="J2069" s="194"/>
      <c r="K2069" s="194"/>
      <c r="L2069" s="194"/>
      <c r="M2069" s="194"/>
      <c r="N2069" s="194"/>
    </row>
    <row r="2070" spans="10:14" x14ac:dyDescent="0.2">
      <c r="J2070" s="194"/>
      <c r="K2070" s="194"/>
      <c r="L2070" s="194"/>
      <c r="M2070" s="194"/>
      <c r="N2070" s="194"/>
    </row>
    <row r="2071" spans="10:14" x14ac:dyDescent="0.2">
      <c r="J2071" s="194"/>
      <c r="K2071" s="194"/>
      <c r="L2071" s="194"/>
      <c r="M2071" s="194"/>
      <c r="N2071" s="194"/>
    </row>
    <row r="2072" spans="10:14" x14ac:dyDescent="0.2">
      <c r="J2072" s="194"/>
      <c r="K2072" s="194"/>
      <c r="L2072" s="194"/>
      <c r="M2072" s="194"/>
      <c r="N2072" s="194"/>
    </row>
    <row r="2073" spans="10:14" x14ac:dyDescent="0.2">
      <c r="J2073" s="194"/>
      <c r="K2073" s="194"/>
      <c r="L2073" s="194"/>
      <c r="M2073" s="194"/>
      <c r="N2073" s="194"/>
    </row>
    <row r="2074" spans="10:14" x14ac:dyDescent="0.2">
      <c r="J2074" s="194"/>
      <c r="K2074" s="194"/>
      <c r="L2074" s="194"/>
      <c r="M2074" s="194"/>
      <c r="N2074" s="194"/>
    </row>
    <row r="2075" spans="10:14" x14ac:dyDescent="0.2">
      <c r="J2075" s="194"/>
      <c r="K2075" s="194"/>
      <c r="L2075" s="194"/>
      <c r="M2075" s="194"/>
      <c r="N2075" s="194"/>
    </row>
    <row r="2076" spans="10:14" x14ac:dyDescent="0.2">
      <c r="J2076" s="194"/>
      <c r="K2076" s="194"/>
      <c r="L2076" s="194"/>
      <c r="M2076" s="194"/>
      <c r="N2076" s="194"/>
    </row>
    <row r="2077" spans="10:14" x14ac:dyDescent="0.2">
      <c r="J2077" s="194"/>
      <c r="K2077" s="194"/>
      <c r="L2077" s="194"/>
      <c r="M2077" s="194"/>
      <c r="N2077" s="194"/>
    </row>
    <row r="2078" spans="10:14" x14ac:dyDescent="0.2">
      <c r="J2078" s="194"/>
      <c r="K2078" s="194"/>
      <c r="L2078" s="194"/>
      <c r="M2078" s="194"/>
      <c r="N2078" s="194"/>
    </row>
    <row r="2079" spans="10:14" x14ac:dyDescent="0.2">
      <c r="J2079" s="194"/>
      <c r="K2079" s="194"/>
      <c r="L2079" s="194"/>
      <c r="M2079" s="194"/>
      <c r="N2079" s="194"/>
    </row>
    <row r="2080" spans="10:14" x14ac:dyDescent="0.2">
      <c r="J2080" s="194"/>
      <c r="K2080" s="194"/>
      <c r="L2080" s="194"/>
      <c r="M2080" s="194"/>
      <c r="N2080" s="194"/>
    </row>
    <row r="2081" spans="10:14" x14ac:dyDescent="0.2">
      <c r="J2081" s="194"/>
      <c r="K2081" s="194"/>
      <c r="L2081" s="194"/>
      <c r="M2081" s="194"/>
      <c r="N2081" s="194"/>
    </row>
    <row r="2082" spans="10:14" x14ac:dyDescent="0.2">
      <c r="J2082" s="194"/>
      <c r="K2082" s="194"/>
      <c r="L2082" s="194"/>
      <c r="M2082" s="194"/>
      <c r="N2082" s="194"/>
    </row>
    <row r="2083" spans="10:14" x14ac:dyDescent="0.2">
      <c r="J2083" s="194"/>
      <c r="K2083" s="194"/>
      <c r="L2083" s="194"/>
      <c r="M2083" s="194"/>
      <c r="N2083" s="194"/>
    </row>
    <row r="2084" spans="10:14" x14ac:dyDescent="0.2">
      <c r="J2084" s="194"/>
      <c r="K2084" s="194"/>
      <c r="L2084" s="194"/>
      <c r="M2084" s="194"/>
      <c r="N2084" s="194"/>
    </row>
    <row r="2085" spans="10:14" x14ac:dyDescent="0.2">
      <c r="J2085" s="194"/>
      <c r="K2085" s="194"/>
      <c r="L2085" s="194"/>
      <c r="M2085" s="194"/>
      <c r="N2085" s="194"/>
    </row>
    <row r="2086" spans="10:14" x14ac:dyDescent="0.2">
      <c r="J2086" s="194"/>
      <c r="K2086" s="194"/>
      <c r="L2086" s="194"/>
      <c r="M2086" s="194"/>
      <c r="N2086" s="194"/>
    </row>
    <row r="2087" spans="10:14" x14ac:dyDescent="0.2">
      <c r="J2087" s="194"/>
      <c r="K2087" s="194"/>
      <c r="L2087" s="194"/>
      <c r="M2087" s="194"/>
      <c r="N2087" s="194"/>
    </row>
    <row r="2088" spans="10:14" x14ac:dyDescent="0.2">
      <c r="J2088" s="194"/>
      <c r="K2088" s="194"/>
      <c r="L2088" s="194"/>
      <c r="M2088" s="194"/>
      <c r="N2088" s="194"/>
    </row>
    <row r="2089" spans="10:14" x14ac:dyDescent="0.2">
      <c r="J2089" s="194"/>
      <c r="K2089" s="194"/>
      <c r="L2089" s="194"/>
      <c r="M2089" s="194"/>
      <c r="N2089" s="194"/>
    </row>
    <row r="2090" spans="10:14" x14ac:dyDescent="0.2">
      <c r="J2090" s="194"/>
      <c r="K2090" s="194"/>
      <c r="L2090" s="194"/>
      <c r="M2090" s="194"/>
      <c r="N2090" s="194"/>
    </row>
    <row r="2091" spans="10:14" x14ac:dyDescent="0.2">
      <c r="J2091" s="194"/>
      <c r="K2091" s="194"/>
      <c r="L2091" s="194"/>
      <c r="M2091" s="194"/>
      <c r="N2091" s="194"/>
    </row>
    <row r="2092" spans="10:14" x14ac:dyDescent="0.2">
      <c r="J2092" s="194"/>
      <c r="K2092" s="194"/>
      <c r="L2092" s="194"/>
      <c r="M2092" s="194"/>
      <c r="N2092" s="194"/>
    </row>
    <row r="2093" spans="10:14" x14ac:dyDescent="0.2">
      <c r="J2093" s="194"/>
      <c r="K2093" s="194"/>
      <c r="L2093" s="194"/>
      <c r="M2093" s="194"/>
      <c r="N2093" s="194"/>
    </row>
    <row r="2094" spans="10:14" x14ac:dyDescent="0.2">
      <c r="J2094" s="194"/>
      <c r="K2094" s="194"/>
      <c r="L2094" s="194"/>
      <c r="M2094" s="194"/>
      <c r="N2094" s="194"/>
    </row>
    <row r="2095" spans="10:14" x14ac:dyDescent="0.2">
      <c r="J2095" s="194"/>
      <c r="K2095" s="194"/>
      <c r="L2095" s="194"/>
      <c r="M2095" s="194"/>
      <c r="N2095" s="194"/>
    </row>
    <row r="2096" spans="10:14" x14ac:dyDescent="0.2">
      <c r="J2096" s="194"/>
      <c r="K2096" s="194"/>
      <c r="L2096" s="194"/>
      <c r="M2096" s="194"/>
      <c r="N2096" s="194"/>
    </row>
    <row r="2097" spans="10:14" x14ac:dyDescent="0.2">
      <c r="J2097" s="194"/>
      <c r="K2097" s="194"/>
      <c r="L2097" s="194"/>
      <c r="M2097" s="194"/>
      <c r="N2097" s="194"/>
    </row>
    <row r="2098" spans="10:14" x14ac:dyDescent="0.2">
      <c r="J2098" s="194"/>
      <c r="K2098" s="194"/>
      <c r="L2098" s="194"/>
      <c r="M2098" s="194"/>
      <c r="N2098" s="194"/>
    </row>
    <row r="2099" spans="10:14" x14ac:dyDescent="0.2">
      <c r="J2099" s="194"/>
      <c r="K2099" s="194"/>
      <c r="L2099" s="194"/>
      <c r="M2099" s="194"/>
      <c r="N2099" s="194"/>
    </row>
    <row r="2100" spans="10:14" x14ac:dyDescent="0.2">
      <c r="J2100" s="194"/>
      <c r="K2100" s="194"/>
      <c r="L2100" s="194"/>
      <c r="M2100" s="194"/>
      <c r="N2100" s="194"/>
    </row>
    <row r="2101" spans="10:14" x14ac:dyDescent="0.2">
      <c r="J2101" s="194"/>
      <c r="K2101" s="194"/>
      <c r="L2101" s="194"/>
      <c r="M2101" s="194"/>
      <c r="N2101" s="194"/>
    </row>
    <row r="2102" spans="10:14" x14ac:dyDescent="0.2">
      <c r="J2102" s="194"/>
      <c r="K2102" s="194"/>
      <c r="L2102" s="194"/>
      <c r="M2102" s="194"/>
      <c r="N2102" s="194"/>
    </row>
    <row r="2103" spans="10:14" x14ac:dyDescent="0.2">
      <c r="J2103" s="194"/>
      <c r="K2103" s="194"/>
      <c r="L2103" s="194"/>
      <c r="M2103" s="194"/>
      <c r="N2103" s="194"/>
    </row>
    <row r="2104" spans="10:14" x14ac:dyDescent="0.2">
      <c r="J2104" s="194"/>
      <c r="K2104" s="194"/>
      <c r="L2104" s="194"/>
      <c r="M2104" s="194"/>
      <c r="N2104" s="194"/>
    </row>
    <row r="2105" spans="10:14" x14ac:dyDescent="0.2">
      <c r="J2105" s="194"/>
      <c r="K2105" s="194"/>
      <c r="L2105" s="194"/>
      <c r="M2105" s="194"/>
      <c r="N2105" s="194"/>
    </row>
    <row r="2106" spans="10:14" x14ac:dyDescent="0.2">
      <c r="J2106" s="194"/>
      <c r="K2106" s="194"/>
      <c r="L2106" s="194"/>
      <c r="M2106" s="194"/>
      <c r="N2106" s="194"/>
    </row>
  </sheetData>
  <mergeCells count="2">
    <mergeCell ref="C2:I2"/>
    <mergeCell ref="L2:R2"/>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L20"/>
  <sheetViews>
    <sheetView showGridLines="0" zoomScaleNormal="100" zoomScaleSheetLayoutView="100" workbookViewId="0">
      <selection activeCell="H11" sqref="H11"/>
    </sheetView>
  </sheetViews>
  <sheetFormatPr defaultColWidth="8.85546875" defaultRowHeight="12.75" x14ac:dyDescent="0.2"/>
  <cols>
    <col min="1" max="1" width="1.85546875" style="211" customWidth="1"/>
    <col min="2" max="3" width="1.7109375" style="211" customWidth="1"/>
    <col min="4" max="4" width="12" style="211" customWidth="1"/>
    <col min="5" max="5" width="27.85546875" style="211" customWidth="1"/>
    <col min="6" max="6" width="8.140625" style="211" customWidth="1"/>
    <col min="7" max="7" width="0.7109375" style="213" customWidth="1"/>
    <col min="8" max="8" width="8.140625" style="211" customWidth="1"/>
    <col min="9" max="9" width="0.5703125" style="213" customWidth="1"/>
    <col min="10" max="10" width="8.140625" style="211" customWidth="1"/>
    <col min="11" max="11" width="0.5703125" style="213" customWidth="1"/>
    <col min="12" max="12" width="8.140625" style="211" customWidth="1"/>
    <col min="13" max="16384" width="8.85546875" style="211"/>
  </cols>
  <sheetData>
    <row r="1" spans="1:12" s="196" customFormat="1" x14ac:dyDescent="0.2">
      <c r="A1" s="26" t="s">
        <v>102</v>
      </c>
      <c r="B1" s="26"/>
      <c r="C1" s="26"/>
      <c r="D1" s="26"/>
      <c r="E1" s="26"/>
      <c r="F1" s="26"/>
      <c r="G1" s="29"/>
      <c r="H1" s="26"/>
      <c r="I1" s="29"/>
      <c r="J1" s="26"/>
      <c r="K1" s="29"/>
      <c r="L1" s="195"/>
    </row>
    <row r="2" spans="1:12" s="199" customFormat="1" ht="13.5" x14ac:dyDescent="0.2">
      <c r="A2" s="197"/>
      <c r="B2" s="197" t="s">
        <v>0</v>
      </c>
      <c r="C2" s="198"/>
      <c r="D2" s="197"/>
      <c r="E2" s="198"/>
      <c r="F2" s="283" t="s">
        <v>14</v>
      </c>
      <c r="G2" s="284"/>
      <c r="H2" s="283" t="s">
        <v>15</v>
      </c>
      <c r="I2" s="284"/>
      <c r="J2" s="283" t="s">
        <v>16</v>
      </c>
      <c r="K2" s="284"/>
      <c r="L2" s="283" t="s">
        <v>17</v>
      </c>
    </row>
    <row r="3" spans="1:12" s="199" customFormat="1" ht="13.5" x14ac:dyDescent="0.2">
      <c r="A3" s="200" t="s">
        <v>103</v>
      </c>
      <c r="B3" s="40"/>
      <c r="C3" s="40"/>
      <c r="D3" s="40"/>
      <c r="E3" s="10"/>
      <c r="F3" s="122">
        <v>9115</v>
      </c>
      <c r="G3" s="201">
        <v>0</v>
      </c>
      <c r="H3" s="122">
        <v>9534</v>
      </c>
      <c r="I3" s="201">
        <v>0</v>
      </c>
      <c r="J3" s="122">
        <v>9974</v>
      </c>
      <c r="K3" s="201">
        <v>0</v>
      </c>
      <c r="L3" s="122">
        <v>10420</v>
      </c>
    </row>
    <row r="4" spans="1:12" s="40" customFormat="1" ht="12" x14ac:dyDescent="0.2">
      <c r="A4" s="40" t="s">
        <v>104</v>
      </c>
      <c r="E4" s="10"/>
      <c r="F4" s="94"/>
      <c r="G4" s="202"/>
      <c r="H4" s="94"/>
      <c r="I4" s="202"/>
      <c r="J4" s="94"/>
      <c r="K4" s="202"/>
      <c r="L4" s="94"/>
    </row>
    <row r="5" spans="1:12" s="40" customFormat="1" ht="12" x14ac:dyDescent="0.2">
      <c r="A5" s="40" t="s">
        <v>105</v>
      </c>
      <c r="E5" s="10"/>
      <c r="F5" s="94"/>
      <c r="G5" s="202"/>
      <c r="H5" s="94"/>
      <c r="I5" s="202"/>
      <c r="J5" s="94"/>
      <c r="K5" s="202"/>
      <c r="L5" s="94"/>
    </row>
    <row r="6" spans="1:12" s="40" customFormat="1" ht="12" x14ac:dyDescent="0.2">
      <c r="B6" s="40" t="s">
        <v>106</v>
      </c>
      <c r="E6" s="10"/>
      <c r="F6" s="94">
        <v>76</v>
      </c>
      <c r="G6" s="202"/>
      <c r="H6" s="94">
        <v>306</v>
      </c>
      <c r="I6" s="202"/>
      <c r="J6" s="94">
        <v>316</v>
      </c>
      <c r="K6" s="202"/>
      <c r="L6" s="94">
        <v>328</v>
      </c>
    </row>
    <row r="7" spans="1:12" s="40" customFormat="1" ht="12" x14ac:dyDescent="0.2">
      <c r="B7" s="40" t="s">
        <v>107</v>
      </c>
      <c r="E7" s="10"/>
      <c r="F7" s="94">
        <v>17</v>
      </c>
      <c r="G7" s="202"/>
      <c r="H7" s="94">
        <v>6</v>
      </c>
      <c r="I7" s="202"/>
      <c r="J7" s="94">
        <v>-52</v>
      </c>
      <c r="K7" s="202"/>
      <c r="L7" s="94">
        <v>-52</v>
      </c>
    </row>
    <row r="8" spans="1:12" s="40" customFormat="1" ht="6" customHeight="1" x14ac:dyDescent="0.2">
      <c r="E8" s="10"/>
      <c r="F8" s="94"/>
      <c r="G8" s="202"/>
      <c r="H8" s="94"/>
      <c r="I8" s="202"/>
      <c r="J8" s="94"/>
      <c r="K8" s="202"/>
      <c r="L8" s="94"/>
    </row>
    <row r="9" spans="1:12" s="40" customFormat="1" ht="12" x14ac:dyDescent="0.2">
      <c r="A9" s="40" t="s">
        <v>108</v>
      </c>
      <c r="E9" s="10"/>
      <c r="F9" s="94">
        <v>-3</v>
      </c>
      <c r="G9" s="202"/>
      <c r="H9" s="94">
        <v>-10</v>
      </c>
      <c r="I9" s="202"/>
      <c r="J9" s="94">
        <v>0</v>
      </c>
      <c r="K9" s="202"/>
      <c r="L9" s="94">
        <v>1</v>
      </c>
    </row>
    <row r="10" spans="1:12" s="40" customFormat="1" ht="14.25" x14ac:dyDescent="0.2">
      <c r="A10" s="40" t="s">
        <v>109</v>
      </c>
      <c r="E10" s="10"/>
      <c r="F10" s="99">
        <v>-319</v>
      </c>
      <c r="G10" s="202"/>
      <c r="H10" s="99">
        <v>0</v>
      </c>
      <c r="I10" s="202"/>
      <c r="J10" s="99">
        <v>0</v>
      </c>
      <c r="K10" s="202"/>
      <c r="L10" s="99">
        <v>0</v>
      </c>
    </row>
    <row r="11" spans="1:12" s="40" customFormat="1" ht="14.25" x14ac:dyDescent="0.2">
      <c r="A11" s="203" t="s">
        <v>110</v>
      </c>
      <c r="E11" s="10"/>
      <c r="F11" s="121">
        <v>8886</v>
      </c>
      <c r="G11" s="122"/>
      <c r="H11" s="121">
        <v>9836</v>
      </c>
      <c r="I11" s="121"/>
      <c r="J11" s="121">
        <v>10238</v>
      </c>
      <c r="K11" s="121"/>
      <c r="L11" s="121">
        <v>10697</v>
      </c>
    </row>
    <row r="12" spans="1:12" s="40" customFormat="1" ht="12" x14ac:dyDescent="0.2">
      <c r="A12" s="40" t="s">
        <v>111</v>
      </c>
      <c r="E12" s="10"/>
      <c r="F12" s="204">
        <v>-8.4295136026380835E-2</v>
      </c>
      <c r="G12" s="205"/>
      <c r="H12" s="204">
        <v>0.10690974566734179</v>
      </c>
      <c r="I12" s="205"/>
      <c r="J12" s="204">
        <v>4.0870272468483071E-2</v>
      </c>
      <c r="K12" s="205"/>
      <c r="L12" s="204">
        <v>4.4832975190466806E-2</v>
      </c>
    </row>
    <row r="13" spans="1:12" s="40" customFormat="1" ht="6" customHeight="1" x14ac:dyDescent="0.2">
      <c r="E13" s="10"/>
      <c r="F13" s="206"/>
      <c r="G13" s="9"/>
      <c r="H13" s="206"/>
      <c r="I13" s="9"/>
      <c r="J13" s="206"/>
      <c r="K13" s="9"/>
      <c r="L13" s="206"/>
    </row>
    <row r="14" spans="1:12" s="40" customFormat="1" ht="12" x14ac:dyDescent="0.2">
      <c r="A14" s="40" t="s">
        <v>112</v>
      </c>
      <c r="E14" s="10"/>
      <c r="F14" s="206">
        <v>5.0999999999999997E-2</v>
      </c>
      <c r="G14" s="207"/>
      <c r="H14" s="206">
        <v>4.1000000000000002E-2</v>
      </c>
      <c r="I14" s="207"/>
      <c r="J14" s="206">
        <v>3.9E-2</v>
      </c>
      <c r="K14" s="207"/>
      <c r="L14" s="206">
        <v>3.7999999999999999E-2</v>
      </c>
    </row>
    <row r="15" spans="1:12" s="40" customFormat="1" ht="12" x14ac:dyDescent="0.2">
      <c r="A15" s="40" t="s">
        <v>113</v>
      </c>
      <c r="E15" s="10"/>
      <c r="F15" s="206">
        <v>5.8999999999999997E-2</v>
      </c>
      <c r="G15" s="207"/>
      <c r="H15" s="206">
        <v>4.2999999999999997E-2</v>
      </c>
      <c r="I15" s="207"/>
      <c r="J15" s="206">
        <v>4.1000000000000002E-2</v>
      </c>
      <c r="K15" s="207"/>
      <c r="L15" s="206">
        <v>3.9E-2</v>
      </c>
    </row>
    <row r="16" spans="1:12" s="40" customFormat="1" ht="12" x14ac:dyDescent="0.2">
      <c r="A16" s="40" t="s">
        <v>114</v>
      </c>
      <c r="E16" s="10"/>
      <c r="F16" s="208">
        <v>1.3</v>
      </c>
      <c r="G16" s="209"/>
      <c r="H16" s="208">
        <v>1.1000000000000001</v>
      </c>
      <c r="I16" s="209"/>
      <c r="J16" s="208">
        <v>1.2</v>
      </c>
      <c r="K16" s="209"/>
      <c r="L16" s="208">
        <v>1.2</v>
      </c>
    </row>
    <row r="17" spans="1:12" x14ac:dyDescent="0.2">
      <c r="A17" s="210"/>
      <c r="B17" s="210"/>
      <c r="C17" s="210"/>
      <c r="D17" s="210"/>
      <c r="E17" s="210"/>
      <c r="F17" s="210"/>
      <c r="G17" s="30"/>
      <c r="H17" s="210"/>
      <c r="I17" s="30"/>
      <c r="J17" s="210"/>
      <c r="K17" s="30"/>
      <c r="L17" s="210"/>
    </row>
    <row r="18" spans="1:12" ht="6" customHeight="1" x14ac:dyDescent="0.2">
      <c r="A18" s="24"/>
      <c r="B18" s="24"/>
      <c r="C18" s="24"/>
      <c r="D18" s="24"/>
      <c r="E18" s="24"/>
      <c r="F18" s="24"/>
      <c r="G18" s="9"/>
      <c r="H18" s="24"/>
      <c r="I18" s="9"/>
      <c r="J18" s="24"/>
      <c r="K18" s="9"/>
      <c r="L18" s="24"/>
    </row>
    <row r="19" spans="1:12" x14ac:dyDescent="0.2">
      <c r="A19" s="212">
        <v>1</v>
      </c>
      <c r="B19" s="41" t="s">
        <v>115</v>
      </c>
    </row>
    <row r="20" spans="1:12" x14ac:dyDescent="0.2">
      <c r="A20" s="212">
        <v>2</v>
      </c>
      <c r="B20" s="41" t="s">
        <v>116</v>
      </c>
      <c r="H20" s="214"/>
      <c r="J20" s="214"/>
      <c r="L20" s="214"/>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L16"/>
  <sheetViews>
    <sheetView showGridLines="0" zoomScaleNormal="100" zoomScaleSheetLayoutView="100" workbookViewId="0"/>
  </sheetViews>
  <sheetFormatPr defaultColWidth="8.85546875" defaultRowHeight="12.75" x14ac:dyDescent="0.2"/>
  <cols>
    <col min="1" max="1" width="1.85546875" style="24" customWidth="1"/>
    <col min="2" max="3" width="1.7109375" style="24" customWidth="1"/>
    <col min="4" max="4" width="12" style="24" customWidth="1"/>
    <col min="5" max="5" width="28.7109375" style="24" customWidth="1"/>
    <col min="6" max="6" width="7.28515625" style="24" customWidth="1"/>
    <col min="7" max="7" width="0.5703125" style="9" customWidth="1"/>
    <col min="8" max="8" width="7.140625" style="24" customWidth="1"/>
    <col min="9" max="9" width="0.5703125" style="9" customWidth="1"/>
    <col min="10" max="10" width="8" style="24" customWidth="1"/>
    <col min="11" max="11" width="0.5703125" style="9" customWidth="1"/>
    <col min="12" max="12" width="7.140625" style="24" customWidth="1"/>
    <col min="13" max="16384" width="8.85546875" style="24"/>
  </cols>
  <sheetData>
    <row r="1" spans="1:12" s="82" customFormat="1" x14ac:dyDescent="0.2">
      <c r="A1" s="26" t="s">
        <v>117</v>
      </c>
      <c r="B1" s="26"/>
      <c r="C1" s="26"/>
      <c r="D1" s="26"/>
      <c r="E1" s="26"/>
      <c r="F1" s="26"/>
      <c r="G1" s="29"/>
      <c r="H1" s="26"/>
      <c r="I1" s="29"/>
      <c r="J1" s="26"/>
      <c r="K1" s="29"/>
      <c r="L1" s="195"/>
    </row>
    <row r="2" spans="1:12" s="11" customFormat="1" ht="13.5" x14ac:dyDescent="0.2">
      <c r="A2" s="215" t="s">
        <v>0</v>
      </c>
      <c r="B2" s="198"/>
      <c r="C2" s="198"/>
      <c r="D2" s="197"/>
      <c r="E2" s="198"/>
      <c r="F2" s="283" t="s">
        <v>14</v>
      </c>
      <c r="G2" s="284"/>
      <c r="H2" s="283" t="s">
        <v>15</v>
      </c>
      <c r="I2" s="284"/>
      <c r="J2" s="283" t="s">
        <v>16</v>
      </c>
      <c r="K2" s="284"/>
      <c r="L2" s="283" t="s">
        <v>17</v>
      </c>
    </row>
    <row r="3" spans="1:12" s="10" customFormat="1" ht="12" x14ac:dyDescent="0.2">
      <c r="A3" s="10" t="s">
        <v>118</v>
      </c>
      <c r="F3" s="14"/>
      <c r="G3" s="9"/>
      <c r="H3" s="14"/>
      <c r="I3" s="9"/>
      <c r="K3" s="9"/>
    </row>
    <row r="4" spans="1:12" s="10" customFormat="1" ht="12" x14ac:dyDescent="0.2">
      <c r="B4" s="10" t="s">
        <v>119</v>
      </c>
      <c r="F4" s="204">
        <v>0.125</v>
      </c>
      <c r="G4" s="216"/>
      <c r="H4" s="204">
        <v>0.13500000000000001</v>
      </c>
      <c r="I4" s="216"/>
      <c r="J4" s="204">
        <v>0.13700000000000001</v>
      </c>
      <c r="K4" s="216"/>
      <c r="L4" s="204">
        <v>0.14599999999999999</v>
      </c>
    </row>
    <row r="5" spans="1:12" s="10" customFormat="1" ht="12" x14ac:dyDescent="0.2">
      <c r="B5" s="10" t="s">
        <v>120</v>
      </c>
      <c r="F5" s="94">
        <v>3397</v>
      </c>
      <c r="G5" s="94"/>
      <c r="H5" s="94">
        <v>3448</v>
      </c>
      <c r="I5" s="94"/>
      <c r="J5" s="94">
        <v>3591</v>
      </c>
      <c r="K5" s="94"/>
      <c r="L5" s="94">
        <v>3913</v>
      </c>
    </row>
    <row r="6" spans="1:12" s="10" customFormat="1" ht="12" x14ac:dyDescent="0.2">
      <c r="B6" s="10" t="s">
        <v>121</v>
      </c>
      <c r="F6" s="94">
        <v>98</v>
      </c>
      <c r="G6" s="94"/>
      <c r="H6" s="94">
        <v>298</v>
      </c>
      <c r="I6" s="94"/>
      <c r="J6" s="94">
        <v>338</v>
      </c>
      <c r="K6" s="94"/>
      <c r="L6" s="94">
        <v>369</v>
      </c>
    </row>
    <row r="7" spans="1:12" s="10" customFormat="1" ht="12" x14ac:dyDescent="0.2">
      <c r="A7" s="217" t="s">
        <v>122</v>
      </c>
      <c r="F7" s="94">
        <v>-20</v>
      </c>
      <c r="G7" s="202"/>
      <c r="H7" s="94">
        <v>-15</v>
      </c>
      <c r="I7" s="202"/>
      <c r="J7" s="94">
        <v>-10</v>
      </c>
      <c r="K7" s="202"/>
      <c r="L7" s="94">
        <v>0</v>
      </c>
    </row>
    <row r="8" spans="1:12" s="10" customFormat="1" ht="14.25" x14ac:dyDescent="0.2">
      <c r="A8" s="10" t="s">
        <v>123</v>
      </c>
      <c r="F8" s="99">
        <v>681</v>
      </c>
      <c r="G8" s="202"/>
      <c r="H8" s="99">
        <v>365</v>
      </c>
      <c r="I8" s="202"/>
      <c r="J8" s="99">
        <v>398</v>
      </c>
      <c r="K8" s="202"/>
      <c r="L8" s="99">
        <v>396</v>
      </c>
    </row>
    <row r="9" spans="1:12" s="10" customFormat="1" ht="6" customHeight="1" x14ac:dyDescent="0.2">
      <c r="F9" s="14"/>
      <c r="G9" s="218"/>
      <c r="H9" s="14"/>
      <c r="I9" s="218"/>
      <c r="J9" s="14"/>
      <c r="K9" s="218"/>
      <c r="L9" s="14"/>
    </row>
    <row r="10" spans="1:12" s="10" customFormat="1" ht="14.25" x14ac:dyDescent="0.2">
      <c r="A10" s="219" t="s">
        <v>124</v>
      </c>
      <c r="F10" s="38">
        <v>4156</v>
      </c>
      <c r="G10" s="220"/>
      <c r="H10" s="38">
        <v>4096</v>
      </c>
      <c r="I10" s="218"/>
      <c r="J10" s="38">
        <v>4317</v>
      </c>
      <c r="K10" s="218"/>
      <c r="L10" s="38">
        <v>4678</v>
      </c>
    </row>
    <row r="11" spans="1:12" s="10" customFormat="1" ht="12" hidden="1" x14ac:dyDescent="0.2">
      <c r="A11" s="10" t="s">
        <v>125</v>
      </c>
      <c r="F11" s="14">
        <v>2623</v>
      </c>
      <c r="G11" s="218"/>
      <c r="H11" s="14">
        <v>-60</v>
      </c>
      <c r="I11" s="218"/>
      <c r="J11" s="14">
        <v>221</v>
      </c>
      <c r="K11" s="218"/>
      <c r="L11" s="14">
        <v>361</v>
      </c>
    </row>
    <row r="12" spans="1:12" s="10" customFormat="1" ht="6" customHeight="1" x14ac:dyDescent="0.2">
      <c r="F12" s="206"/>
      <c r="G12" s="218"/>
      <c r="H12" s="14"/>
      <c r="I12" s="218"/>
      <c r="J12" s="14"/>
      <c r="K12" s="218"/>
      <c r="L12" s="14"/>
    </row>
    <row r="13" spans="1:12" s="10" customFormat="1" ht="12" x14ac:dyDescent="0.2">
      <c r="A13" s="10" t="s">
        <v>126</v>
      </c>
      <c r="F13" s="204">
        <v>0.49120918550412629</v>
      </c>
      <c r="G13" s="202"/>
      <c r="H13" s="204">
        <v>-1.443695861405192E-2</v>
      </c>
      <c r="I13" s="202"/>
      <c r="J13" s="204">
        <v>5.3955078125E-2</v>
      </c>
      <c r="K13" s="202"/>
      <c r="L13" s="204">
        <v>8.3622886263609031E-2</v>
      </c>
    </row>
    <row r="14" spans="1:12" s="10" customFormat="1" ht="6" customHeight="1" x14ac:dyDescent="0.2">
      <c r="A14" s="48"/>
      <c r="B14" s="31"/>
      <c r="C14" s="31"/>
      <c r="D14" s="31"/>
      <c r="E14" s="31"/>
      <c r="F14" s="102"/>
      <c r="G14" s="30"/>
      <c r="H14" s="102"/>
      <c r="I14" s="30"/>
      <c r="J14" s="102"/>
      <c r="K14" s="30"/>
      <c r="L14" s="102"/>
    </row>
    <row r="15" spans="1:12" s="10" customFormat="1" ht="12" x14ac:dyDescent="0.2">
      <c r="A15" s="12"/>
      <c r="F15" s="14"/>
      <c r="G15" s="9"/>
      <c r="H15" s="14"/>
      <c r="I15" s="9"/>
      <c r="J15" s="14"/>
      <c r="K15" s="9"/>
      <c r="L15" s="14"/>
    </row>
    <row r="16" spans="1:12" x14ac:dyDescent="0.2">
      <c r="A16" s="11"/>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M2000"/>
  <sheetViews>
    <sheetView showGridLines="0" zoomScaleNormal="100" zoomScaleSheetLayoutView="100" workbookViewId="0">
      <selection activeCell="E8" sqref="E8"/>
    </sheetView>
  </sheetViews>
  <sheetFormatPr defaultColWidth="12.5703125" defaultRowHeight="12.75" x14ac:dyDescent="0.2"/>
  <cols>
    <col min="1" max="1" width="1.28515625" style="235" customWidth="1"/>
    <col min="2" max="2" width="38" style="235" customWidth="1"/>
    <col min="3" max="3" width="7.42578125" style="235" customWidth="1"/>
    <col min="4" max="4" width="0.7109375" style="235" customWidth="1"/>
    <col min="5" max="5" width="7.42578125" style="235" customWidth="1"/>
    <col min="6" max="6" width="0.7109375" style="235" customWidth="1"/>
    <col min="7" max="7" width="7.42578125" style="235" customWidth="1"/>
    <col min="8" max="8" width="0.7109375" style="235" customWidth="1"/>
    <col min="9" max="9" width="7.42578125" style="235" customWidth="1"/>
    <col min="10" max="16384" width="12.5703125" style="235"/>
  </cols>
  <sheetData>
    <row r="1" spans="1:13" s="225" customFormat="1" ht="19.149999999999999" customHeight="1" x14ac:dyDescent="0.2">
      <c r="A1" s="221" t="s">
        <v>127</v>
      </c>
      <c r="B1" s="221"/>
      <c r="C1" s="222"/>
      <c r="D1" s="222"/>
      <c r="E1" s="221"/>
      <c r="F1" s="221"/>
      <c r="G1" s="222"/>
      <c r="H1" s="221"/>
      <c r="I1" s="222"/>
      <c r="J1" s="224"/>
      <c r="K1" s="223"/>
      <c r="L1" s="224"/>
      <c r="M1" s="223"/>
    </row>
    <row r="2" spans="1:13" s="226" customFormat="1" ht="15.6" customHeight="1" x14ac:dyDescent="0.2">
      <c r="A2" s="891" t="s">
        <v>128</v>
      </c>
      <c r="B2" s="891"/>
      <c r="C2" s="285" t="s">
        <v>14</v>
      </c>
      <c r="D2" s="285"/>
      <c r="E2" s="285" t="s">
        <v>15</v>
      </c>
      <c r="F2" s="285"/>
      <c r="G2" s="285" t="s">
        <v>16</v>
      </c>
      <c r="H2" s="285"/>
      <c r="I2" s="285" t="s">
        <v>17</v>
      </c>
    </row>
    <row r="3" spans="1:13" s="227" customFormat="1" ht="2.25" customHeight="1" x14ac:dyDescent="0.2">
      <c r="B3" s="228"/>
      <c r="C3" s="229"/>
      <c r="D3" s="229"/>
      <c r="E3" s="229"/>
      <c r="F3" s="229"/>
      <c r="G3" s="229"/>
      <c r="H3" s="229"/>
      <c r="I3" s="229"/>
    </row>
    <row r="4" spans="1:13" s="231" customFormat="1" ht="13.35" customHeight="1" x14ac:dyDescent="0.2">
      <c r="A4" s="230" t="s">
        <v>129</v>
      </c>
      <c r="C4" s="232">
        <v>7129</v>
      </c>
      <c r="D4" s="232"/>
      <c r="E4" s="232">
        <v>7428</v>
      </c>
      <c r="F4" s="232"/>
      <c r="G4" s="232">
        <v>7672</v>
      </c>
      <c r="H4" s="232"/>
      <c r="I4" s="232">
        <v>7989</v>
      </c>
    </row>
    <row r="5" spans="1:13" ht="3" customHeight="1" x14ac:dyDescent="0.2">
      <c r="A5" s="233"/>
      <c r="B5" s="233"/>
      <c r="C5" s="234"/>
      <c r="D5" s="234"/>
      <c r="E5" s="234"/>
      <c r="F5" s="234"/>
      <c r="G5" s="234"/>
      <c r="H5" s="234"/>
      <c r="I5" s="234"/>
    </row>
    <row r="6" spans="1:13" ht="2.4500000000000002" customHeight="1" x14ac:dyDescent="0.2">
      <c r="C6" s="236"/>
      <c r="D6" s="236"/>
      <c r="E6" s="236"/>
      <c r="F6" s="236"/>
      <c r="G6" s="236"/>
      <c r="H6" s="236"/>
      <c r="I6" s="236"/>
    </row>
    <row r="7" spans="1:13" s="226" customFormat="1" ht="14.25" customHeight="1" x14ac:dyDescent="0.2">
      <c r="A7" s="237"/>
      <c r="B7" s="238" t="s">
        <v>130</v>
      </c>
      <c r="C7" s="239">
        <v>2017</v>
      </c>
      <c r="D7" s="239"/>
      <c r="E7" s="239">
        <v>2018</v>
      </c>
      <c r="F7" s="239"/>
      <c r="G7" s="239">
        <v>2019</v>
      </c>
      <c r="H7" s="239"/>
      <c r="I7" s="239">
        <v>2020</v>
      </c>
    </row>
    <row r="8" spans="1:13" s="226" customFormat="1" ht="14.25" customHeight="1" x14ac:dyDescent="0.2">
      <c r="A8" s="240"/>
      <c r="B8" s="161" t="s">
        <v>131</v>
      </c>
      <c r="C8" s="241">
        <v>0.14000000000000001</v>
      </c>
      <c r="D8" s="242"/>
      <c r="E8" s="241">
        <v>2.5999999999999999E-2</v>
      </c>
      <c r="F8" s="241"/>
      <c r="G8" s="241">
        <v>2.3E-2</v>
      </c>
      <c r="H8" s="241"/>
      <c r="I8" s="241">
        <v>2.1999999999999999E-2</v>
      </c>
    </row>
    <row r="9" spans="1:13" s="243" customFormat="1" ht="12.6" customHeight="1" x14ac:dyDescent="0.2">
      <c r="B9" s="161" t="s">
        <v>132</v>
      </c>
      <c r="C9" s="241">
        <v>7.1999999999999995E-2</v>
      </c>
      <c r="D9" s="241"/>
      <c r="E9" s="241">
        <v>0.05</v>
      </c>
      <c r="F9" s="241"/>
      <c r="G9" s="241">
        <v>4.5999999999999999E-2</v>
      </c>
      <c r="H9" s="241"/>
      <c r="I9" s="241">
        <v>4.7E-2</v>
      </c>
    </row>
    <row r="10" spans="1:13" s="243" customFormat="1" ht="12.6" customHeight="1" x14ac:dyDescent="0.2">
      <c r="B10" s="243" t="s">
        <v>133</v>
      </c>
      <c r="C10" s="241">
        <v>6.9000000000000006E-2</v>
      </c>
      <c r="D10" s="241"/>
      <c r="E10" s="241">
        <v>6.8000000000000005E-2</v>
      </c>
      <c r="F10" s="241"/>
      <c r="G10" s="241">
        <v>5.7000000000000002E-2</v>
      </c>
      <c r="H10" s="241"/>
      <c r="I10" s="241">
        <v>5.0999999999999997E-2</v>
      </c>
    </row>
    <row r="11" spans="1:13" s="243" customFormat="1" ht="12.6" customHeight="1" x14ac:dyDescent="0.2">
      <c r="B11" s="243" t="s">
        <v>134</v>
      </c>
      <c r="C11" s="241">
        <v>7.0000000000000007E-2</v>
      </c>
      <c r="D11" s="241"/>
      <c r="E11" s="241">
        <v>-1E-3</v>
      </c>
      <c r="F11" s="241"/>
      <c r="G11" s="241">
        <v>2.3E-2</v>
      </c>
      <c r="H11" s="241"/>
      <c r="I11" s="241">
        <v>2.1000000000000001E-2</v>
      </c>
    </row>
    <row r="12" spans="1:13" s="243" customFormat="1" ht="12.6" customHeight="1" x14ac:dyDescent="0.2">
      <c r="B12" s="243" t="s">
        <v>135</v>
      </c>
      <c r="C12" s="241">
        <v>5.8999999999999997E-2</v>
      </c>
      <c r="D12" s="241"/>
      <c r="E12" s="241">
        <v>4.3999999999999997E-2</v>
      </c>
      <c r="F12" s="241"/>
      <c r="G12" s="241">
        <v>0.04</v>
      </c>
      <c r="H12" s="241"/>
      <c r="I12" s="241">
        <v>3.9E-2</v>
      </c>
    </row>
    <row r="13" spans="1:13" s="243" customFormat="1" ht="12.6" customHeight="1" x14ac:dyDescent="0.2">
      <c r="B13" s="243" t="s">
        <v>136</v>
      </c>
      <c r="C13" s="241">
        <v>9.5000000000000001E-2</v>
      </c>
      <c r="D13" s="241"/>
      <c r="E13" s="241">
        <v>4.2999999999999997E-2</v>
      </c>
      <c r="F13" s="241"/>
      <c r="G13" s="241">
        <v>3.7999999999999999E-2</v>
      </c>
      <c r="H13" s="241"/>
      <c r="I13" s="241">
        <v>3.6999999999999998E-2</v>
      </c>
    </row>
    <row r="14" spans="1:13" ht="1.9" customHeight="1" x14ac:dyDescent="0.2">
      <c r="A14" s="233"/>
      <c r="B14" s="233"/>
      <c r="C14" s="234"/>
      <c r="D14" s="234"/>
      <c r="E14" s="234"/>
      <c r="F14" s="234"/>
      <c r="G14" s="234"/>
      <c r="H14" s="234"/>
      <c r="I14" s="234"/>
    </row>
    <row r="15" spans="1:13" ht="1.9" customHeight="1" x14ac:dyDescent="0.2">
      <c r="C15" s="236"/>
      <c r="D15" s="236"/>
      <c r="E15" s="236"/>
      <c r="F15" s="236"/>
      <c r="G15" s="236"/>
      <c r="H15" s="236"/>
      <c r="I15" s="236"/>
    </row>
    <row r="16" spans="1:13" ht="15.6" customHeight="1" x14ac:dyDescent="0.2">
      <c r="A16" s="892"/>
      <c r="B16" s="892"/>
      <c r="C16" s="892"/>
      <c r="D16" s="892"/>
      <c r="E16" s="892"/>
      <c r="F16" s="892"/>
      <c r="G16" s="892"/>
      <c r="H16" s="892"/>
      <c r="I16" s="892"/>
    </row>
    <row r="17" spans="3:9" x14ac:dyDescent="0.2">
      <c r="C17" s="236"/>
      <c r="D17" s="236"/>
      <c r="E17" s="236"/>
      <c r="F17" s="236"/>
      <c r="G17" s="236"/>
      <c r="H17" s="236"/>
      <c r="I17" s="236"/>
    </row>
    <row r="18" spans="3:9" x14ac:dyDescent="0.2">
      <c r="C18" s="236"/>
      <c r="D18" s="236"/>
      <c r="E18" s="236"/>
      <c r="F18" s="236"/>
      <c r="G18" s="236"/>
      <c r="H18" s="236"/>
      <c r="I18" s="236"/>
    </row>
    <row r="19" spans="3:9" x14ac:dyDescent="0.2">
      <c r="C19" s="236"/>
      <c r="D19" s="236"/>
      <c r="E19" s="236"/>
      <c r="F19" s="236"/>
      <c r="G19" s="236"/>
      <c r="H19" s="236"/>
      <c r="I19" s="236"/>
    </row>
    <row r="20" spans="3:9" x14ac:dyDescent="0.2">
      <c r="C20" s="236"/>
      <c r="D20" s="236"/>
      <c r="E20" s="236"/>
      <c r="F20" s="236"/>
      <c r="G20" s="236"/>
      <c r="H20" s="236"/>
      <c r="I20" s="236"/>
    </row>
    <row r="21" spans="3:9" x14ac:dyDescent="0.2">
      <c r="C21" s="236"/>
      <c r="D21" s="236"/>
      <c r="E21" s="236"/>
      <c r="F21" s="236"/>
      <c r="G21" s="236"/>
      <c r="H21" s="236"/>
      <c r="I21" s="236"/>
    </row>
    <row r="22" spans="3:9" x14ac:dyDescent="0.2">
      <c r="C22" s="236"/>
      <c r="D22" s="236"/>
      <c r="E22" s="236"/>
      <c r="F22" s="236"/>
      <c r="G22" s="236"/>
      <c r="H22" s="236"/>
      <c r="I22" s="236"/>
    </row>
    <row r="23" spans="3:9" x14ac:dyDescent="0.2">
      <c r="C23" s="236"/>
      <c r="D23" s="236"/>
      <c r="E23" s="236"/>
      <c r="F23" s="236"/>
      <c r="G23" s="236"/>
      <c r="H23" s="236"/>
      <c r="I23" s="236"/>
    </row>
    <row r="24" spans="3:9" x14ac:dyDescent="0.2">
      <c r="C24" s="236"/>
      <c r="D24" s="236"/>
      <c r="E24" s="236"/>
      <c r="F24" s="236"/>
      <c r="G24" s="236"/>
      <c r="H24" s="236"/>
      <c r="I24" s="236"/>
    </row>
    <row r="25" spans="3:9" x14ac:dyDescent="0.2">
      <c r="C25" s="236"/>
      <c r="D25" s="236"/>
      <c r="E25" s="236"/>
      <c r="F25" s="236"/>
      <c r="G25" s="236"/>
      <c r="H25" s="236"/>
      <c r="I25" s="236"/>
    </row>
    <row r="26" spans="3:9" x14ac:dyDescent="0.2">
      <c r="C26" s="236"/>
      <c r="D26" s="236"/>
      <c r="E26" s="236"/>
      <c r="F26" s="236"/>
      <c r="G26" s="236"/>
      <c r="H26" s="236"/>
      <c r="I26" s="236"/>
    </row>
    <row r="27" spans="3:9" x14ac:dyDescent="0.2">
      <c r="C27" s="236"/>
      <c r="D27" s="236"/>
      <c r="E27" s="236"/>
      <c r="F27" s="236"/>
      <c r="G27" s="236"/>
      <c r="H27" s="236"/>
      <c r="I27" s="236"/>
    </row>
    <row r="28" spans="3:9" x14ac:dyDescent="0.2">
      <c r="C28" s="236"/>
      <c r="D28" s="236"/>
      <c r="E28" s="236"/>
      <c r="F28" s="236"/>
      <c r="G28" s="236"/>
      <c r="H28" s="236"/>
      <c r="I28" s="236"/>
    </row>
    <row r="29" spans="3:9" x14ac:dyDescent="0.2">
      <c r="C29" s="236"/>
      <c r="D29" s="236"/>
      <c r="E29" s="236"/>
      <c r="F29" s="236"/>
      <c r="G29" s="236"/>
      <c r="H29" s="236"/>
      <c r="I29" s="236"/>
    </row>
    <row r="30" spans="3:9" x14ac:dyDescent="0.2">
      <c r="C30" s="236"/>
      <c r="D30" s="236"/>
      <c r="E30" s="236"/>
      <c r="F30" s="236"/>
      <c r="G30" s="236"/>
      <c r="H30" s="236"/>
      <c r="I30" s="236"/>
    </row>
    <row r="31" spans="3:9" x14ac:dyDescent="0.2">
      <c r="C31" s="236"/>
      <c r="D31" s="236"/>
      <c r="E31" s="236"/>
      <c r="F31" s="236"/>
      <c r="G31" s="236"/>
      <c r="H31" s="236"/>
      <c r="I31" s="236"/>
    </row>
    <row r="32" spans="3:9" x14ac:dyDescent="0.2">
      <c r="C32" s="236"/>
      <c r="D32" s="236"/>
      <c r="E32" s="236"/>
      <c r="F32" s="236"/>
      <c r="G32" s="236"/>
      <c r="H32" s="236"/>
      <c r="I32" s="236"/>
    </row>
    <row r="33" spans="3:9" x14ac:dyDescent="0.2">
      <c r="C33" s="236"/>
      <c r="D33" s="236"/>
      <c r="E33" s="236"/>
      <c r="F33" s="236"/>
      <c r="G33" s="236"/>
      <c r="H33" s="236"/>
      <c r="I33" s="236"/>
    </row>
    <row r="34" spans="3:9" x14ac:dyDescent="0.2">
      <c r="C34" s="236"/>
      <c r="D34" s="236"/>
      <c r="E34" s="236"/>
      <c r="F34" s="236"/>
      <c r="G34" s="236"/>
      <c r="H34" s="236"/>
      <c r="I34" s="236"/>
    </row>
    <row r="35" spans="3:9" x14ac:dyDescent="0.2">
      <c r="C35" s="236"/>
      <c r="D35" s="236"/>
      <c r="E35" s="236"/>
      <c r="F35" s="236"/>
      <c r="G35" s="236"/>
      <c r="H35" s="236"/>
      <c r="I35" s="236"/>
    </row>
    <row r="36" spans="3:9" x14ac:dyDescent="0.2">
      <c r="C36" s="236"/>
      <c r="D36" s="236"/>
      <c r="E36" s="236"/>
      <c r="F36" s="236"/>
      <c r="G36" s="236"/>
      <c r="H36" s="236"/>
      <c r="I36" s="236"/>
    </row>
    <row r="37" spans="3:9" x14ac:dyDescent="0.2">
      <c r="C37" s="236"/>
      <c r="D37" s="236"/>
      <c r="E37" s="236"/>
      <c r="F37" s="236"/>
      <c r="G37" s="236"/>
      <c r="H37" s="236"/>
      <c r="I37" s="236"/>
    </row>
    <row r="38" spans="3:9" x14ac:dyDescent="0.2">
      <c r="C38" s="236"/>
      <c r="D38" s="236"/>
      <c r="E38" s="236"/>
      <c r="F38" s="236"/>
      <c r="G38" s="236"/>
      <c r="H38" s="236"/>
      <c r="I38" s="236"/>
    </row>
    <row r="39" spans="3:9" x14ac:dyDescent="0.2">
      <c r="C39" s="236"/>
      <c r="D39" s="236"/>
      <c r="E39" s="236"/>
      <c r="F39" s="236"/>
      <c r="G39" s="236"/>
      <c r="H39" s="236"/>
      <c r="I39" s="236"/>
    </row>
    <row r="40" spans="3:9" x14ac:dyDescent="0.2">
      <c r="C40" s="236"/>
      <c r="D40" s="236"/>
      <c r="E40" s="236"/>
      <c r="F40" s="236"/>
      <c r="G40" s="236"/>
      <c r="H40" s="236"/>
      <c r="I40" s="236"/>
    </row>
    <row r="41" spans="3:9" x14ac:dyDescent="0.2">
      <c r="C41" s="236"/>
      <c r="D41" s="236"/>
      <c r="E41" s="236"/>
      <c r="F41" s="236"/>
      <c r="G41" s="236"/>
      <c r="H41" s="236"/>
      <c r="I41" s="236"/>
    </row>
    <row r="42" spans="3:9" x14ac:dyDescent="0.2">
      <c r="C42" s="236"/>
      <c r="D42" s="236"/>
      <c r="E42" s="236"/>
      <c r="F42" s="236"/>
      <c r="G42" s="236"/>
      <c r="H42" s="236"/>
      <c r="I42" s="236"/>
    </row>
    <row r="43" spans="3:9" x14ac:dyDescent="0.2">
      <c r="C43" s="236"/>
      <c r="D43" s="236"/>
      <c r="E43" s="236"/>
      <c r="F43" s="236"/>
      <c r="G43" s="236"/>
      <c r="H43" s="236"/>
      <c r="I43" s="236"/>
    </row>
    <row r="44" spans="3:9" x14ac:dyDescent="0.2">
      <c r="C44" s="236"/>
      <c r="D44" s="236"/>
      <c r="E44" s="236"/>
      <c r="F44" s="236"/>
      <c r="G44" s="236"/>
      <c r="H44" s="236"/>
      <c r="I44" s="236"/>
    </row>
    <row r="45" spans="3:9" x14ac:dyDescent="0.2">
      <c r="C45" s="236"/>
      <c r="D45" s="236"/>
      <c r="E45" s="236"/>
      <c r="F45" s="236"/>
      <c r="G45" s="236"/>
      <c r="H45" s="236"/>
      <c r="I45" s="236"/>
    </row>
    <row r="46" spans="3:9" x14ac:dyDescent="0.2">
      <c r="C46" s="236"/>
      <c r="D46" s="236"/>
      <c r="E46" s="236"/>
      <c r="F46" s="236"/>
      <c r="G46" s="236"/>
      <c r="H46" s="236"/>
      <c r="I46" s="236"/>
    </row>
    <row r="47" spans="3:9" x14ac:dyDescent="0.2">
      <c r="C47" s="236"/>
      <c r="D47" s="236"/>
      <c r="E47" s="236"/>
      <c r="F47" s="236"/>
      <c r="G47" s="236"/>
      <c r="H47" s="236"/>
      <c r="I47" s="236"/>
    </row>
    <row r="48" spans="3:9" x14ac:dyDescent="0.2">
      <c r="C48" s="236"/>
      <c r="D48" s="236"/>
      <c r="E48" s="236"/>
      <c r="F48" s="236"/>
      <c r="G48" s="236"/>
      <c r="H48" s="236"/>
      <c r="I48" s="236"/>
    </row>
    <row r="49" spans="3:9" x14ac:dyDescent="0.2">
      <c r="C49" s="236"/>
      <c r="D49" s="236"/>
      <c r="E49" s="236"/>
      <c r="F49" s="236"/>
      <c r="G49" s="236"/>
      <c r="H49" s="236"/>
      <c r="I49" s="236"/>
    </row>
    <row r="50" spans="3:9" x14ac:dyDescent="0.2">
      <c r="C50" s="236"/>
      <c r="D50" s="236"/>
      <c r="E50" s="236"/>
      <c r="F50" s="236"/>
      <c r="G50" s="236"/>
      <c r="H50" s="236"/>
      <c r="I50" s="236"/>
    </row>
    <row r="51" spans="3:9" x14ac:dyDescent="0.2">
      <c r="C51" s="236"/>
      <c r="D51" s="236"/>
      <c r="E51" s="236"/>
      <c r="F51" s="236"/>
      <c r="G51" s="236"/>
      <c r="H51" s="236"/>
      <c r="I51" s="236"/>
    </row>
    <row r="52" spans="3:9" x14ac:dyDescent="0.2">
      <c r="C52" s="236"/>
      <c r="D52" s="236"/>
      <c r="E52" s="236"/>
      <c r="F52" s="236"/>
      <c r="G52" s="236"/>
      <c r="H52" s="236"/>
      <c r="I52" s="236"/>
    </row>
    <row r="53" spans="3:9" x14ac:dyDescent="0.2">
      <c r="C53" s="236"/>
      <c r="D53" s="236"/>
      <c r="E53" s="236"/>
      <c r="F53" s="236"/>
      <c r="G53" s="236"/>
      <c r="H53" s="236"/>
      <c r="I53" s="236"/>
    </row>
    <row r="54" spans="3:9" x14ac:dyDescent="0.2">
      <c r="C54" s="236"/>
      <c r="D54" s="236"/>
      <c r="E54" s="236"/>
      <c r="F54" s="236"/>
      <c r="G54" s="236"/>
      <c r="H54" s="236"/>
      <c r="I54" s="236"/>
    </row>
    <row r="55" spans="3:9" x14ac:dyDescent="0.2">
      <c r="C55" s="236"/>
      <c r="D55" s="236"/>
      <c r="E55" s="236"/>
      <c r="F55" s="236"/>
      <c r="G55" s="236"/>
      <c r="H55" s="236"/>
      <c r="I55" s="236"/>
    </row>
    <row r="56" spans="3:9" x14ac:dyDescent="0.2">
      <c r="C56" s="236"/>
      <c r="D56" s="236"/>
      <c r="E56" s="236"/>
      <c r="F56" s="236"/>
      <c r="G56" s="236"/>
      <c r="H56" s="236"/>
      <c r="I56" s="236"/>
    </row>
    <row r="57" spans="3:9" x14ac:dyDescent="0.2">
      <c r="C57" s="236"/>
      <c r="D57" s="236"/>
      <c r="E57" s="236"/>
      <c r="F57" s="236"/>
      <c r="G57" s="236"/>
      <c r="H57" s="236"/>
      <c r="I57" s="236"/>
    </row>
    <row r="58" spans="3:9" x14ac:dyDescent="0.2">
      <c r="C58" s="236"/>
      <c r="D58" s="236"/>
      <c r="E58" s="236"/>
      <c r="F58" s="236"/>
      <c r="G58" s="236"/>
      <c r="H58" s="236"/>
      <c r="I58" s="236"/>
    </row>
    <row r="59" spans="3:9" x14ac:dyDescent="0.2">
      <c r="C59" s="236"/>
      <c r="D59" s="236"/>
      <c r="E59" s="236"/>
      <c r="F59" s="236"/>
      <c r="G59" s="236"/>
      <c r="H59" s="236"/>
      <c r="I59" s="236"/>
    </row>
    <row r="60" spans="3:9" x14ac:dyDescent="0.2">
      <c r="C60" s="236"/>
      <c r="D60" s="236"/>
      <c r="E60" s="236"/>
      <c r="F60" s="236"/>
      <c r="G60" s="236"/>
      <c r="H60" s="236"/>
      <c r="I60" s="236"/>
    </row>
    <row r="61" spans="3:9" x14ac:dyDescent="0.2">
      <c r="C61" s="236"/>
      <c r="D61" s="236"/>
      <c r="E61" s="236"/>
      <c r="F61" s="236"/>
      <c r="G61" s="236"/>
      <c r="H61" s="236"/>
      <c r="I61" s="236"/>
    </row>
    <row r="62" spans="3:9" x14ac:dyDescent="0.2">
      <c r="C62" s="236"/>
      <c r="D62" s="236"/>
      <c r="E62" s="236"/>
      <c r="F62" s="236"/>
      <c r="G62" s="236"/>
      <c r="H62" s="236"/>
      <c r="I62" s="236"/>
    </row>
    <row r="63" spans="3:9" x14ac:dyDescent="0.2">
      <c r="C63" s="236"/>
      <c r="D63" s="236"/>
      <c r="E63" s="236"/>
      <c r="F63" s="236"/>
      <c r="G63" s="236"/>
      <c r="H63" s="236"/>
      <c r="I63" s="236"/>
    </row>
    <row r="64" spans="3:9" x14ac:dyDescent="0.2">
      <c r="C64" s="236"/>
      <c r="D64" s="236"/>
      <c r="E64" s="236"/>
      <c r="F64" s="236"/>
      <c r="G64" s="236"/>
      <c r="H64" s="236"/>
      <c r="I64" s="236"/>
    </row>
    <row r="65" spans="3:9" x14ac:dyDescent="0.2">
      <c r="C65" s="236"/>
      <c r="D65" s="236"/>
      <c r="E65" s="236"/>
      <c r="F65" s="236"/>
      <c r="G65" s="236"/>
      <c r="H65" s="236"/>
      <c r="I65" s="236"/>
    </row>
    <row r="66" spans="3:9" x14ac:dyDescent="0.2">
      <c r="C66" s="236"/>
      <c r="D66" s="236"/>
      <c r="E66" s="236"/>
      <c r="F66" s="236"/>
      <c r="G66" s="236"/>
      <c r="H66" s="236"/>
      <c r="I66" s="236"/>
    </row>
    <row r="67" spans="3:9" x14ac:dyDescent="0.2">
      <c r="C67" s="236"/>
      <c r="D67" s="236"/>
      <c r="E67" s="236"/>
      <c r="F67" s="236"/>
      <c r="G67" s="236"/>
      <c r="H67" s="236"/>
      <c r="I67" s="236"/>
    </row>
    <row r="68" spans="3:9" x14ac:dyDescent="0.2">
      <c r="C68" s="236"/>
      <c r="D68" s="236"/>
      <c r="E68" s="236"/>
      <c r="F68" s="236"/>
      <c r="G68" s="236"/>
      <c r="H68" s="236"/>
      <c r="I68" s="236"/>
    </row>
    <row r="69" spans="3:9" x14ac:dyDescent="0.2">
      <c r="C69" s="236"/>
      <c r="D69" s="236"/>
      <c r="E69" s="236"/>
      <c r="F69" s="236"/>
      <c r="G69" s="236"/>
      <c r="H69" s="236"/>
      <c r="I69" s="236"/>
    </row>
    <row r="70" spans="3:9" x14ac:dyDescent="0.2">
      <c r="C70" s="236"/>
      <c r="D70" s="236"/>
      <c r="E70" s="236"/>
      <c r="F70" s="236"/>
      <c r="G70" s="236"/>
      <c r="H70" s="236"/>
      <c r="I70" s="236"/>
    </row>
    <row r="71" spans="3:9" x14ac:dyDescent="0.2">
      <c r="C71" s="236"/>
      <c r="D71" s="236"/>
      <c r="E71" s="236"/>
      <c r="F71" s="236"/>
      <c r="G71" s="236"/>
      <c r="H71" s="236"/>
      <c r="I71" s="236"/>
    </row>
    <row r="72" spans="3:9" x14ac:dyDescent="0.2">
      <c r="C72" s="236"/>
      <c r="D72" s="236"/>
      <c r="E72" s="236"/>
      <c r="F72" s="236"/>
      <c r="G72" s="236"/>
      <c r="H72" s="236"/>
      <c r="I72" s="236"/>
    </row>
    <row r="73" spans="3:9" x14ac:dyDescent="0.2">
      <c r="C73" s="236"/>
      <c r="D73" s="236"/>
      <c r="E73" s="236"/>
      <c r="F73" s="236"/>
      <c r="G73" s="236"/>
      <c r="H73" s="236"/>
      <c r="I73" s="236"/>
    </row>
    <row r="74" spans="3:9" x14ac:dyDescent="0.2">
      <c r="C74" s="236"/>
      <c r="D74" s="236"/>
      <c r="E74" s="236"/>
      <c r="F74" s="236"/>
      <c r="G74" s="236"/>
      <c r="H74" s="236"/>
      <c r="I74" s="236"/>
    </row>
    <row r="75" spans="3:9" x14ac:dyDescent="0.2">
      <c r="C75" s="236"/>
      <c r="D75" s="236"/>
      <c r="E75" s="236"/>
      <c r="F75" s="236"/>
      <c r="G75" s="236"/>
      <c r="H75" s="236"/>
      <c r="I75" s="236"/>
    </row>
    <row r="76" spans="3:9" x14ac:dyDescent="0.2">
      <c r="C76" s="236"/>
      <c r="D76" s="236"/>
      <c r="E76" s="236"/>
      <c r="F76" s="236"/>
      <c r="G76" s="236"/>
      <c r="H76" s="236"/>
      <c r="I76" s="236"/>
    </row>
    <row r="77" spans="3:9" x14ac:dyDescent="0.2">
      <c r="C77" s="236"/>
      <c r="D77" s="236"/>
      <c r="E77" s="236"/>
      <c r="F77" s="236"/>
      <c r="G77" s="236"/>
      <c r="H77" s="236"/>
      <c r="I77" s="236"/>
    </row>
    <row r="78" spans="3:9" x14ac:dyDescent="0.2">
      <c r="C78" s="236"/>
      <c r="D78" s="236"/>
      <c r="E78" s="236"/>
      <c r="F78" s="236"/>
      <c r="G78" s="236"/>
      <c r="H78" s="236"/>
      <c r="I78" s="236"/>
    </row>
    <row r="79" spans="3:9" x14ac:dyDescent="0.2">
      <c r="C79" s="236"/>
      <c r="D79" s="236"/>
      <c r="E79" s="236"/>
      <c r="F79" s="236"/>
      <c r="G79" s="236"/>
      <c r="H79" s="236"/>
      <c r="I79" s="236"/>
    </row>
    <row r="80" spans="3:9" x14ac:dyDescent="0.2">
      <c r="C80" s="236"/>
      <c r="D80" s="236"/>
      <c r="E80" s="236"/>
      <c r="F80" s="236"/>
      <c r="G80" s="236"/>
      <c r="H80" s="236"/>
      <c r="I80" s="236"/>
    </row>
    <row r="81" spans="3:9" x14ac:dyDescent="0.2">
      <c r="C81" s="236"/>
      <c r="D81" s="236"/>
      <c r="E81" s="236"/>
      <c r="F81" s="236"/>
      <c r="G81" s="236"/>
      <c r="H81" s="236"/>
      <c r="I81" s="236"/>
    </row>
    <row r="82" spans="3:9" x14ac:dyDescent="0.2">
      <c r="C82" s="236"/>
      <c r="D82" s="236"/>
      <c r="E82" s="236"/>
      <c r="F82" s="236"/>
      <c r="G82" s="236"/>
      <c r="H82" s="236"/>
      <c r="I82" s="236"/>
    </row>
    <row r="83" spans="3:9" x14ac:dyDescent="0.2">
      <c r="C83" s="236"/>
      <c r="D83" s="236"/>
      <c r="E83" s="236"/>
      <c r="F83" s="236"/>
      <c r="G83" s="236"/>
      <c r="H83" s="236"/>
      <c r="I83" s="236"/>
    </row>
    <row r="84" spans="3:9" x14ac:dyDescent="0.2">
      <c r="C84" s="236"/>
      <c r="D84" s="236"/>
      <c r="E84" s="236"/>
      <c r="F84" s="236"/>
      <c r="G84" s="236"/>
      <c r="H84" s="236"/>
      <c r="I84" s="236"/>
    </row>
    <row r="85" spans="3:9" x14ac:dyDescent="0.2">
      <c r="C85" s="236"/>
      <c r="D85" s="236"/>
      <c r="E85" s="236"/>
      <c r="F85" s="236"/>
      <c r="G85" s="236"/>
      <c r="H85" s="236"/>
      <c r="I85" s="236"/>
    </row>
    <row r="86" spans="3:9" x14ac:dyDescent="0.2">
      <c r="C86" s="236"/>
      <c r="D86" s="236"/>
      <c r="E86" s="236"/>
      <c r="F86" s="236"/>
      <c r="G86" s="236"/>
      <c r="H86" s="236"/>
      <c r="I86" s="236"/>
    </row>
    <row r="87" spans="3:9" x14ac:dyDescent="0.2">
      <c r="C87" s="236"/>
      <c r="D87" s="236"/>
      <c r="E87" s="236"/>
      <c r="F87" s="236"/>
      <c r="G87" s="236"/>
      <c r="H87" s="236"/>
      <c r="I87" s="236"/>
    </row>
    <row r="88" spans="3:9" x14ac:dyDescent="0.2">
      <c r="C88" s="236"/>
      <c r="D88" s="236"/>
      <c r="E88" s="236"/>
      <c r="F88" s="236"/>
      <c r="G88" s="236"/>
      <c r="H88" s="236"/>
      <c r="I88" s="236"/>
    </row>
    <row r="89" spans="3:9" x14ac:dyDescent="0.2">
      <c r="C89" s="236"/>
      <c r="D89" s="236"/>
      <c r="E89" s="236"/>
      <c r="F89" s="236"/>
      <c r="G89" s="236"/>
      <c r="H89" s="236"/>
      <c r="I89" s="236"/>
    </row>
    <row r="90" spans="3:9" x14ac:dyDescent="0.2">
      <c r="C90" s="236"/>
      <c r="D90" s="236"/>
      <c r="E90" s="236"/>
      <c r="F90" s="236"/>
      <c r="G90" s="236"/>
      <c r="H90" s="236"/>
      <c r="I90" s="236"/>
    </row>
    <row r="91" spans="3:9" x14ac:dyDescent="0.2">
      <c r="C91" s="236"/>
      <c r="D91" s="236"/>
      <c r="E91" s="236"/>
      <c r="F91" s="236"/>
      <c r="G91" s="236"/>
      <c r="H91" s="236"/>
      <c r="I91" s="236"/>
    </row>
    <row r="92" spans="3:9" x14ac:dyDescent="0.2">
      <c r="C92" s="236"/>
      <c r="D92" s="236"/>
      <c r="E92" s="236"/>
      <c r="F92" s="236"/>
      <c r="G92" s="236"/>
      <c r="H92" s="236"/>
      <c r="I92" s="236"/>
    </row>
    <row r="93" spans="3:9" x14ac:dyDescent="0.2">
      <c r="C93" s="236"/>
      <c r="D93" s="236"/>
      <c r="E93" s="236"/>
      <c r="F93" s="236"/>
      <c r="G93" s="236"/>
      <c r="H93" s="236"/>
      <c r="I93" s="236"/>
    </row>
    <row r="94" spans="3:9" x14ac:dyDescent="0.2">
      <c r="C94" s="236"/>
      <c r="D94" s="236"/>
      <c r="E94" s="236"/>
      <c r="F94" s="236"/>
      <c r="G94" s="236"/>
      <c r="H94" s="236"/>
      <c r="I94" s="236"/>
    </row>
    <row r="95" spans="3:9" x14ac:dyDescent="0.2">
      <c r="C95" s="236"/>
      <c r="D95" s="236"/>
      <c r="E95" s="236"/>
      <c r="F95" s="236"/>
      <c r="G95" s="236"/>
      <c r="H95" s="236"/>
      <c r="I95" s="236"/>
    </row>
    <row r="96" spans="3:9" x14ac:dyDescent="0.2">
      <c r="C96" s="236"/>
      <c r="D96" s="236"/>
      <c r="E96" s="236"/>
      <c r="F96" s="236"/>
      <c r="G96" s="236"/>
      <c r="H96" s="236"/>
      <c r="I96" s="236"/>
    </row>
    <row r="97" spans="3:9" x14ac:dyDescent="0.2">
      <c r="C97" s="236"/>
      <c r="D97" s="236"/>
      <c r="E97" s="236"/>
      <c r="F97" s="236"/>
      <c r="G97" s="236"/>
      <c r="H97" s="236"/>
      <c r="I97" s="236"/>
    </row>
    <row r="98" spans="3:9" x14ac:dyDescent="0.2">
      <c r="C98" s="236"/>
      <c r="D98" s="236"/>
      <c r="E98" s="236"/>
      <c r="F98" s="236"/>
      <c r="G98" s="236"/>
      <c r="H98" s="236"/>
      <c r="I98" s="236"/>
    </row>
    <row r="99" spans="3:9" x14ac:dyDescent="0.2">
      <c r="C99" s="236"/>
      <c r="D99" s="236"/>
      <c r="E99" s="236"/>
      <c r="F99" s="236"/>
      <c r="G99" s="236"/>
      <c r="H99" s="236"/>
      <c r="I99" s="236"/>
    </row>
    <row r="100" spans="3:9" x14ac:dyDescent="0.2">
      <c r="C100" s="236"/>
      <c r="D100" s="236"/>
      <c r="E100" s="236"/>
      <c r="F100" s="236"/>
      <c r="G100" s="236"/>
      <c r="H100" s="236"/>
      <c r="I100" s="236"/>
    </row>
    <row r="101" spans="3:9" x14ac:dyDescent="0.2">
      <c r="C101" s="236"/>
      <c r="D101" s="236"/>
      <c r="E101" s="236"/>
      <c r="F101" s="236"/>
      <c r="G101" s="236"/>
      <c r="H101" s="236"/>
      <c r="I101" s="236"/>
    </row>
    <row r="102" spans="3:9" x14ac:dyDescent="0.2">
      <c r="C102" s="236"/>
      <c r="D102" s="236"/>
      <c r="E102" s="236"/>
      <c r="F102" s="236"/>
      <c r="G102" s="236"/>
      <c r="H102" s="236"/>
      <c r="I102" s="236"/>
    </row>
    <row r="103" spans="3:9" x14ac:dyDescent="0.2">
      <c r="C103" s="236"/>
      <c r="D103" s="236"/>
      <c r="E103" s="236"/>
      <c r="F103" s="236"/>
      <c r="G103" s="236"/>
      <c r="H103" s="236"/>
      <c r="I103" s="236"/>
    </row>
    <row r="104" spans="3:9" x14ac:dyDescent="0.2">
      <c r="C104" s="236"/>
      <c r="D104" s="236"/>
      <c r="E104" s="236"/>
      <c r="F104" s="236"/>
      <c r="G104" s="236"/>
      <c r="H104" s="236"/>
      <c r="I104" s="236"/>
    </row>
    <row r="105" spans="3:9" x14ac:dyDescent="0.2">
      <c r="C105" s="236"/>
      <c r="D105" s="236"/>
      <c r="E105" s="236"/>
      <c r="F105" s="236"/>
      <c r="G105" s="236"/>
      <c r="H105" s="236"/>
      <c r="I105" s="236"/>
    </row>
    <row r="106" spans="3:9" x14ac:dyDescent="0.2">
      <c r="C106" s="236"/>
      <c r="D106" s="236"/>
      <c r="E106" s="236"/>
      <c r="F106" s="236"/>
      <c r="G106" s="236"/>
      <c r="H106" s="236"/>
      <c r="I106" s="236"/>
    </row>
    <row r="107" spans="3:9" x14ac:dyDescent="0.2">
      <c r="C107" s="236"/>
      <c r="D107" s="236"/>
      <c r="E107" s="236"/>
      <c r="F107" s="236"/>
      <c r="G107" s="236"/>
      <c r="H107" s="236"/>
      <c r="I107" s="236"/>
    </row>
    <row r="108" spans="3:9" x14ac:dyDescent="0.2">
      <c r="C108" s="236"/>
      <c r="D108" s="236"/>
      <c r="E108" s="236"/>
      <c r="F108" s="236"/>
      <c r="G108" s="236"/>
      <c r="H108" s="236"/>
      <c r="I108" s="236"/>
    </row>
    <row r="109" spans="3:9" x14ac:dyDescent="0.2">
      <c r="C109" s="236"/>
      <c r="D109" s="236"/>
      <c r="E109" s="236"/>
      <c r="F109" s="236"/>
      <c r="G109" s="236"/>
      <c r="H109" s="236"/>
      <c r="I109" s="236"/>
    </row>
    <row r="110" spans="3:9" x14ac:dyDescent="0.2">
      <c r="C110" s="236"/>
      <c r="D110" s="236"/>
      <c r="E110" s="236"/>
      <c r="F110" s="236"/>
      <c r="G110" s="236"/>
      <c r="H110" s="236"/>
      <c r="I110" s="236"/>
    </row>
    <row r="111" spans="3:9" x14ac:dyDescent="0.2">
      <c r="C111" s="236"/>
      <c r="D111" s="236"/>
      <c r="E111" s="236"/>
      <c r="F111" s="236"/>
      <c r="G111" s="236"/>
      <c r="H111" s="236"/>
      <c r="I111" s="236"/>
    </row>
    <row r="112" spans="3:9" x14ac:dyDescent="0.2">
      <c r="C112" s="236"/>
      <c r="D112" s="236"/>
      <c r="E112" s="236"/>
      <c r="F112" s="236"/>
      <c r="G112" s="236"/>
      <c r="H112" s="236"/>
      <c r="I112" s="236"/>
    </row>
    <row r="113" spans="3:9" x14ac:dyDescent="0.2">
      <c r="C113" s="236"/>
      <c r="D113" s="236"/>
      <c r="E113" s="236"/>
      <c r="F113" s="236"/>
      <c r="G113" s="236"/>
      <c r="H113" s="236"/>
      <c r="I113" s="236"/>
    </row>
    <row r="114" spans="3:9" x14ac:dyDescent="0.2">
      <c r="C114" s="236"/>
      <c r="D114" s="236"/>
      <c r="E114" s="236"/>
      <c r="F114" s="236"/>
      <c r="G114" s="236"/>
      <c r="H114" s="236"/>
      <c r="I114" s="236"/>
    </row>
    <row r="115" spans="3:9" x14ac:dyDescent="0.2">
      <c r="C115" s="236"/>
      <c r="D115" s="236"/>
      <c r="E115" s="236"/>
      <c r="F115" s="236"/>
      <c r="G115" s="236"/>
      <c r="H115" s="236"/>
      <c r="I115" s="236"/>
    </row>
    <row r="116" spans="3:9" x14ac:dyDescent="0.2">
      <c r="C116" s="236"/>
      <c r="D116" s="236"/>
      <c r="E116" s="236"/>
      <c r="F116" s="236"/>
      <c r="G116" s="236"/>
      <c r="H116" s="236"/>
      <c r="I116" s="236"/>
    </row>
    <row r="117" spans="3:9" x14ac:dyDescent="0.2">
      <c r="C117" s="236"/>
      <c r="D117" s="236"/>
      <c r="E117" s="236"/>
      <c r="F117" s="236"/>
      <c r="G117" s="236"/>
      <c r="H117" s="236"/>
      <c r="I117" s="236"/>
    </row>
    <row r="118" spans="3:9" x14ac:dyDescent="0.2">
      <c r="C118" s="236"/>
      <c r="D118" s="236"/>
      <c r="E118" s="236"/>
      <c r="F118" s="236"/>
      <c r="G118" s="236"/>
      <c r="H118" s="236"/>
      <c r="I118" s="236"/>
    </row>
    <row r="119" spans="3:9" x14ac:dyDescent="0.2">
      <c r="C119" s="236"/>
      <c r="D119" s="236"/>
      <c r="E119" s="236"/>
      <c r="F119" s="236"/>
      <c r="G119" s="236"/>
      <c r="H119" s="236"/>
      <c r="I119" s="236"/>
    </row>
    <row r="120" spans="3:9" x14ac:dyDescent="0.2">
      <c r="C120" s="236"/>
      <c r="D120" s="236"/>
      <c r="E120" s="236"/>
      <c r="F120" s="236"/>
      <c r="G120" s="236"/>
      <c r="H120" s="236"/>
      <c r="I120" s="236"/>
    </row>
    <row r="121" spans="3:9" x14ac:dyDescent="0.2">
      <c r="C121" s="236"/>
      <c r="D121" s="236"/>
      <c r="E121" s="236"/>
      <c r="F121" s="236"/>
      <c r="G121" s="236"/>
      <c r="H121" s="236"/>
      <c r="I121" s="236"/>
    </row>
    <row r="122" spans="3:9" x14ac:dyDescent="0.2">
      <c r="C122" s="236"/>
      <c r="D122" s="236"/>
      <c r="E122" s="236"/>
      <c r="F122" s="236"/>
      <c r="G122" s="236"/>
      <c r="H122" s="236"/>
      <c r="I122" s="236"/>
    </row>
    <row r="123" spans="3:9" x14ac:dyDescent="0.2">
      <c r="C123" s="236"/>
      <c r="D123" s="236"/>
      <c r="E123" s="236"/>
      <c r="F123" s="236"/>
      <c r="G123" s="236"/>
      <c r="H123" s="236"/>
      <c r="I123" s="236"/>
    </row>
    <row r="124" spans="3:9" x14ac:dyDescent="0.2">
      <c r="C124" s="236"/>
      <c r="D124" s="236"/>
      <c r="E124" s="236"/>
      <c r="F124" s="236"/>
      <c r="G124" s="236"/>
      <c r="H124" s="236"/>
      <c r="I124" s="236"/>
    </row>
    <row r="125" spans="3:9" x14ac:dyDescent="0.2">
      <c r="C125" s="236"/>
      <c r="D125" s="236"/>
      <c r="E125" s="236"/>
      <c r="F125" s="236"/>
      <c r="G125" s="236"/>
      <c r="H125" s="236"/>
      <c r="I125" s="236"/>
    </row>
    <row r="126" spans="3:9" x14ac:dyDescent="0.2">
      <c r="C126" s="236"/>
      <c r="D126" s="236"/>
      <c r="E126" s="236"/>
      <c r="F126" s="236"/>
      <c r="G126" s="236"/>
      <c r="H126" s="236"/>
      <c r="I126" s="236"/>
    </row>
    <row r="127" spans="3:9" x14ac:dyDescent="0.2">
      <c r="C127" s="236"/>
      <c r="D127" s="236"/>
      <c r="E127" s="236"/>
      <c r="F127" s="236"/>
      <c r="G127" s="236"/>
      <c r="H127" s="236"/>
      <c r="I127" s="236"/>
    </row>
    <row r="128" spans="3:9" x14ac:dyDescent="0.2">
      <c r="C128" s="236"/>
      <c r="D128" s="236"/>
      <c r="E128" s="236"/>
      <c r="F128" s="236"/>
      <c r="G128" s="236"/>
      <c r="H128" s="236"/>
      <c r="I128" s="236"/>
    </row>
    <row r="129" spans="3:9" x14ac:dyDescent="0.2">
      <c r="C129" s="236"/>
      <c r="D129" s="236"/>
      <c r="E129" s="236"/>
      <c r="F129" s="236"/>
      <c r="G129" s="236"/>
      <c r="H129" s="236"/>
      <c r="I129" s="236"/>
    </row>
    <row r="130" spans="3:9" x14ac:dyDescent="0.2">
      <c r="C130" s="236"/>
      <c r="D130" s="236"/>
      <c r="E130" s="236"/>
      <c r="F130" s="236"/>
      <c r="G130" s="236"/>
      <c r="H130" s="236"/>
      <c r="I130" s="236"/>
    </row>
    <row r="131" spans="3:9" x14ac:dyDescent="0.2">
      <c r="C131" s="236"/>
      <c r="D131" s="236"/>
      <c r="E131" s="236"/>
      <c r="F131" s="236"/>
      <c r="G131" s="236"/>
      <c r="H131" s="236"/>
      <c r="I131" s="236"/>
    </row>
    <row r="132" spans="3:9" x14ac:dyDescent="0.2">
      <c r="C132" s="236"/>
      <c r="D132" s="236"/>
      <c r="E132" s="236"/>
      <c r="F132" s="236"/>
      <c r="G132" s="236"/>
      <c r="H132" s="236"/>
      <c r="I132" s="236"/>
    </row>
    <row r="133" spans="3:9" x14ac:dyDescent="0.2">
      <c r="C133" s="236"/>
      <c r="D133" s="236"/>
      <c r="E133" s="236"/>
      <c r="F133" s="236"/>
      <c r="G133" s="236"/>
      <c r="H133" s="236"/>
      <c r="I133" s="236"/>
    </row>
    <row r="134" spans="3:9" x14ac:dyDescent="0.2">
      <c r="C134" s="236"/>
      <c r="D134" s="236"/>
      <c r="E134" s="236"/>
      <c r="F134" s="236"/>
      <c r="G134" s="236"/>
      <c r="H134" s="236"/>
      <c r="I134" s="236"/>
    </row>
    <row r="135" spans="3:9" x14ac:dyDescent="0.2">
      <c r="C135" s="236"/>
      <c r="D135" s="236"/>
      <c r="E135" s="236"/>
      <c r="F135" s="236"/>
      <c r="G135" s="236"/>
      <c r="H135" s="236"/>
      <c r="I135" s="236"/>
    </row>
    <row r="136" spans="3:9" x14ac:dyDescent="0.2">
      <c r="C136" s="236"/>
      <c r="D136" s="236"/>
      <c r="E136" s="236"/>
      <c r="F136" s="236"/>
      <c r="G136" s="236"/>
      <c r="H136" s="236"/>
      <c r="I136" s="236"/>
    </row>
    <row r="137" spans="3:9" x14ac:dyDescent="0.2">
      <c r="C137" s="236"/>
      <c r="D137" s="236"/>
      <c r="E137" s="236"/>
      <c r="F137" s="236"/>
      <c r="G137" s="236"/>
      <c r="H137" s="236"/>
      <c r="I137" s="236"/>
    </row>
    <row r="138" spans="3:9" x14ac:dyDescent="0.2">
      <c r="C138" s="236"/>
      <c r="D138" s="236"/>
      <c r="E138" s="236"/>
      <c r="F138" s="236"/>
      <c r="G138" s="236"/>
      <c r="H138" s="236"/>
      <c r="I138" s="236"/>
    </row>
    <row r="139" spans="3:9" x14ac:dyDescent="0.2">
      <c r="C139" s="236"/>
      <c r="D139" s="236"/>
      <c r="E139" s="236"/>
      <c r="F139" s="236"/>
      <c r="G139" s="236"/>
      <c r="H139" s="236"/>
      <c r="I139" s="236"/>
    </row>
    <row r="140" spans="3:9" x14ac:dyDescent="0.2">
      <c r="C140" s="236"/>
      <c r="D140" s="236"/>
      <c r="E140" s="236"/>
      <c r="F140" s="236"/>
      <c r="G140" s="236"/>
      <c r="H140" s="236"/>
      <c r="I140" s="236"/>
    </row>
    <row r="141" spans="3:9" x14ac:dyDescent="0.2">
      <c r="C141" s="236"/>
      <c r="D141" s="236"/>
      <c r="E141" s="236"/>
      <c r="F141" s="236"/>
      <c r="G141" s="236"/>
      <c r="H141" s="236"/>
      <c r="I141" s="236"/>
    </row>
    <row r="142" spans="3:9" x14ac:dyDescent="0.2">
      <c r="C142" s="236"/>
      <c r="D142" s="236"/>
      <c r="E142" s="236"/>
      <c r="F142" s="236"/>
      <c r="G142" s="236"/>
      <c r="H142" s="236"/>
      <c r="I142" s="236"/>
    </row>
    <row r="143" spans="3:9" x14ac:dyDescent="0.2">
      <c r="C143" s="236"/>
      <c r="D143" s="236"/>
      <c r="E143" s="236"/>
      <c r="F143" s="236"/>
      <c r="G143" s="236"/>
      <c r="H143" s="236"/>
      <c r="I143" s="236"/>
    </row>
    <row r="144" spans="3:9" x14ac:dyDescent="0.2">
      <c r="C144" s="236"/>
      <c r="D144" s="236"/>
      <c r="E144" s="236"/>
      <c r="F144" s="236"/>
      <c r="G144" s="236"/>
      <c r="H144" s="236"/>
      <c r="I144" s="236"/>
    </row>
    <row r="145" spans="3:9" x14ac:dyDescent="0.2">
      <c r="C145" s="236"/>
      <c r="D145" s="236"/>
      <c r="E145" s="236"/>
      <c r="F145" s="236"/>
      <c r="G145" s="236"/>
      <c r="H145" s="236"/>
      <c r="I145" s="236"/>
    </row>
    <row r="146" spans="3:9" x14ac:dyDescent="0.2">
      <c r="C146" s="236"/>
      <c r="D146" s="236"/>
      <c r="E146" s="236"/>
      <c r="F146" s="236"/>
      <c r="G146" s="236"/>
      <c r="H146" s="236"/>
      <c r="I146" s="236"/>
    </row>
    <row r="147" spans="3:9" x14ac:dyDescent="0.2">
      <c r="C147" s="236"/>
      <c r="D147" s="236"/>
      <c r="E147" s="236"/>
      <c r="F147" s="236"/>
      <c r="G147" s="236"/>
      <c r="H147" s="236"/>
      <c r="I147" s="236"/>
    </row>
    <row r="148" spans="3:9" x14ac:dyDescent="0.2">
      <c r="C148" s="236"/>
      <c r="D148" s="236"/>
      <c r="E148" s="236"/>
      <c r="F148" s="236"/>
      <c r="G148" s="236"/>
      <c r="H148" s="236"/>
      <c r="I148" s="236"/>
    </row>
    <row r="149" spans="3:9" x14ac:dyDescent="0.2">
      <c r="C149" s="236"/>
      <c r="D149" s="236"/>
      <c r="E149" s="236"/>
      <c r="F149" s="236"/>
      <c r="G149" s="236"/>
      <c r="H149" s="236"/>
      <c r="I149" s="236"/>
    </row>
    <row r="150" spans="3:9" x14ac:dyDescent="0.2">
      <c r="C150" s="236"/>
      <c r="D150" s="236"/>
      <c r="E150" s="236"/>
      <c r="F150" s="236"/>
      <c r="G150" s="236"/>
      <c r="H150" s="236"/>
      <c r="I150" s="236"/>
    </row>
    <row r="151" spans="3:9" x14ac:dyDescent="0.2">
      <c r="C151" s="236"/>
      <c r="D151" s="236"/>
      <c r="E151" s="236"/>
      <c r="F151" s="236"/>
      <c r="G151" s="236"/>
      <c r="H151" s="236"/>
      <c r="I151" s="236"/>
    </row>
    <row r="152" spans="3:9" x14ac:dyDescent="0.2">
      <c r="C152" s="236"/>
      <c r="D152" s="236"/>
      <c r="E152" s="236"/>
      <c r="F152" s="236"/>
      <c r="G152" s="236"/>
      <c r="H152" s="236"/>
      <c r="I152" s="236"/>
    </row>
    <row r="153" spans="3:9" x14ac:dyDescent="0.2">
      <c r="C153" s="236"/>
      <c r="D153" s="236"/>
      <c r="E153" s="236"/>
      <c r="F153" s="236"/>
      <c r="G153" s="236"/>
      <c r="H153" s="236"/>
      <c r="I153" s="236"/>
    </row>
    <row r="154" spans="3:9" x14ac:dyDescent="0.2">
      <c r="C154" s="236"/>
      <c r="D154" s="236"/>
      <c r="E154" s="236"/>
      <c r="F154" s="236"/>
      <c r="G154" s="236"/>
      <c r="H154" s="236"/>
      <c r="I154" s="236"/>
    </row>
    <row r="155" spans="3:9" x14ac:dyDescent="0.2">
      <c r="C155" s="236"/>
      <c r="D155" s="236"/>
      <c r="E155" s="236"/>
      <c r="F155" s="236"/>
      <c r="G155" s="236"/>
      <c r="H155" s="236"/>
      <c r="I155" s="236"/>
    </row>
    <row r="156" spans="3:9" x14ac:dyDescent="0.2">
      <c r="C156" s="236"/>
      <c r="D156" s="236"/>
      <c r="E156" s="236"/>
      <c r="F156" s="236"/>
      <c r="G156" s="236"/>
      <c r="H156" s="236"/>
      <c r="I156" s="236"/>
    </row>
    <row r="157" spans="3:9" x14ac:dyDescent="0.2">
      <c r="C157" s="236"/>
      <c r="D157" s="236"/>
      <c r="E157" s="236"/>
      <c r="F157" s="236"/>
      <c r="G157" s="236"/>
      <c r="H157" s="236"/>
      <c r="I157" s="236"/>
    </row>
    <row r="158" spans="3:9" x14ac:dyDescent="0.2">
      <c r="C158" s="236"/>
      <c r="D158" s="236"/>
      <c r="E158" s="236"/>
      <c r="F158" s="236"/>
      <c r="G158" s="236"/>
      <c r="H158" s="236"/>
      <c r="I158" s="236"/>
    </row>
    <row r="159" spans="3:9" x14ac:dyDescent="0.2">
      <c r="C159" s="236"/>
      <c r="D159" s="236"/>
      <c r="E159" s="236"/>
      <c r="F159" s="236"/>
      <c r="G159" s="236"/>
      <c r="H159" s="236"/>
      <c r="I159" s="236"/>
    </row>
    <row r="160" spans="3:9" x14ac:dyDescent="0.2">
      <c r="C160" s="236"/>
      <c r="D160" s="236"/>
      <c r="E160" s="236"/>
      <c r="F160" s="236"/>
      <c r="G160" s="236"/>
      <c r="H160" s="236"/>
      <c r="I160" s="236"/>
    </row>
    <row r="161" spans="3:9" x14ac:dyDescent="0.2">
      <c r="C161" s="236"/>
      <c r="D161" s="236"/>
      <c r="E161" s="236"/>
      <c r="F161" s="236"/>
      <c r="G161" s="236"/>
      <c r="H161" s="236"/>
      <c r="I161" s="236"/>
    </row>
    <row r="162" spans="3:9" x14ac:dyDescent="0.2">
      <c r="C162" s="236"/>
      <c r="D162" s="236"/>
      <c r="E162" s="236"/>
      <c r="F162" s="236"/>
      <c r="G162" s="236"/>
      <c r="H162" s="236"/>
      <c r="I162" s="236"/>
    </row>
    <row r="163" spans="3:9" x14ac:dyDescent="0.2">
      <c r="C163" s="236"/>
      <c r="D163" s="236"/>
      <c r="E163" s="236"/>
      <c r="F163" s="236"/>
      <c r="G163" s="236"/>
      <c r="H163" s="236"/>
      <c r="I163" s="236"/>
    </row>
    <row r="164" spans="3:9" x14ac:dyDescent="0.2">
      <c r="C164" s="236"/>
      <c r="D164" s="236"/>
      <c r="E164" s="236"/>
      <c r="F164" s="236"/>
      <c r="G164" s="236"/>
      <c r="H164" s="236"/>
      <c r="I164" s="236"/>
    </row>
    <row r="165" spans="3:9" x14ac:dyDescent="0.2">
      <c r="C165" s="236"/>
      <c r="D165" s="236"/>
      <c r="E165" s="236"/>
      <c r="F165" s="236"/>
      <c r="G165" s="236"/>
      <c r="H165" s="236"/>
      <c r="I165" s="236"/>
    </row>
    <row r="166" spans="3:9" x14ac:dyDescent="0.2">
      <c r="C166" s="236"/>
      <c r="D166" s="236"/>
      <c r="E166" s="236"/>
      <c r="F166" s="236"/>
      <c r="G166" s="236"/>
      <c r="H166" s="236"/>
      <c r="I166" s="236"/>
    </row>
    <row r="167" spans="3:9" x14ac:dyDescent="0.2">
      <c r="C167" s="236"/>
      <c r="D167" s="236"/>
      <c r="E167" s="236"/>
      <c r="F167" s="236"/>
      <c r="G167" s="236"/>
      <c r="H167" s="236"/>
      <c r="I167" s="236"/>
    </row>
    <row r="168" spans="3:9" x14ac:dyDescent="0.2">
      <c r="C168" s="236"/>
      <c r="D168" s="236"/>
      <c r="E168" s="236"/>
      <c r="F168" s="236"/>
      <c r="G168" s="236"/>
      <c r="H168" s="236"/>
      <c r="I168" s="236"/>
    </row>
    <row r="169" spans="3:9" x14ac:dyDescent="0.2">
      <c r="C169" s="236"/>
      <c r="D169" s="236"/>
      <c r="E169" s="236"/>
      <c r="F169" s="236"/>
      <c r="G169" s="236"/>
      <c r="H169" s="236"/>
      <c r="I169" s="236"/>
    </row>
    <row r="170" spans="3:9" x14ac:dyDescent="0.2">
      <c r="C170" s="236"/>
      <c r="D170" s="236"/>
      <c r="E170" s="236"/>
      <c r="F170" s="236"/>
      <c r="G170" s="236"/>
      <c r="H170" s="236"/>
      <c r="I170" s="236"/>
    </row>
    <row r="171" spans="3:9" x14ac:dyDescent="0.2">
      <c r="C171" s="236"/>
      <c r="D171" s="236"/>
      <c r="E171" s="236"/>
      <c r="F171" s="236"/>
      <c r="G171" s="236"/>
      <c r="H171" s="236"/>
      <c r="I171" s="236"/>
    </row>
    <row r="172" spans="3:9" x14ac:dyDescent="0.2">
      <c r="C172" s="236"/>
      <c r="D172" s="236"/>
      <c r="E172" s="236"/>
      <c r="F172" s="236"/>
      <c r="G172" s="236"/>
      <c r="H172" s="236"/>
      <c r="I172" s="236"/>
    </row>
    <row r="173" spans="3:9" x14ac:dyDescent="0.2">
      <c r="C173" s="236"/>
      <c r="D173" s="236"/>
      <c r="E173" s="236"/>
      <c r="F173" s="236"/>
      <c r="G173" s="236"/>
      <c r="H173" s="236"/>
      <c r="I173" s="236"/>
    </row>
    <row r="174" spans="3:9" x14ac:dyDescent="0.2">
      <c r="C174" s="236"/>
      <c r="D174" s="236"/>
      <c r="E174" s="236"/>
      <c r="F174" s="236"/>
      <c r="G174" s="236"/>
      <c r="H174" s="236"/>
      <c r="I174" s="236"/>
    </row>
    <row r="175" spans="3:9" x14ac:dyDescent="0.2">
      <c r="C175" s="236"/>
      <c r="D175" s="236"/>
      <c r="E175" s="236"/>
      <c r="F175" s="236"/>
      <c r="G175" s="236"/>
      <c r="H175" s="236"/>
      <c r="I175" s="236"/>
    </row>
    <row r="176" spans="3:9" x14ac:dyDescent="0.2">
      <c r="C176" s="236"/>
      <c r="D176" s="236"/>
      <c r="E176" s="236"/>
      <c r="F176" s="236"/>
      <c r="G176" s="236"/>
      <c r="H176" s="236"/>
      <c r="I176" s="236"/>
    </row>
    <row r="177" spans="3:9" x14ac:dyDescent="0.2">
      <c r="C177" s="236"/>
      <c r="D177" s="236"/>
      <c r="E177" s="236"/>
      <c r="F177" s="236"/>
      <c r="G177" s="236"/>
      <c r="H177" s="236"/>
      <c r="I177" s="236"/>
    </row>
    <row r="178" spans="3:9" x14ac:dyDescent="0.2">
      <c r="C178" s="236"/>
      <c r="D178" s="236"/>
      <c r="E178" s="236"/>
      <c r="F178" s="236"/>
      <c r="G178" s="236"/>
      <c r="H178" s="236"/>
      <c r="I178" s="236"/>
    </row>
    <row r="179" spans="3:9" x14ac:dyDescent="0.2">
      <c r="C179" s="236"/>
      <c r="D179" s="236"/>
      <c r="E179" s="236"/>
      <c r="F179" s="236"/>
      <c r="G179" s="236"/>
      <c r="H179" s="236"/>
      <c r="I179" s="236"/>
    </row>
    <row r="180" spans="3:9" x14ac:dyDescent="0.2">
      <c r="C180" s="236"/>
      <c r="D180" s="236"/>
      <c r="E180" s="236"/>
      <c r="F180" s="236"/>
      <c r="G180" s="236"/>
      <c r="H180" s="236"/>
      <c r="I180" s="236"/>
    </row>
    <row r="181" spans="3:9" x14ac:dyDescent="0.2">
      <c r="C181" s="236"/>
      <c r="D181" s="236"/>
      <c r="E181" s="236"/>
      <c r="F181" s="236"/>
      <c r="G181" s="236"/>
      <c r="H181" s="236"/>
      <c r="I181" s="236"/>
    </row>
    <row r="182" spans="3:9" x14ac:dyDescent="0.2">
      <c r="C182" s="236"/>
      <c r="D182" s="236"/>
      <c r="E182" s="236"/>
      <c r="F182" s="236"/>
      <c r="G182" s="236"/>
      <c r="H182" s="236"/>
      <c r="I182" s="236"/>
    </row>
    <row r="183" spans="3:9" x14ac:dyDescent="0.2">
      <c r="C183" s="236"/>
      <c r="D183" s="236"/>
      <c r="E183" s="236"/>
      <c r="F183" s="236"/>
      <c r="G183" s="236"/>
      <c r="H183" s="236"/>
      <c r="I183" s="236"/>
    </row>
    <row r="184" spans="3:9" x14ac:dyDescent="0.2">
      <c r="C184" s="236"/>
      <c r="D184" s="236"/>
      <c r="E184" s="236"/>
      <c r="F184" s="236"/>
      <c r="G184" s="236"/>
      <c r="H184" s="236"/>
      <c r="I184" s="236"/>
    </row>
    <row r="185" spans="3:9" x14ac:dyDescent="0.2">
      <c r="C185" s="236"/>
      <c r="D185" s="236"/>
      <c r="E185" s="236"/>
      <c r="F185" s="236"/>
      <c r="G185" s="236"/>
      <c r="H185" s="236"/>
      <c r="I185" s="236"/>
    </row>
    <row r="186" spans="3:9" x14ac:dyDescent="0.2">
      <c r="C186" s="236"/>
      <c r="D186" s="236"/>
      <c r="E186" s="236"/>
      <c r="F186" s="236"/>
      <c r="G186" s="236"/>
      <c r="H186" s="236"/>
      <c r="I186" s="236"/>
    </row>
    <row r="187" spans="3:9" x14ac:dyDescent="0.2">
      <c r="C187" s="236"/>
      <c r="D187" s="236"/>
      <c r="E187" s="236"/>
      <c r="F187" s="236"/>
      <c r="G187" s="236"/>
      <c r="H187" s="236"/>
      <c r="I187" s="236"/>
    </row>
    <row r="188" spans="3:9" x14ac:dyDescent="0.2">
      <c r="C188" s="236"/>
      <c r="D188" s="236"/>
      <c r="E188" s="236"/>
      <c r="F188" s="236"/>
      <c r="G188" s="236"/>
      <c r="H188" s="236"/>
      <c r="I188" s="236"/>
    </row>
    <row r="189" spans="3:9" x14ac:dyDescent="0.2">
      <c r="C189" s="236"/>
      <c r="D189" s="236"/>
      <c r="E189" s="236"/>
      <c r="F189" s="236"/>
      <c r="G189" s="236"/>
      <c r="H189" s="236"/>
      <c r="I189" s="236"/>
    </row>
    <row r="190" spans="3:9" x14ac:dyDescent="0.2">
      <c r="C190" s="236"/>
      <c r="D190" s="236"/>
      <c r="E190" s="236"/>
      <c r="F190" s="236"/>
      <c r="G190" s="236"/>
      <c r="H190" s="236"/>
      <c r="I190" s="236"/>
    </row>
    <row r="191" spans="3:9" x14ac:dyDescent="0.2">
      <c r="C191" s="236"/>
      <c r="D191" s="236"/>
      <c r="E191" s="236"/>
      <c r="F191" s="236"/>
      <c r="G191" s="236"/>
      <c r="H191" s="236"/>
      <c r="I191" s="236"/>
    </row>
    <row r="192" spans="3:9" x14ac:dyDescent="0.2">
      <c r="C192" s="236"/>
      <c r="D192" s="236"/>
      <c r="E192" s="236"/>
      <c r="F192" s="236"/>
      <c r="G192" s="236"/>
      <c r="H192" s="236"/>
      <c r="I192" s="236"/>
    </row>
    <row r="193" spans="3:9" x14ac:dyDescent="0.2">
      <c r="C193" s="236"/>
      <c r="D193" s="236"/>
      <c r="E193" s="236"/>
      <c r="F193" s="236"/>
      <c r="G193" s="236"/>
      <c r="H193" s="236"/>
      <c r="I193" s="236"/>
    </row>
    <row r="194" spans="3:9" x14ac:dyDescent="0.2">
      <c r="C194" s="236"/>
      <c r="D194" s="236"/>
      <c r="E194" s="236"/>
      <c r="F194" s="236"/>
      <c r="G194" s="236"/>
      <c r="H194" s="236"/>
      <c r="I194" s="236"/>
    </row>
    <row r="195" spans="3:9" x14ac:dyDescent="0.2">
      <c r="C195" s="236"/>
      <c r="D195" s="236"/>
      <c r="E195" s="236"/>
      <c r="F195" s="236"/>
      <c r="G195" s="236"/>
      <c r="H195" s="236"/>
      <c r="I195" s="236"/>
    </row>
    <row r="196" spans="3:9" x14ac:dyDescent="0.2">
      <c r="C196" s="236"/>
      <c r="D196" s="236"/>
      <c r="E196" s="236"/>
      <c r="F196" s="236"/>
      <c r="G196" s="236"/>
      <c r="H196" s="236"/>
      <c r="I196" s="236"/>
    </row>
    <row r="197" spans="3:9" x14ac:dyDescent="0.2">
      <c r="C197" s="236"/>
      <c r="D197" s="236"/>
      <c r="E197" s="236"/>
      <c r="F197" s="236"/>
      <c r="G197" s="236"/>
      <c r="H197" s="236"/>
      <c r="I197" s="236"/>
    </row>
    <row r="198" spans="3:9" x14ac:dyDescent="0.2">
      <c r="C198" s="236"/>
      <c r="D198" s="236"/>
      <c r="E198" s="236"/>
      <c r="F198" s="236"/>
      <c r="G198" s="236"/>
      <c r="H198" s="236"/>
      <c r="I198" s="236"/>
    </row>
    <row r="199" spans="3:9" x14ac:dyDescent="0.2">
      <c r="C199" s="236"/>
      <c r="D199" s="236"/>
      <c r="E199" s="236"/>
      <c r="F199" s="236"/>
      <c r="G199" s="236"/>
      <c r="H199" s="236"/>
      <c r="I199" s="236"/>
    </row>
    <row r="200" spans="3:9" x14ac:dyDescent="0.2">
      <c r="C200" s="236"/>
      <c r="D200" s="236"/>
      <c r="E200" s="236"/>
      <c r="F200" s="236"/>
      <c r="G200" s="236"/>
      <c r="H200" s="236"/>
      <c r="I200" s="236"/>
    </row>
    <row r="201" spans="3:9" x14ac:dyDescent="0.2">
      <c r="C201" s="236"/>
      <c r="D201" s="236"/>
      <c r="E201" s="236"/>
      <c r="F201" s="236"/>
      <c r="G201" s="236"/>
      <c r="H201" s="236"/>
      <c r="I201" s="236"/>
    </row>
    <row r="202" spans="3:9" x14ac:dyDescent="0.2">
      <c r="C202" s="236"/>
      <c r="D202" s="236"/>
      <c r="E202" s="236"/>
      <c r="F202" s="236"/>
      <c r="G202" s="236"/>
      <c r="H202" s="236"/>
      <c r="I202" s="236"/>
    </row>
    <row r="203" spans="3:9" x14ac:dyDescent="0.2">
      <c r="C203" s="236"/>
      <c r="D203" s="236"/>
      <c r="E203" s="236"/>
      <c r="F203" s="236"/>
      <c r="G203" s="236"/>
      <c r="H203" s="236"/>
      <c r="I203" s="236"/>
    </row>
    <row r="204" spans="3:9" x14ac:dyDescent="0.2">
      <c r="C204" s="236"/>
      <c r="D204" s="236"/>
      <c r="E204" s="236"/>
      <c r="F204" s="236"/>
      <c r="G204" s="236"/>
      <c r="H204" s="236"/>
      <c r="I204" s="236"/>
    </row>
    <row r="205" spans="3:9" x14ac:dyDescent="0.2">
      <c r="C205" s="236"/>
      <c r="D205" s="236"/>
      <c r="E205" s="236"/>
      <c r="F205" s="236"/>
      <c r="G205" s="236"/>
      <c r="H205" s="236"/>
      <c r="I205" s="236"/>
    </row>
    <row r="206" spans="3:9" x14ac:dyDescent="0.2">
      <c r="C206" s="236"/>
      <c r="D206" s="236"/>
      <c r="E206" s="236"/>
      <c r="F206" s="236"/>
      <c r="G206" s="236"/>
      <c r="H206" s="236"/>
      <c r="I206" s="236"/>
    </row>
    <row r="207" spans="3:9" x14ac:dyDescent="0.2">
      <c r="C207" s="236"/>
      <c r="D207" s="236"/>
      <c r="E207" s="236"/>
      <c r="F207" s="236"/>
      <c r="G207" s="236"/>
      <c r="H207" s="236"/>
      <c r="I207" s="236"/>
    </row>
    <row r="208" spans="3:9" x14ac:dyDescent="0.2">
      <c r="C208" s="236"/>
      <c r="D208" s="236"/>
      <c r="E208" s="236"/>
      <c r="F208" s="236"/>
      <c r="G208" s="236"/>
      <c r="H208" s="236"/>
      <c r="I208" s="236"/>
    </row>
    <row r="209" spans="3:9" x14ac:dyDescent="0.2">
      <c r="C209" s="236"/>
      <c r="D209" s="236"/>
      <c r="E209" s="236"/>
      <c r="F209" s="236"/>
      <c r="G209" s="236"/>
      <c r="H209" s="236"/>
      <c r="I209" s="236"/>
    </row>
    <row r="210" spans="3:9" x14ac:dyDescent="0.2">
      <c r="C210" s="236"/>
      <c r="D210" s="236"/>
      <c r="E210" s="236"/>
      <c r="F210" s="236"/>
      <c r="G210" s="236"/>
      <c r="H210" s="236"/>
      <c r="I210" s="236"/>
    </row>
    <row r="211" spans="3:9" x14ac:dyDescent="0.2">
      <c r="C211" s="236"/>
      <c r="D211" s="236"/>
      <c r="E211" s="236"/>
      <c r="F211" s="236"/>
      <c r="G211" s="236"/>
      <c r="H211" s="236"/>
      <c r="I211" s="236"/>
    </row>
    <row r="212" spans="3:9" x14ac:dyDescent="0.2">
      <c r="C212" s="236"/>
      <c r="D212" s="236"/>
      <c r="E212" s="236"/>
      <c r="F212" s="236"/>
      <c r="G212" s="236"/>
      <c r="H212" s="236"/>
      <c r="I212" s="236"/>
    </row>
    <row r="213" spans="3:9" x14ac:dyDescent="0.2">
      <c r="C213" s="236"/>
      <c r="D213" s="236"/>
      <c r="E213" s="236"/>
      <c r="F213" s="236"/>
      <c r="G213" s="236"/>
      <c r="H213" s="236"/>
      <c r="I213" s="236"/>
    </row>
    <row r="214" spans="3:9" x14ac:dyDescent="0.2">
      <c r="C214" s="236"/>
      <c r="D214" s="236"/>
      <c r="E214" s="236"/>
      <c r="F214" s="236"/>
      <c r="G214" s="236"/>
      <c r="H214" s="236"/>
      <c r="I214" s="236"/>
    </row>
    <row r="215" spans="3:9" x14ac:dyDescent="0.2">
      <c r="C215" s="236"/>
      <c r="D215" s="236"/>
      <c r="E215" s="236"/>
      <c r="F215" s="236"/>
      <c r="G215" s="236"/>
      <c r="H215" s="236"/>
      <c r="I215" s="236"/>
    </row>
    <row r="216" spans="3:9" x14ac:dyDescent="0.2">
      <c r="C216" s="236"/>
      <c r="D216" s="236"/>
      <c r="E216" s="236"/>
      <c r="F216" s="236"/>
      <c r="G216" s="236"/>
      <c r="H216" s="236"/>
      <c r="I216" s="236"/>
    </row>
    <row r="217" spans="3:9" x14ac:dyDescent="0.2">
      <c r="C217" s="236"/>
      <c r="D217" s="236"/>
      <c r="E217" s="236"/>
      <c r="F217" s="236"/>
      <c r="G217" s="236"/>
      <c r="H217" s="236"/>
      <c r="I217" s="236"/>
    </row>
    <row r="218" spans="3:9" x14ac:dyDescent="0.2">
      <c r="C218" s="236"/>
      <c r="D218" s="236"/>
      <c r="E218" s="236"/>
      <c r="F218" s="236"/>
      <c r="G218" s="236"/>
      <c r="H218" s="236"/>
      <c r="I218" s="236"/>
    </row>
    <row r="219" spans="3:9" x14ac:dyDescent="0.2">
      <c r="C219" s="236"/>
      <c r="D219" s="236"/>
      <c r="E219" s="236"/>
      <c r="F219" s="236"/>
      <c r="G219" s="236"/>
      <c r="H219" s="236"/>
      <c r="I219" s="236"/>
    </row>
    <row r="220" spans="3:9" x14ac:dyDescent="0.2">
      <c r="C220" s="236"/>
      <c r="D220" s="236"/>
      <c r="E220" s="236"/>
      <c r="F220" s="236"/>
      <c r="G220" s="236"/>
      <c r="H220" s="236"/>
      <c r="I220" s="236"/>
    </row>
    <row r="221" spans="3:9" x14ac:dyDescent="0.2">
      <c r="C221" s="236"/>
      <c r="D221" s="236"/>
      <c r="E221" s="236"/>
      <c r="F221" s="236"/>
      <c r="G221" s="236"/>
      <c r="H221" s="236"/>
      <c r="I221" s="236"/>
    </row>
    <row r="222" spans="3:9" x14ac:dyDescent="0.2">
      <c r="C222" s="236"/>
      <c r="D222" s="236"/>
      <c r="E222" s="236"/>
      <c r="F222" s="236"/>
      <c r="G222" s="236"/>
      <c r="H222" s="236"/>
      <c r="I222" s="236"/>
    </row>
    <row r="223" spans="3:9" x14ac:dyDescent="0.2">
      <c r="C223" s="236"/>
      <c r="D223" s="236"/>
      <c r="E223" s="236"/>
      <c r="F223" s="236"/>
      <c r="G223" s="236"/>
      <c r="H223" s="236"/>
      <c r="I223" s="236"/>
    </row>
    <row r="224" spans="3:9" x14ac:dyDescent="0.2">
      <c r="C224" s="236"/>
      <c r="D224" s="236"/>
      <c r="E224" s="236"/>
      <c r="F224" s="236"/>
      <c r="G224" s="236"/>
      <c r="H224" s="236"/>
      <c r="I224" s="236"/>
    </row>
    <row r="225" spans="3:9" x14ac:dyDescent="0.2">
      <c r="C225" s="236"/>
      <c r="D225" s="236"/>
      <c r="E225" s="236"/>
      <c r="F225" s="236"/>
      <c r="G225" s="236"/>
      <c r="H225" s="236"/>
      <c r="I225" s="236"/>
    </row>
    <row r="226" spans="3:9" x14ac:dyDescent="0.2">
      <c r="C226" s="236"/>
      <c r="D226" s="236"/>
      <c r="E226" s="236"/>
      <c r="F226" s="236"/>
      <c r="G226" s="236"/>
      <c r="H226" s="236"/>
      <c r="I226" s="236"/>
    </row>
    <row r="227" spans="3:9" x14ac:dyDescent="0.2">
      <c r="C227" s="236"/>
      <c r="D227" s="236"/>
      <c r="E227" s="236"/>
      <c r="F227" s="236"/>
      <c r="G227" s="236"/>
      <c r="H227" s="236"/>
      <c r="I227" s="236"/>
    </row>
    <row r="228" spans="3:9" x14ac:dyDescent="0.2">
      <c r="C228" s="236"/>
      <c r="D228" s="236"/>
      <c r="E228" s="236"/>
      <c r="F228" s="236"/>
      <c r="G228" s="236"/>
      <c r="H228" s="236"/>
      <c r="I228" s="236"/>
    </row>
    <row r="229" spans="3:9" x14ac:dyDescent="0.2">
      <c r="C229" s="236"/>
      <c r="D229" s="236"/>
      <c r="E229" s="236"/>
      <c r="F229" s="236"/>
      <c r="G229" s="236"/>
      <c r="H229" s="236"/>
      <c r="I229" s="236"/>
    </row>
    <row r="230" spans="3:9" x14ac:dyDescent="0.2">
      <c r="C230" s="236"/>
      <c r="D230" s="236"/>
      <c r="E230" s="236"/>
      <c r="F230" s="236"/>
      <c r="G230" s="236"/>
      <c r="H230" s="236"/>
      <c r="I230" s="236"/>
    </row>
    <row r="231" spans="3:9" x14ac:dyDescent="0.2">
      <c r="C231" s="236"/>
      <c r="D231" s="236"/>
      <c r="E231" s="236"/>
      <c r="F231" s="236"/>
      <c r="G231" s="236"/>
      <c r="H231" s="236"/>
      <c r="I231" s="236"/>
    </row>
    <row r="232" spans="3:9" x14ac:dyDescent="0.2">
      <c r="C232" s="236"/>
      <c r="D232" s="236"/>
      <c r="E232" s="236"/>
      <c r="F232" s="236"/>
      <c r="G232" s="236"/>
      <c r="H232" s="236"/>
      <c r="I232" s="236"/>
    </row>
    <row r="233" spans="3:9" x14ac:dyDescent="0.2">
      <c r="C233" s="236"/>
      <c r="D233" s="236"/>
      <c r="E233" s="236"/>
      <c r="F233" s="236"/>
      <c r="G233" s="236"/>
      <c r="H233" s="236"/>
      <c r="I233" s="236"/>
    </row>
    <row r="234" spans="3:9" x14ac:dyDescent="0.2">
      <c r="C234" s="236"/>
      <c r="D234" s="236"/>
      <c r="E234" s="236"/>
      <c r="F234" s="236"/>
      <c r="G234" s="236"/>
      <c r="H234" s="236"/>
      <c r="I234" s="236"/>
    </row>
    <row r="235" spans="3:9" x14ac:dyDescent="0.2">
      <c r="C235" s="236"/>
      <c r="D235" s="236"/>
      <c r="E235" s="236"/>
      <c r="F235" s="236"/>
      <c r="G235" s="236"/>
      <c r="H235" s="236"/>
      <c r="I235" s="236"/>
    </row>
    <row r="236" spans="3:9" x14ac:dyDescent="0.2">
      <c r="C236" s="236"/>
      <c r="D236" s="236"/>
      <c r="E236" s="236"/>
      <c r="F236" s="236"/>
      <c r="G236" s="236"/>
      <c r="H236" s="236"/>
      <c r="I236" s="236"/>
    </row>
    <row r="237" spans="3:9" x14ac:dyDescent="0.2">
      <c r="C237" s="236"/>
      <c r="D237" s="236"/>
      <c r="E237" s="236"/>
      <c r="F237" s="236"/>
      <c r="G237" s="236"/>
      <c r="H237" s="236"/>
      <c r="I237" s="236"/>
    </row>
    <row r="238" spans="3:9" x14ac:dyDescent="0.2">
      <c r="C238" s="236"/>
      <c r="D238" s="236"/>
      <c r="E238" s="236"/>
      <c r="F238" s="236"/>
      <c r="G238" s="236"/>
      <c r="H238" s="236"/>
      <c r="I238" s="236"/>
    </row>
    <row r="239" spans="3:9" x14ac:dyDescent="0.2">
      <c r="C239" s="236"/>
      <c r="D239" s="236"/>
      <c r="E239" s="236"/>
      <c r="F239" s="236"/>
      <c r="G239" s="236"/>
      <c r="H239" s="236"/>
      <c r="I239" s="236"/>
    </row>
    <row r="240" spans="3:9" x14ac:dyDescent="0.2">
      <c r="C240" s="236"/>
      <c r="D240" s="236"/>
      <c r="E240" s="236"/>
      <c r="F240" s="236"/>
      <c r="G240" s="236"/>
      <c r="H240" s="236"/>
      <c r="I240" s="236"/>
    </row>
    <row r="241" spans="3:9" x14ac:dyDescent="0.2">
      <c r="C241" s="236"/>
      <c r="D241" s="236"/>
      <c r="E241" s="236"/>
      <c r="F241" s="236"/>
      <c r="G241" s="236"/>
      <c r="H241" s="236"/>
      <c r="I241" s="236"/>
    </row>
    <row r="242" spans="3:9" x14ac:dyDescent="0.2">
      <c r="C242" s="236"/>
      <c r="D242" s="236"/>
      <c r="E242" s="236"/>
      <c r="F242" s="236"/>
      <c r="G242" s="236"/>
      <c r="H242" s="236"/>
      <c r="I242" s="236"/>
    </row>
    <row r="243" spans="3:9" x14ac:dyDescent="0.2">
      <c r="C243" s="236"/>
      <c r="D243" s="236"/>
      <c r="E243" s="236"/>
      <c r="F243" s="236"/>
      <c r="G243" s="236"/>
      <c r="H243" s="236"/>
      <c r="I243" s="236"/>
    </row>
    <row r="244" spans="3:9" x14ac:dyDescent="0.2">
      <c r="C244" s="236"/>
      <c r="D244" s="236"/>
      <c r="E244" s="236"/>
      <c r="F244" s="236"/>
      <c r="G244" s="236"/>
      <c r="H244" s="236"/>
      <c r="I244" s="236"/>
    </row>
    <row r="245" spans="3:9" x14ac:dyDescent="0.2">
      <c r="C245" s="236"/>
      <c r="D245" s="236"/>
      <c r="E245" s="236"/>
      <c r="F245" s="236"/>
      <c r="G245" s="236"/>
      <c r="H245" s="236"/>
      <c r="I245" s="236"/>
    </row>
    <row r="246" spans="3:9" x14ac:dyDescent="0.2">
      <c r="C246" s="236"/>
      <c r="D246" s="236"/>
      <c r="E246" s="236"/>
      <c r="F246" s="236"/>
      <c r="G246" s="236"/>
      <c r="H246" s="236"/>
      <c r="I246" s="236"/>
    </row>
    <row r="247" spans="3:9" x14ac:dyDescent="0.2">
      <c r="C247" s="236"/>
      <c r="D247" s="236"/>
      <c r="E247" s="236"/>
      <c r="F247" s="236"/>
      <c r="G247" s="236"/>
      <c r="H247" s="236"/>
      <c r="I247" s="236"/>
    </row>
    <row r="248" spans="3:9" x14ac:dyDescent="0.2">
      <c r="C248" s="236"/>
      <c r="D248" s="236"/>
      <c r="E248" s="236"/>
      <c r="F248" s="236"/>
      <c r="G248" s="236"/>
      <c r="H248" s="236"/>
      <c r="I248" s="236"/>
    </row>
    <row r="249" spans="3:9" x14ac:dyDescent="0.2">
      <c r="C249" s="236"/>
      <c r="D249" s="236"/>
      <c r="E249" s="236"/>
      <c r="F249" s="236"/>
      <c r="G249" s="236"/>
      <c r="H249" s="236"/>
      <c r="I249" s="236"/>
    </row>
    <row r="250" spans="3:9" x14ac:dyDescent="0.2">
      <c r="C250" s="236"/>
      <c r="D250" s="236"/>
      <c r="E250" s="236"/>
      <c r="F250" s="236"/>
      <c r="G250" s="236"/>
      <c r="H250" s="236"/>
      <c r="I250" s="236"/>
    </row>
    <row r="251" spans="3:9" x14ac:dyDescent="0.2">
      <c r="C251" s="236"/>
      <c r="D251" s="236"/>
      <c r="E251" s="236"/>
      <c r="F251" s="236"/>
      <c r="G251" s="236"/>
      <c r="H251" s="236"/>
      <c r="I251" s="236"/>
    </row>
    <row r="252" spans="3:9" x14ac:dyDescent="0.2">
      <c r="C252" s="236"/>
      <c r="D252" s="236"/>
      <c r="E252" s="236"/>
      <c r="F252" s="236"/>
      <c r="G252" s="236"/>
      <c r="H252" s="236"/>
      <c r="I252" s="236"/>
    </row>
    <row r="253" spans="3:9" x14ac:dyDescent="0.2">
      <c r="C253" s="236"/>
      <c r="D253" s="236"/>
      <c r="E253" s="236"/>
      <c r="F253" s="236"/>
      <c r="G253" s="236"/>
      <c r="H253" s="236"/>
      <c r="I253" s="236"/>
    </row>
    <row r="254" spans="3:9" x14ac:dyDescent="0.2">
      <c r="C254" s="236"/>
      <c r="D254" s="236"/>
      <c r="E254" s="236"/>
      <c r="F254" s="236"/>
      <c r="G254" s="236"/>
      <c r="H254" s="236"/>
      <c r="I254" s="236"/>
    </row>
    <row r="255" spans="3:9" x14ac:dyDescent="0.2">
      <c r="C255" s="236"/>
      <c r="D255" s="236"/>
      <c r="E255" s="236"/>
      <c r="F255" s="236"/>
      <c r="G255" s="236"/>
      <c r="H255" s="236"/>
      <c r="I255" s="236"/>
    </row>
    <row r="256" spans="3:9" x14ac:dyDescent="0.2">
      <c r="C256" s="236"/>
      <c r="D256" s="236"/>
      <c r="E256" s="236"/>
      <c r="F256" s="236"/>
      <c r="G256" s="236"/>
      <c r="H256" s="236"/>
      <c r="I256" s="236"/>
    </row>
    <row r="257" spans="3:9" x14ac:dyDescent="0.2">
      <c r="C257" s="236"/>
      <c r="D257" s="236"/>
      <c r="E257" s="236"/>
      <c r="F257" s="236"/>
      <c r="G257" s="236"/>
      <c r="H257" s="236"/>
      <c r="I257" s="236"/>
    </row>
    <row r="258" spans="3:9" x14ac:dyDescent="0.2">
      <c r="C258" s="236"/>
      <c r="D258" s="236"/>
      <c r="E258" s="236"/>
      <c r="F258" s="236"/>
      <c r="G258" s="236"/>
      <c r="H258" s="236"/>
      <c r="I258" s="236"/>
    </row>
    <row r="259" spans="3:9" x14ac:dyDescent="0.2">
      <c r="C259" s="236"/>
      <c r="D259" s="236"/>
      <c r="E259" s="236"/>
      <c r="F259" s="236"/>
      <c r="G259" s="236"/>
      <c r="H259" s="236"/>
      <c r="I259" s="236"/>
    </row>
    <row r="260" spans="3:9" x14ac:dyDescent="0.2">
      <c r="C260" s="236"/>
      <c r="D260" s="236"/>
      <c r="E260" s="236"/>
      <c r="F260" s="236"/>
      <c r="G260" s="236"/>
      <c r="H260" s="236"/>
      <c r="I260" s="236"/>
    </row>
    <row r="261" spans="3:9" x14ac:dyDescent="0.2">
      <c r="C261" s="236"/>
      <c r="D261" s="236"/>
      <c r="E261" s="236"/>
      <c r="F261" s="236"/>
      <c r="G261" s="236"/>
      <c r="H261" s="236"/>
      <c r="I261" s="236"/>
    </row>
    <row r="262" spans="3:9" x14ac:dyDescent="0.2">
      <c r="C262" s="236"/>
      <c r="D262" s="236"/>
      <c r="E262" s="236"/>
      <c r="F262" s="236"/>
      <c r="G262" s="236"/>
      <c r="H262" s="236"/>
      <c r="I262" s="236"/>
    </row>
    <row r="263" spans="3:9" x14ac:dyDescent="0.2">
      <c r="C263" s="236"/>
      <c r="D263" s="236"/>
      <c r="E263" s="236"/>
      <c r="F263" s="236"/>
      <c r="G263" s="236"/>
      <c r="H263" s="236"/>
      <c r="I263" s="236"/>
    </row>
    <row r="264" spans="3:9" x14ac:dyDescent="0.2">
      <c r="C264" s="236"/>
      <c r="D264" s="236"/>
      <c r="E264" s="236"/>
      <c r="F264" s="236"/>
      <c r="G264" s="236"/>
      <c r="H264" s="236"/>
      <c r="I264" s="236"/>
    </row>
    <row r="265" spans="3:9" x14ac:dyDescent="0.2">
      <c r="C265" s="236"/>
      <c r="D265" s="236"/>
      <c r="E265" s="236"/>
      <c r="F265" s="236"/>
      <c r="G265" s="236"/>
      <c r="H265" s="236"/>
      <c r="I265" s="236"/>
    </row>
    <row r="266" spans="3:9" x14ac:dyDescent="0.2">
      <c r="C266" s="236"/>
      <c r="D266" s="236"/>
      <c r="E266" s="236"/>
      <c r="F266" s="236"/>
      <c r="G266" s="236"/>
      <c r="H266" s="236"/>
      <c r="I266" s="236"/>
    </row>
    <row r="267" spans="3:9" x14ac:dyDescent="0.2">
      <c r="C267" s="236"/>
      <c r="D267" s="236"/>
      <c r="E267" s="236"/>
      <c r="F267" s="236"/>
      <c r="G267" s="236"/>
      <c r="H267" s="236"/>
      <c r="I267" s="236"/>
    </row>
    <row r="268" spans="3:9" x14ac:dyDescent="0.2">
      <c r="C268" s="236"/>
      <c r="D268" s="236"/>
      <c r="E268" s="236"/>
      <c r="F268" s="236"/>
      <c r="G268" s="236"/>
      <c r="H268" s="236"/>
      <c r="I268" s="236"/>
    </row>
    <row r="269" spans="3:9" x14ac:dyDescent="0.2">
      <c r="C269" s="236"/>
      <c r="D269" s="236"/>
      <c r="E269" s="236"/>
      <c r="F269" s="236"/>
      <c r="G269" s="236"/>
      <c r="H269" s="236"/>
      <c r="I269" s="236"/>
    </row>
    <row r="270" spans="3:9" x14ac:dyDescent="0.2">
      <c r="C270" s="236"/>
      <c r="D270" s="236"/>
      <c r="E270" s="236"/>
      <c r="F270" s="236"/>
      <c r="G270" s="236"/>
      <c r="H270" s="236"/>
      <c r="I270" s="236"/>
    </row>
    <row r="271" spans="3:9" x14ac:dyDescent="0.2">
      <c r="C271" s="236"/>
      <c r="D271" s="236"/>
      <c r="E271" s="236"/>
      <c r="F271" s="236"/>
      <c r="G271" s="236"/>
      <c r="H271" s="236"/>
      <c r="I271" s="236"/>
    </row>
    <row r="272" spans="3:9" x14ac:dyDescent="0.2">
      <c r="C272" s="236"/>
      <c r="D272" s="236"/>
      <c r="E272" s="236"/>
      <c r="F272" s="236"/>
      <c r="G272" s="236"/>
      <c r="H272" s="236"/>
      <c r="I272" s="236"/>
    </row>
    <row r="273" spans="3:9" x14ac:dyDescent="0.2">
      <c r="C273" s="236"/>
      <c r="D273" s="236"/>
      <c r="E273" s="236"/>
      <c r="F273" s="236"/>
      <c r="G273" s="236"/>
      <c r="H273" s="236"/>
      <c r="I273" s="236"/>
    </row>
    <row r="274" spans="3:9" x14ac:dyDescent="0.2">
      <c r="C274" s="236"/>
      <c r="D274" s="236"/>
      <c r="E274" s="236"/>
      <c r="F274" s="236"/>
      <c r="G274" s="236"/>
      <c r="H274" s="236"/>
      <c r="I274" s="236"/>
    </row>
    <row r="275" spans="3:9" x14ac:dyDescent="0.2">
      <c r="C275" s="236"/>
      <c r="D275" s="236"/>
      <c r="E275" s="236"/>
      <c r="F275" s="236"/>
      <c r="G275" s="236"/>
      <c r="H275" s="236"/>
      <c r="I275" s="236"/>
    </row>
    <row r="276" spans="3:9" x14ac:dyDescent="0.2">
      <c r="C276" s="236"/>
      <c r="D276" s="236"/>
      <c r="E276" s="236"/>
      <c r="F276" s="236"/>
      <c r="G276" s="236"/>
      <c r="H276" s="236"/>
      <c r="I276" s="236"/>
    </row>
    <row r="277" spans="3:9" x14ac:dyDescent="0.2">
      <c r="C277" s="236"/>
      <c r="D277" s="236"/>
      <c r="E277" s="236"/>
      <c r="F277" s="236"/>
      <c r="G277" s="236"/>
      <c r="H277" s="236"/>
      <c r="I277" s="236"/>
    </row>
    <row r="278" spans="3:9" x14ac:dyDescent="0.2">
      <c r="C278" s="236"/>
      <c r="D278" s="236"/>
      <c r="E278" s="236"/>
      <c r="F278" s="236"/>
      <c r="G278" s="236"/>
      <c r="H278" s="236"/>
      <c r="I278" s="236"/>
    </row>
    <row r="279" spans="3:9" x14ac:dyDescent="0.2">
      <c r="C279" s="236"/>
      <c r="D279" s="236"/>
      <c r="E279" s="236"/>
      <c r="F279" s="236"/>
      <c r="G279" s="236"/>
      <c r="H279" s="236"/>
      <c r="I279" s="236"/>
    </row>
    <row r="280" spans="3:9" x14ac:dyDescent="0.2">
      <c r="C280" s="236"/>
      <c r="D280" s="236"/>
      <c r="E280" s="236"/>
      <c r="F280" s="236"/>
      <c r="G280" s="236"/>
      <c r="H280" s="236"/>
      <c r="I280" s="236"/>
    </row>
    <row r="281" spans="3:9" x14ac:dyDescent="0.2">
      <c r="C281" s="236"/>
      <c r="D281" s="236"/>
      <c r="E281" s="236"/>
      <c r="F281" s="236"/>
      <c r="G281" s="236"/>
      <c r="H281" s="236"/>
      <c r="I281" s="236"/>
    </row>
    <row r="282" spans="3:9" x14ac:dyDescent="0.2">
      <c r="C282" s="236"/>
      <c r="D282" s="236"/>
      <c r="E282" s="236"/>
      <c r="F282" s="236"/>
      <c r="G282" s="236"/>
      <c r="H282" s="236"/>
      <c r="I282" s="236"/>
    </row>
    <row r="283" spans="3:9" x14ac:dyDescent="0.2">
      <c r="C283" s="236"/>
      <c r="D283" s="236"/>
      <c r="E283" s="236"/>
      <c r="F283" s="236"/>
      <c r="G283" s="236"/>
      <c r="H283" s="236"/>
      <c r="I283" s="236"/>
    </row>
    <row r="284" spans="3:9" x14ac:dyDescent="0.2">
      <c r="C284" s="236"/>
      <c r="D284" s="236"/>
      <c r="E284" s="236"/>
      <c r="F284" s="236"/>
      <c r="G284" s="236"/>
      <c r="H284" s="236"/>
      <c r="I284" s="236"/>
    </row>
    <row r="285" spans="3:9" x14ac:dyDescent="0.2">
      <c r="C285" s="236"/>
      <c r="D285" s="236"/>
      <c r="E285" s="236"/>
      <c r="F285" s="236"/>
      <c r="G285" s="236"/>
      <c r="H285" s="236"/>
      <c r="I285" s="236"/>
    </row>
    <row r="286" spans="3:9" x14ac:dyDescent="0.2">
      <c r="C286" s="236"/>
      <c r="D286" s="236"/>
      <c r="E286" s="236"/>
      <c r="F286" s="236"/>
      <c r="G286" s="236"/>
      <c r="H286" s="236"/>
      <c r="I286" s="236"/>
    </row>
    <row r="287" spans="3:9" x14ac:dyDescent="0.2">
      <c r="C287" s="236"/>
      <c r="D287" s="236"/>
      <c r="E287" s="236"/>
      <c r="F287" s="236"/>
      <c r="G287" s="236"/>
      <c r="H287" s="236"/>
      <c r="I287" s="236"/>
    </row>
    <row r="288" spans="3:9" x14ac:dyDescent="0.2">
      <c r="C288" s="236"/>
      <c r="D288" s="236"/>
      <c r="E288" s="236"/>
      <c r="F288" s="236"/>
      <c r="G288" s="236"/>
      <c r="H288" s="236"/>
      <c r="I288" s="236"/>
    </row>
    <row r="289" spans="3:9" x14ac:dyDescent="0.2">
      <c r="C289" s="236"/>
      <c r="D289" s="236"/>
      <c r="E289" s="236"/>
      <c r="F289" s="236"/>
      <c r="G289" s="236"/>
      <c r="H289" s="236"/>
      <c r="I289" s="236"/>
    </row>
    <row r="290" spans="3:9" x14ac:dyDescent="0.2">
      <c r="C290" s="236"/>
      <c r="D290" s="236"/>
      <c r="E290" s="236"/>
      <c r="F290" s="236"/>
      <c r="G290" s="236"/>
      <c r="H290" s="236"/>
      <c r="I290" s="236"/>
    </row>
    <row r="291" spans="3:9" x14ac:dyDescent="0.2">
      <c r="C291" s="236"/>
      <c r="D291" s="236"/>
      <c r="E291" s="236"/>
      <c r="F291" s="236"/>
      <c r="G291" s="236"/>
      <c r="H291" s="236"/>
      <c r="I291" s="236"/>
    </row>
    <row r="292" spans="3:9" x14ac:dyDescent="0.2">
      <c r="C292" s="236"/>
      <c r="D292" s="236"/>
      <c r="E292" s="236"/>
      <c r="F292" s="236"/>
      <c r="G292" s="236"/>
      <c r="H292" s="236"/>
      <c r="I292" s="236"/>
    </row>
    <row r="293" spans="3:9" x14ac:dyDescent="0.2">
      <c r="C293" s="236"/>
      <c r="D293" s="236"/>
      <c r="E293" s="236"/>
      <c r="F293" s="236"/>
      <c r="G293" s="236"/>
      <c r="H293" s="236"/>
      <c r="I293" s="236"/>
    </row>
    <row r="294" spans="3:9" x14ac:dyDescent="0.2">
      <c r="C294" s="236"/>
      <c r="D294" s="236"/>
      <c r="E294" s="236"/>
      <c r="F294" s="236"/>
      <c r="G294" s="236"/>
      <c r="H294" s="236"/>
      <c r="I294" s="236"/>
    </row>
    <row r="295" spans="3:9" x14ac:dyDescent="0.2">
      <c r="C295" s="236"/>
      <c r="D295" s="236"/>
      <c r="E295" s="236"/>
      <c r="F295" s="236"/>
      <c r="G295" s="236"/>
      <c r="H295" s="236"/>
      <c r="I295" s="236"/>
    </row>
    <row r="296" spans="3:9" x14ac:dyDescent="0.2">
      <c r="C296" s="236"/>
      <c r="D296" s="236"/>
      <c r="E296" s="236"/>
      <c r="F296" s="236"/>
      <c r="G296" s="236"/>
      <c r="H296" s="236"/>
      <c r="I296" s="236"/>
    </row>
    <row r="297" spans="3:9" x14ac:dyDescent="0.2">
      <c r="C297" s="236"/>
      <c r="D297" s="236"/>
      <c r="E297" s="236"/>
      <c r="F297" s="236"/>
      <c r="G297" s="236"/>
      <c r="H297" s="236"/>
      <c r="I297" s="236"/>
    </row>
    <row r="298" spans="3:9" x14ac:dyDescent="0.2">
      <c r="C298" s="236"/>
      <c r="D298" s="236"/>
      <c r="E298" s="236"/>
      <c r="F298" s="236"/>
      <c r="G298" s="236"/>
      <c r="H298" s="236"/>
      <c r="I298" s="236"/>
    </row>
    <row r="299" spans="3:9" x14ac:dyDescent="0.2">
      <c r="C299" s="236"/>
      <c r="D299" s="236"/>
      <c r="E299" s="236"/>
      <c r="F299" s="236"/>
      <c r="G299" s="236"/>
      <c r="H299" s="236"/>
      <c r="I299" s="236"/>
    </row>
    <row r="300" spans="3:9" x14ac:dyDescent="0.2">
      <c r="C300" s="236"/>
      <c r="D300" s="236"/>
      <c r="E300" s="236"/>
      <c r="F300" s="236"/>
      <c r="G300" s="236"/>
      <c r="H300" s="236"/>
      <c r="I300" s="236"/>
    </row>
    <row r="301" spans="3:9" x14ac:dyDescent="0.2">
      <c r="C301" s="236"/>
      <c r="D301" s="236"/>
      <c r="E301" s="236"/>
      <c r="F301" s="236"/>
      <c r="G301" s="236"/>
      <c r="H301" s="236"/>
      <c r="I301" s="236"/>
    </row>
    <row r="302" spans="3:9" x14ac:dyDescent="0.2">
      <c r="C302" s="236"/>
      <c r="D302" s="236"/>
      <c r="E302" s="236"/>
      <c r="F302" s="236"/>
      <c r="G302" s="236"/>
      <c r="H302" s="236"/>
      <c r="I302" s="236"/>
    </row>
    <row r="303" spans="3:9" x14ac:dyDescent="0.2">
      <c r="C303" s="236"/>
      <c r="D303" s="236"/>
      <c r="E303" s="236"/>
      <c r="F303" s="236"/>
      <c r="G303" s="236"/>
      <c r="H303" s="236"/>
      <c r="I303" s="236"/>
    </row>
    <row r="304" spans="3:9" x14ac:dyDescent="0.2">
      <c r="C304" s="236"/>
      <c r="D304" s="236"/>
      <c r="E304" s="236"/>
      <c r="F304" s="236"/>
      <c r="G304" s="236"/>
      <c r="H304" s="236"/>
      <c r="I304" s="236"/>
    </row>
    <row r="305" spans="3:9" x14ac:dyDescent="0.2">
      <c r="C305" s="236"/>
      <c r="D305" s="236"/>
      <c r="E305" s="236"/>
      <c r="F305" s="236"/>
      <c r="G305" s="236"/>
      <c r="H305" s="236"/>
      <c r="I305" s="236"/>
    </row>
    <row r="306" spans="3:9" x14ac:dyDescent="0.2">
      <c r="C306" s="236"/>
      <c r="D306" s="236"/>
      <c r="E306" s="236"/>
      <c r="F306" s="236"/>
      <c r="G306" s="236"/>
      <c r="H306" s="236"/>
      <c r="I306" s="236"/>
    </row>
    <row r="307" spans="3:9" x14ac:dyDescent="0.2">
      <c r="C307" s="236"/>
      <c r="D307" s="236"/>
      <c r="E307" s="236"/>
      <c r="F307" s="236"/>
      <c r="G307" s="236"/>
      <c r="H307" s="236"/>
      <c r="I307" s="236"/>
    </row>
    <row r="308" spans="3:9" x14ac:dyDescent="0.2">
      <c r="C308" s="236"/>
      <c r="D308" s="236"/>
      <c r="E308" s="236"/>
      <c r="F308" s="236"/>
      <c r="G308" s="236"/>
      <c r="H308" s="236"/>
      <c r="I308" s="236"/>
    </row>
    <row r="309" spans="3:9" x14ac:dyDescent="0.2">
      <c r="C309" s="236"/>
      <c r="D309" s="236"/>
      <c r="E309" s="236"/>
      <c r="F309" s="236"/>
      <c r="G309" s="236"/>
      <c r="H309" s="236"/>
      <c r="I309" s="236"/>
    </row>
    <row r="310" spans="3:9" x14ac:dyDescent="0.2">
      <c r="C310" s="236"/>
      <c r="D310" s="236"/>
      <c r="E310" s="236"/>
      <c r="F310" s="236"/>
      <c r="G310" s="236"/>
      <c r="H310" s="236"/>
      <c r="I310" s="236"/>
    </row>
    <row r="311" spans="3:9" x14ac:dyDescent="0.2">
      <c r="C311" s="236"/>
      <c r="D311" s="236"/>
      <c r="E311" s="236"/>
      <c r="F311" s="236"/>
      <c r="G311" s="236"/>
      <c r="H311" s="236"/>
      <c r="I311" s="236"/>
    </row>
    <row r="312" spans="3:9" x14ac:dyDescent="0.2">
      <c r="C312" s="236"/>
      <c r="D312" s="236"/>
      <c r="E312" s="236"/>
      <c r="F312" s="236"/>
      <c r="G312" s="236"/>
      <c r="H312" s="236"/>
      <c r="I312" s="236"/>
    </row>
    <row r="313" spans="3:9" x14ac:dyDescent="0.2">
      <c r="C313" s="236"/>
      <c r="D313" s="236"/>
      <c r="E313" s="236"/>
      <c r="F313" s="236"/>
      <c r="G313" s="236"/>
      <c r="H313" s="236"/>
      <c r="I313" s="236"/>
    </row>
    <row r="314" spans="3:9" x14ac:dyDescent="0.2">
      <c r="C314" s="236"/>
      <c r="D314" s="236"/>
      <c r="E314" s="236"/>
      <c r="F314" s="236"/>
      <c r="G314" s="236"/>
      <c r="H314" s="236"/>
      <c r="I314" s="236"/>
    </row>
    <row r="315" spans="3:9" x14ac:dyDescent="0.2">
      <c r="C315" s="236"/>
      <c r="D315" s="236"/>
      <c r="E315" s="236"/>
      <c r="F315" s="236"/>
      <c r="G315" s="236"/>
      <c r="H315" s="236"/>
      <c r="I315" s="236"/>
    </row>
    <row r="316" spans="3:9" x14ac:dyDescent="0.2">
      <c r="C316" s="236"/>
      <c r="D316" s="236"/>
      <c r="E316" s="236"/>
      <c r="F316" s="236"/>
      <c r="G316" s="236"/>
      <c r="H316" s="236"/>
      <c r="I316" s="236"/>
    </row>
    <row r="317" spans="3:9" x14ac:dyDescent="0.2">
      <c r="C317" s="236"/>
      <c r="D317" s="236"/>
      <c r="E317" s="236"/>
      <c r="F317" s="236"/>
      <c r="G317" s="236"/>
      <c r="H317" s="236"/>
      <c r="I317" s="236"/>
    </row>
    <row r="318" spans="3:9" x14ac:dyDescent="0.2">
      <c r="C318" s="236"/>
      <c r="D318" s="236"/>
      <c r="E318" s="236"/>
      <c r="F318" s="236"/>
      <c r="G318" s="236"/>
      <c r="H318" s="236"/>
      <c r="I318" s="236"/>
    </row>
    <row r="319" spans="3:9" x14ac:dyDescent="0.2">
      <c r="C319" s="236"/>
      <c r="D319" s="236"/>
      <c r="E319" s="236"/>
      <c r="F319" s="236"/>
      <c r="G319" s="236"/>
      <c r="H319" s="236"/>
      <c r="I319" s="236"/>
    </row>
    <row r="320" spans="3:9" x14ac:dyDescent="0.2">
      <c r="C320" s="236"/>
      <c r="D320" s="236"/>
      <c r="E320" s="236"/>
      <c r="F320" s="236"/>
      <c r="G320" s="236"/>
      <c r="H320" s="236"/>
      <c r="I320" s="236"/>
    </row>
    <row r="321" spans="3:9" x14ac:dyDescent="0.2">
      <c r="C321" s="236"/>
      <c r="D321" s="236"/>
      <c r="E321" s="236"/>
      <c r="F321" s="236"/>
      <c r="G321" s="236"/>
      <c r="H321" s="236"/>
      <c r="I321" s="236"/>
    </row>
    <row r="322" spans="3:9" x14ac:dyDescent="0.2">
      <c r="C322" s="236"/>
      <c r="D322" s="236"/>
      <c r="E322" s="236"/>
      <c r="F322" s="236"/>
      <c r="G322" s="236"/>
      <c r="H322" s="236"/>
      <c r="I322" s="236"/>
    </row>
    <row r="323" spans="3:9" x14ac:dyDescent="0.2">
      <c r="C323" s="236"/>
      <c r="D323" s="236"/>
      <c r="E323" s="236"/>
      <c r="F323" s="236"/>
      <c r="G323" s="236"/>
      <c r="H323" s="236"/>
      <c r="I323" s="236"/>
    </row>
    <row r="324" spans="3:9" x14ac:dyDescent="0.2">
      <c r="C324" s="236"/>
      <c r="D324" s="236"/>
      <c r="E324" s="236"/>
      <c r="F324" s="236"/>
      <c r="G324" s="236"/>
      <c r="H324" s="236"/>
      <c r="I324" s="236"/>
    </row>
    <row r="325" spans="3:9" x14ac:dyDescent="0.2">
      <c r="C325" s="236"/>
      <c r="D325" s="236"/>
      <c r="E325" s="236"/>
      <c r="F325" s="236"/>
      <c r="G325" s="236"/>
      <c r="H325" s="236"/>
      <c r="I325" s="236"/>
    </row>
    <row r="326" spans="3:9" x14ac:dyDescent="0.2">
      <c r="C326" s="236"/>
      <c r="D326" s="236"/>
      <c r="E326" s="236"/>
      <c r="F326" s="236"/>
      <c r="G326" s="236"/>
      <c r="H326" s="236"/>
      <c r="I326" s="236"/>
    </row>
    <row r="327" spans="3:9" x14ac:dyDescent="0.2">
      <c r="C327" s="236"/>
      <c r="D327" s="236"/>
      <c r="E327" s="236"/>
      <c r="F327" s="236"/>
      <c r="G327" s="236"/>
      <c r="H327" s="236"/>
      <c r="I327" s="236"/>
    </row>
    <row r="328" spans="3:9" x14ac:dyDescent="0.2">
      <c r="C328" s="236"/>
      <c r="D328" s="236"/>
      <c r="E328" s="236"/>
      <c r="F328" s="236"/>
      <c r="G328" s="236"/>
      <c r="H328" s="236"/>
      <c r="I328" s="236"/>
    </row>
    <row r="329" spans="3:9" x14ac:dyDescent="0.2">
      <c r="C329" s="236"/>
      <c r="D329" s="236"/>
      <c r="E329" s="236"/>
      <c r="F329" s="236"/>
      <c r="G329" s="236"/>
      <c r="H329" s="236"/>
      <c r="I329" s="236"/>
    </row>
    <row r="330" spans="3:9" x14ac:dyDescent="0.2">
      <c r="C330" s="236"/>
      <c r="D330" s="236"/>
      <c r="E330" s="236"/>
      <c r="F330" s="236"/>
      <c r="G330" s="236"/>
      <c r="H330" s="236"/>
      <c r="I330" s="236"/>
    </row>
    <row r="331" spans="3:9" x14ac:dyDescent="0.2">
      <c r="C331" s="236"/>
      <c r="D331" s="236"/>
      <c r="E331" s="236"/>
      <c r="F331" s="236"/>
      <c r="G331" s="236"/>
      <c r="H331" s="236"/>
      <c r="I331" s="236"/>
    </row>
    <row r="332" spans="3:9" x14ac:dyDescent="0.2">
      <c r="C332" s="236"/>
      <c r="D332" s="236"/>
      <c r="E332" s="236"/>
      <c r="F332" s="236"/>
      <c r="G332" s="236"/>
      <c r="H332" s="236"/>
      <c r="I332" s="236"/>
    </row>
    <row r="333" spans="3:9" x14ac:dyDescent="0.2">
      <c r="C333" s="236"/>
      <c r="D333" s="236"/>
      <c r="E333" s="236"/>
      <c r="F333" s="236"/>
      <c r="G333" s="236"/>
      <c r="H333" s="236"/>
      <c r="I333" s="236"/>
    </row>
    <row r="334" spans="3:9" x14ac:dyDescent="0.2">
      <c r="C334" s="236"/>
      <c r="D334" s="236"/>
      <c r="E334" s="236"/>
      <c r="F334" s="236"/>
      <c r="G334" s="236"/>
      <c r="H334" s="236"/>
      <c r="I334" s="236"/>
    </row>
    <row r="335" spans="3:9" x14ac:dyDescent="0.2">
      <c r="C335" s="236"/>
      <c r="D335" s="236"/>
      <c r="E335" s="236"/>
      <c r="F335" s="236"/>
      <c r="G335" s="236"/>
      <c r="H335" s="236"/>
      <c r="I335" s="236"/>
    </row>
    <row r="336" spans="3:9" x14ac:dyDescent="0.2">
      <c r="C336" s="236"/>
      <c r="D336" s="236"/>
      <c r="E336" s="236"/>
      <c r="F336" s="236"/>
      <c r="G336" s="236"/>
      <c r="H336" s="236"/>
      <c r="I336" s="236"/>
    </row>
    <row r="337" spans="3:9" x14ac:dyDescent="0.2">
      <c r="C337" s="236"/>
      <c r="D337" s="236"/>
      <c r="E337" s="236"/>
      <c r="F337" s="236"/>
      <c r="G337" s="236"/>
      <c r="H337" s="236"/>
      <c r="I337" s="236"/>
    </row>
    <row r="338" spans="3:9" x14ac:dyDescent="0.2">
      <c r="C338" s="236"/>
      <c r="D338" s="236"/>
      <c r="E338" s="236"/>
      <c r="F338" s="236"/>
      <c r="G338" s="236"/>
      <c r="H338" s="236"/>
      <c r="I338" s="236"/>
    </row>
    <row r="339" spans="3:9" x14ac:dyDescent="0.2">
      <c r="C339" s="236"/>
      <c r="D339" s="236"/>
      <c r="E339" s="236"/>
      <c r="F339" s="236"/>
      <c r="G339" s="236"/>
      <c r="H339" s="236"/>
      <c r="I339" s="236"/>
    </row>
    <row r="340" spans="3:9" x14ac:dyDescent="0.2">
      <c r="C340" s="236"/>
      <c r="D340" s="236"/>
      <c r="E340" s="236"/>
      <c r="F340" s="236"/>
      <c r="G340" s="236"/>
      <c r="H340" s="236"/>
      <c r="I340" s="236"/>
    </row>
    <row r="341" spans="3:9" x14ac:dyDescent="0.2">
      <c r="C341" s="236"/>
      <c r="D341" s="236"/>
      <c r="E341" s="236"/>
      <c r="F341" s="236"/>
      <c r="G341" s="236"/>
      <c r="H341" s="236"/>
      <c r="I341" s="236"/>
    </row>
    <row r="342" spans="3:9" x14ac:dyDescent="0.2">
      <c r="C342" s="236"/>
      <c r="D342" s="236"/>
      <c r="E342" s="236"/>
      <c r="F342" s="236"/>
      <c r="G342" s="236"/>
      <c r="H342" s="236"/>
      <c r="I342" s="236"/>
    </row>
    <row r="343" spans="3:9" x14ac:dyDescent="0.2">
      <c r="C343" s="236"/>
      <c r="D343" s="236"/>
      <c r="E343" s="236"/>
      <c r="F343" s="236"/>
      <c r="G343" s="236"/>
      <c r="H343" s="236"/>
      <c r="I343" s="236"/>
    </row>
    <row r="344" spans="3:9" x14ac:dyDescent="0.2">
      <c r="C344" s="236"/>
      <c r="D344" s="236"/>
      <c r="E344" s="236"/>
      <c r="F344" s="236"/>
      <c r="G344" s="236"/>
      <c r="H344" s="236"/>
      <c r="I344" s="236"/>
    </row>
    <row r="345" spans="3:9" x14ac:dyDescent="0.2">
      <c r="C345" s="236"/>
      <c r="D345" s="236"/>
      <c r="E345" s="236"/>
      <c r="F345" s="236"/>
      <c r="G345" s="236"/>
      <c r="H345" s="236"/>
      <c r="I345" s="236"/>
    </row>
    <row r="346" spans="3:9" x14ac:dyDescent="0.2">
      <c r="C346" s="236"/>
      <c r="D346" s="236"/>
      <c r="E346" s="236"/>
      <c r="F346" s="236"/>
      <c r="G346" s="236"/>
      <c r="H346" s="236"/>
      <c r="I346" s="236"/>
    </row>
    <row r="347" spans="3:9" x14ac:dyDescent="0.2">
      <c r="C347" s="236"/>
      <c r="D347" s="236"/>
      <c r="E347" s="236"/>
      <c r="F347" s="236"/>
      <c r="G347" s="236"/>
      <c r="H347" s="236"/>
      <c r="I347" s="236"/>
    </row>
    <row r="348" spans="3:9" x14ac:dyDescent="0.2">
      <c r="C348" s="236"/>
      <c r="D348" s="236"/>
      <c r="E348" s="236"/>
      <c r="F348" s="236"/>
      <c r="G348" s="236"/>
      <c r="H348" s="236"/>
      <c r="I348" s="236"/>
    </row>
    <row r="349" spans="3:9" x14ac:dyDescent="0.2">
      <c r="C349" s="236"/>
      <c r="D349" s="236"/>
      <c r="E349" s="236"/>
      <c r="F349" s="236"/>
      <c r="G349" s="236"/>
      <c r="H349" s="236"/>
      <c r="I349" s="236"/>
    </row>
    <row r="350" spans="3:9" x14ac:dyDescent="0.2">
      <c r="C350" s="236"/>
      <c r="D350" s="236"/>
      <c r="E350" s="236"/>
      <c r="F350" s="236"/>
      <c r="G350" s="236"/>
      <c r="H350" s="236"/>
      <c r="I350" s="236"/>
    </row>
    <row r="351" spans="3:9" x14ac:dyDescent="0.2">
      <c r="C351" s="236"/>
      <c r="D351" s="236"/>
      <c r="E351" s="236"/>
      <c r="F351" s="236"/>
      <c r="G351" s="236"/>
      <c r="H351" s="236"/>
      <c r="I351" s="236"/>
    </row>
    <row r="352" spans="3:9" x14ac:dyDescent="0.2">
      <c r="C352" s="236"/>
      <c r="D352" s="236"/>
      <c r="E352" s="236"/>
      <c r="F352" s="236"/>
      <c r="G352" s="236"/>
      <c r="H352" s="236"/>
      <c r="I352" s="236"/>
    </row>
    <row r="353" spans="3:9" x14ac:dyDescent="0.2">
      <c r="C353" s="236"/>
      <c r="D353" s="236"/>
      <c r="E353" s="236"/>
      <c r="F353" s="236"/>
      <c r="G353" s="236"/>
      <c r="H353" s="236"/>
      <c r="I353" s="236"/>
    </row>
    <row r="354" spans="3:9" x14ac:dyDescent="0.2">
      <c r="C354" s="236"/>
      <c r="D354" s="236"/>
      <c r="E354" s="236"/>
      <c r="F354" s="236"/>
      <c r="G354" s="236"/>
      <c r="H354" s="236"/>
      <c r="I354" s="236"/>
    </row>
    <row r="355" spans="3:9" x14ac:dyDescent="0.2">
      <c r="C355" s="236"/>
      <c r="D355" s="236"/>
      <c r="E355" s="236"/>
      <c r="F355" s="236"/>
      <c r="G355" s="236"/>
      <c r="H355" s="236"/>
      <c r="I355" s="236"/>
    </row>
    <row r="356" spans="3:9" x14ac:dyDescent="0.2">
      <c r="C356" s="236"/>
      <c r="D356" s="236"/>
      <c r="E356" s="236"/>
      <c r="F356" s="236"/>
      <c r="G356" s="236"/>
      <c r="H356" s="236"/>
      <c r="I356" s="236"/>
    </row>
    <row r="357" spans="3:9" x14ac:dyDescent="0.2">
      <c r="C357" s="236"/>
      <c r="D357" s="236"/>
      <c r="E357" s="236"/>
      <c r="F357" s="236"/>
      <c r="G357" s="236"/>
      <c r="H357" s="236"/>
      <c r="I357" s="236"/>
    </row>
    <row r="358" spans="3:9" x14ac:dyDescent="0.2">
      <c r="C358" s="236"/>
      <c r="D358" s="236"/>
      <c r="E358" s="236"/>
      <c r="F358" s="236"/>
      <c r="G358" s="236"/>
      <c r="H358" s="236"/>
      <c r="I358" s="236"/>
    </row>
    <row r="359" spans="3:9" x14ac:dyDescent="0.2">
      <c r="C359" s="236"/>
      <c r="D359" s="236"/>
      <c r="E359" s="236"/>
      <c r="F359" s="236"/>
      <c r="G359" s="236"/>
      <c r="H359" s="236"/>
      <c r="I359" s="236"/>
    </row>
    <row r="360" spans="3:9" x14ac:dyDescent="0.2">
      <c r="C360" s="236"/>
      <c r="D360" s="236"/>
      <c r="E360" s="236"/>
      <c r="F360" s="236"/>
      <c r="G360" s="236"/>
      <c r="H360" s="236"/>
      <c r="I360" s="236"/>
    </row>
    <row r="361" spans="3:9" x14ac:dyDescent="0.2">
      <c r="C361" s="236"/>
      <c r="D361" s="236"/>
      <c r="E361" s="236"/>
      <c r="F361" s="236"/>
      <c r="G361" s="236"/>
      <c r="H361" s="236"/>
      <c r="I361" s="236"/>
    </row>
    <row r="362" spans="3:9" x14ac:dyDescent="0.2">
      <c r="C362" s="236"/>
      <c r="D362" s="236"/>
      <c r="E362" s="236"/>
      <c r="F362" s="236"/>
      <c r="G362" s="236"/>
      <c r="H362" s="236"/>
      <c r="I362" s="236"/>
    </row>
    <row r="363" spans="3:9" x14ac:dyDescent="0.2">
      <c r="C363" s="236"/>
      <c r="D363" s="236"/>
      <c r="E363" s="236"/>
      <c r="F363" s="236"/>
      <c r="G363" s="236"/>
      <c r="H363" s="236"/>
      <c r="I363" s="236"/>
    </row>
    <row r="364" spans="3:9" x14ac:dyDescent="0.2">
      <c r="C364" s="236"/>
      <c r="D364" s="236"/>
      <c r="E364" s="236"/>
      <c r="F364" s="236"/>
      <c r="G364" s="236"/>
      <c r="H364" s="236"/>
      <c r="I364" s="236"/>
    </row>
    <row r="365" spans="3:9" x14ac:dyDescent="0.2">
      <c r="C365" s="236"/>
      <c r="D365" s="236"/>
      <c r="E365" s="236"/>
      <c r="F365" s="236"/>
      <c r="G365" s="236"/>
      <c r="H365" s="236"/>
      <c r="I365" s="236"/>
    </row>
    <row r="366" spans="3:9" x14ac:dyDescent="0.2">
      <c r="C366" s="236"/>
      <c r="D366" s="236"/>
      <c r="E366" s="236"/>
      <c r="F366" s="236"/>
      <c r="G366" s="236"/>
      <c r="H366" s="236"/>
      <c r="I366" s="236"/>
    </row>
    <row r="367" spans="3:9" x14ac:dyDescent="0.2">
      <c r="C367" s="236"/>
      <c r="D367" s="236"/>
      <c r="E367" s="236"/>
      <c r="F367" s="236"/>
      <c r="G367" s="236"/>
      <c r="H367" s="236"/>
      <c r="I367" s="236"/>
    </row>
    <row r="368" spans="3:9" x14ac:dyDescent="0.2">
      <c r="C368" s="236"/>
      <c r="D368" s="236"/>
      <c r="E368" s="236"/>
      <c r="F368" s="236"/>
      <c r="G368" s="236"/>
      <c r="H368" s="236"/>
      <c r="I368" s="236"/>
    </row>
    <row r="369" spans="3:9" x14ac:dyDescent="0.2">
      <c r="C369" s="236"/>
      <c r="D369" s="236"/>
      <c r="E369" s="236"/>
      <c r="F369" s="236"/>
      <c r="G369" s="236"/>
      <c r="H369" s="236"/>
      <c r="I369" s="236"/>
    </row>
    <row r="370" spans="3:9" x14ac:dyDescent="0.2">
      <c r="C370" s="236"/>
      <c r="D370" s="236"/>
      <c r="E370" s="236"/>
      <c r="F370" s="236"/>
      <c r="G370" s="236"/>
      <c r="H370" s="236"/>
      <c r="I370" s="236"/>
    </row>
    <row r="371" spans="3:9" x14ac:dyDescent="0.2">
      <c r="C371" s="236"/>
      <c r="D371" s="236"/>
      <c r="E371" s="236"/>
      <c r="F371" s="236"/>
      <c r="G371" s="236"/>
      <c r="H371" s="236"/>
      <c r="I371" s="236"/>
    </row>
    <row r="372" spans="3:9" x14ac:dyDescent="0.2">
      <c r="C372" s="236"/>
      <c r="D372" s="236"/>
      <c r="E372" s="236"/>
      <c r="F372" s="236"/>
      <c r="G372" s="236"/>
      <c r="H372" s="236"/>
      <c r="I372" s="236"/>
    </row>
    <row r="373" spans="3:9" x14ac:dyDescent="0.2">
      <c r="C373" s="236"/>
      <c r="D373" s="236"/>
      <c r="E373" s="236"/>
      <c r="F373" s="236"/>
      <c r="G373" s="236"/>
      <c r="H373" s="236"/>
      <c r="I373" s="236"/>
    </row>
    <row r="374" spans="3:9" x14ac:dyDescent="0.2">
      <c r="C374" s="236"/>
      <c r="D374" s="236"/>
      <c r="E374" s="236"/>
      <c r="F374" s="236"/>
      <c r="G374" s="236"/>
      <c r="H374" s="236"/>
      <c r="I374" s="236"/>
    </row>
    <row r="375" spans="3:9" x14ac:dyDescent="0.2">
      <c r="C375" s="236"/>
      <c r="D375" s="236"/>
      <c r="E375" s="236"/>
      <c r="F375" s="236"/>
      <c r="G375" s="236"/>
      <c r="H375" s="236"/>
      <c r="I375" s="236"/>
    </row>
    <row r="376" spans="3:9" x14ac:dyDescent="0.2">
      <c r="C376" s="236"/>
      <c r="D376" s="236"/>
      <c r="E376" s="236"/>
      <c r="F376" s="236"/>
      <c r="G376" s="236"/>
      <c r="H376" s="236"/>
      <c r="I376" s="236"/>
    </row>
    <row r="377" spans="3:9" x14ac:dyDescent="0.2">
      <c r="C377" s="236"/>
      <c r="D377" s="236"/>
      <c r="E377" s="236"/>
      <c r="F377" s="236"/>
      <c r="G377" s="236"/>
      <c r="H377" s="236"/>
      <c r="I377" s="236"/>
    </row>
    <row r="378" spans="3:9" x14ac:dyDescent="0.2">
      <c r="C378" s="236"/>
      <c r="D378" s="236"/>
      <c r="E378" s="236"/>
      <c r="F378" s="236"/>
      <c r="G378" s="236"/>
      <c r="H378" s="236"/>
      <c r="I378" s="236"/>
    </row>
    <row r="379" spans="3:9" x14ac:dyDescent="0.2">
      <c r="C379" s="236"/>
      <c r="D379" s="236"/>
      <c r="E379" s="236"/>
      <c r="F379" s="236"/>
      <c r="G379" s="236"/>
      <c r="H379" s="236"/>
      <c r="I379" s="236"/>
    </row>
    <row r="380" spans="3:9" x14ac:dyDescent="0.2">
      <c r="C380" s="236"/>
      <c r="D380" s="236"/>
      <c r="E380" s="236"/>
      <c r="F380" s="236"/>
      <c r="G380" s="236"/>
      <c r="H380" s="236"/>
      <c r="I380" s="236"/>
    </row>
    <row r="381" spans="3:9" x14ac:dyDescent="0.2">
      <c r="C381" s="236"/>
      <c r="D381" s="236"/>
      <c r="E381" s="236"/>
      <c r="F381" s="236"/>
      <c r="G381" s="236"/>
      <c r="H381" s="236"/>
      <c r="I381" s="236"/>
    </row>
    <row r="382" spans="3:9" x14ac:dyDescent="0.2">
      <c r="C382" s="236"/>
      <c r="D382" s="236"/>
      <c r="E382" s="236"/>
      <c r="F382" s="236"/>
      <c r="G382" s="236"/>
      <c r="H382" s="236"/>
      <c r="I382" s="236"/>
    </row>
    <row r="383" spans="3:9" x14ac:dyDescent="0.2">
      <c r="C383" s="236"/>
      <c r="D383" s="236"/>
      <c r="E383" s="236"/>
      <c r="F383" s="236"/>
      <c r="G383" s="236"/>
      <c r="H383" s="236"/>
      <c r="I383" s="236"/>
    </row>
    <row r="384" spans="3:9" x14ac:dyDescent="0.2">
      <c r="C384" s="236"/>
      <c r="D384" s="236"/>
      <c r="E384" s="236"/>
      <c r="F384" s="236"/>
      <c r="G384" s="236"/>
      <c r="H384" s="236"/>
      <c r="I384" s="236"/>
    </row>
    <row r="385" spans="3:9" x14ac:dyDescent="0.2">
      <c r="C385" s="236"/>
      <c r="D385" s="236"/>
      <c r="E385" s="236"/>
      <c r="F385" s="236"/>
      <c r="G385" s="236"/>
      <c r="H385" s="236"/>
      <c r="I385" s="236"/>
    </row>
    <row r="386" spans="3:9" x14ac:dyDescent="0.2">
      <c r="C386" s="236"/>
      <c r="D386" s="236"/>
      <c r="E386" s="236"/>
      <c r="F386" s="236"/>
      <c r="G386" s="236"/>
      <c r="H386" s="236"/>
      <c r="I386" s="236"/>
    </row>
    <row r="387" spans="3:9" x14ac:dyDescent="0.2">
      <c r="C387" s="236"/>
      <c r="D387" s="236"/>
      <c r="E387" s="236"/>
      <c r="F387" s="236"/>
      <c r="G387" s="236"/>
      <c r="H387" s="236"/>
      <c r="I387" s="236"/>
    </row>
    <row r="388" spans="3:9" x14ac:dyDescent="0.2">
      <c r="C388" s="236"/>
      <c r="D388" s="236"/>
      <c r="E388" s="236"/>
      <c r="F388" s="236"/>
      <c r="G388" s="236"/>
      <c r="H388" s="236"/>
      <c r="I388" s="236"/>
    </row>
    <row r="389" spans="3:9" x14ac:dyDescent="0.2">
      <c r="C389" s="236"/>
      <c r="D389" s="236"/>
      <c r="E389" s="236"/>
      <c r="F389" s="236"/>
      <c r="G389" s="236"/>
      <c r="H389" s="236"/>
      <c r="I389" s="236"/>
    </row>
    <row r="390" spans="3:9" x14ac:dyDescent="0.2">
      <c r="C390" s="236"/>
      <c r="D390" s="236"/>
      <c r="E390" s="236"/>
      <c r="F390" s="236"/>
      <c r="G390" s="236"/>
      <c r="H390" s="236"/>
      <c r="I390" s="236"/>
    </row>
    <row r="391" spans="3:9" x14ac:dyDescent="0.2">
      <c r="C391" s="236"/>
      <c r="D391" s="236"/>
      <c r="E391" s="236"/>
      <c r="F391" s="236"/>
      <c r="G391" s="236"/>
      <c r="H391" s="236"/>
      <c r="I391" s="236"/>
    </row>
    <row r="392" spans="3:9" x14ac:dyDescent="0.2">
      <c r="C392" s="236"/>
      <c r="D392" s="236"/>
      <c r="E392" s="236"/>
      <c r="F392" s="236"/>
      <c r="G392" s="236"/>
      <c r="H392" s="236"/>
      <c r="I392" s="236"/>
    </row>
    <row r="393" spans="3:9" x14ac:dyDescent="0.2">
      <c r="C393" s="236"/>
      <c r="D393" s="236"/>
      <c r="E393" s="236"/>
      <c r="F393" s="236"/>
      <c r="G393" s="236"/>
      <c r="H393" s="236"/>
      <c r="I393" s="236"/>
    </row>
    <row r="394" spans="3:9" x14ac:dyDescent="0.2">
      <c r="C394" s="236"/>
      <c r="D394" s="236"/>
      <c r="E394" s="236"/>
      <c r="F394" s="236"/>
      <c r="G394" s="236"/>
      <c r="H394" s="236"/>
      <c r="I394" s="236"/>
    </row>
    <row r="395" spans="3:9" x14ac:dyDescent="0.2">
      <c r="C395" s="236"/>
      <c r="D395" s="236"/>
      <c r="E395" s="236"/>
      <c r="F395" s="236"/>
      <c r="G395" s="236"/>
      <c r="H395" s="236"/>
      <c r="I395" s="236"/>
    </row>
    <row r="396" spans="3:9" x14ac:dyDescent="0.2">
      <c r="C396" s="236"/>
      <c r="D396" s="236"/>
      <c r="E396" s="236"/>
      <c r="F396" s="236"/>
      <c r="G396" s="236"/>
      <c r="H396" s="236"/>
      <c r="I396" s="236"/>
    </row>
    <row r="397" spans="3:9" x14ac:dyDescent="0.2">
      <c r="C397" s="236"/>
      <c r="D397" s="236"/>
      <c r="E397" s="236"/>
      <c r="F397" s="236"/>
      <c r="G397" s="236"/>
      <c r="H397" s="236"/>
      <c r="I397" s="236"/>
    </row>
    <row r="398" spans="3:9" x14ac:dyDescent="0.2">
      <c r="C398" s="236"/>
      <c r="D398" s="236"/>
      <c r="E398" s="236"/>
      <c r="F398" s="236"/>
      <c r="G398" s="236"/>
      <c r="H398" s="236"/>
      <c r="I398" s="236"/>
    </row>
    <row r="399" spans="3:9" x14ac:dyDescent="0.2">
      <c r="C399" s="236"/>
      <c r="D399" s="236"/>
      <c r="E399" s="236"/>
      <c r="F399" s="236"/>
      <c r="G399" s="236"/>
      <c r="H399" s="236"/>
      <c r="I399" s="236"/>
    </row>
    <row r="400" spans="3:9" x14ac:dyDescent="0.2">
      <c r="C400" s="236"/>
      <c r="D400" s="236"/>
      <c r="E400" s="236"/>
      <c r="F400" s="236"/>
      <c r="G400" s="236"/>
      <c r="H400" s="236"/>
      <c r="I400" s="236"/>
    </row>
    <row r="401" spans="3:9" x14ac:dyDescent="0.2">
      <c r="C401" s="236"/>
      <c r="D401" s="236"/>
      <c r="E401" s="236"/>
      <c r="F401" s="236"/>
      <c r="G401" s="236"/>
      <c r="H401" s="236"/>
      <c r="I401" s="236"/>
    </row>
    <row r="402" spans="3:9" x14ac:dyDescent="0.2">
      <c r="C402" s="236"/>
      <c r="D402" s="236"/>
      <c r="E402" s="236"/>
      <c r="F402" s="236"/>
      <c r="G402" s="236"/>
      <c r="H402" s="236"/>
      <c r="I402" s="236"/>
    </row>
    <row r="403" spans="3:9" x14ac:dyDescent="0.2">
      <c r="C403" s="236"/>
      <c r="D403" s="236"/>
      <c r="E403" s="236"/>
      <c r="F403" s="236"/>
      <c r="G403" s="236"/>
      <c r="H403" s="236"/>
      <c r="I403" s="236"/>
    </row>
    <row r="404" spans="3:9" x14ac:dyDescent="0.2">
      <c r="C404" s="236"/>
      <c r="D404" s="236"/>
      <c r="E404" s="236"/>
      <c r="F404" s="236"/>
      <c r="G404" s="236"/>
      <c r="H404" s="236"/>
      <c r="I404" s="236"/>
    </row>
    <row r="405" spans="3:9" x14ac:dyDescent="0.2">
      <c r="C405" s="236"/>
      <c r="D405" s="236"/>
      <c r="E405" s="236"/>
      <c r="F405" s="236"/>
      <c r="G405" s="236"/>
      <c r="H405" s="236"/>
      <c r="I405" s="236"/>
    </row>
    <row r="406" spans="3:9" x14ac:dyDescent="0.2">
      <c r="C406" s="236"/>
      <c r="D406" s="236"/>
      <c r="E406" s="236"/>
      <c r="F406" s="236"/>
      <c r="G406" s="236"/>
      <c r="H406" s="236"/>
      <c r="I406" s="236"/>
    </row>
    <row r="407" spans="3:9" x14ac:dyDescent="0.2">
      <c r="C407" s="236"/>
      <c r="D407" s="236"/>
      <c r="E407" s="236"/>
      <c r="F407" s="236"/>
      <c r="G407" s="236"/>
      <c r="H407" s="236"/>
      <c r="I407" s="236"/>
    </row>
    <row r="408" spans="3:9" x14ac:dyDescent="0.2">
      <c r="C408" s="236"/>
      <c r="D408" s="236"/>
      <c r="E408" s="236"/>
      <c r="F408" s="236"/>
      <c r="G408" s="236"/>
      <c r="H408" s="236"/>
      <c r="I408" s="236"/>
    </row>
    <row r="409" spans="3:9" x14ac:dyDescent="0.2">
      <c r="C409" s="236"/>
      <c r="D409" s="236"/>
      <c r="E409" s="236"/>
      <c r="F409" s="236"/>
      <c r="G409" s="236"/>
      <c r="H409" s="236"/>
      <c r="I409" s="236"/>
    </row>
    <row r="410" spans="3:9" x14ac:dyDescent="0.2">
      <c r="C410" s="236"/>
      <c r="D410" s="236"/>
      <c r="E410" s="236"/>
      <c r="F410" s="236"/>
      <c r="G410" s="236"/>
      <c r="H410" s="236"/>
      <c r="I410" s="236"/>
    </row>
    <row r="411" spans="3:9" x14ac:dyDescent="0.2">
      <c r="C411" s="236"/>
      <c r="D411" s="236"/>
      <c r="E411" s="236"/>
      <c r="F411" s="236"/>
      <c r="G411" s="236"/>
      <c r="H411" s="236"/>
      <c r="I411" s="236"/>
    </row>
    <row r="412" spans="3:9" x14ac:dyDescent="0.2">
      <c r="C412" s="236"/>
      <c r="D412" s="236"/>
      <c r="E412" s="236"/>
      <c r="F412" s="236"/>
      <c r="G412" s="236"/>
      <c r="H412" s="236"/>
      <c r="I412" s="236"/>
    </row>
    <row r="413" spans="3:9" x14ac:dyDescent="0.2">
      <c r="C413" s="236"/>
      <c r="D413" s="236"/>
      <c r="E413" s="236"/>
      <c r="F413" s="236"/>
      <c r="G413" s="236"/>
      <c r="H413" s="236"/>
      <c r="I413" s="236"/>
    </row>
    <row r="414" spans="3:9" x14ac:dyDescent="0.2">
      <c r="C414" s="236"/>
      <c r="D414" s="236"/>
      <c r="E414" s="236"/>
      <c r="F414" s="236"/>
      <c r="G414" s="236"/>
      <c r="H414" s="236"/>
      <c r="I414" s="236"/>
    </row>
    <row r="415" spans="3:9" x14ac:dyDescent="0.2">
      <c r="C415" s="236"/>
      <c r="D415" s="236"/>
      <c r="E415" s="236"/>
      <c r="F415" s="236"/>
      <c r="G415" s="236"/>
      <c r="H415" s="236"/>
      <c r="I415" s="236"/>
    </row>
    <row r="416" spans="3:9" x14ac:dyDescent="0.2">
      <c r="C416" s="236"/>
      <c r="D416" s="236"/>
      <c r="E416" s="236"/>
      <c r="F416" s="236"/>
      <c r="G416" s="236"/>
      <c r="H416" s="236"/>
      <c r="I416" s="236"/>
    </row>
    <row r="417" spans="3:9" x14ac:dyDescent="0.2">
      <c r="C417" s="236"/>
      <c r="D417" s="236"/>
      <c r="E417" s="236"/>
      <c r="F417" s="236"/>
      <c r="G417" s="236"/>
      <c r="H417" s="236"/>
      <c r="I417" s="236"/>
    </row>
    <row r="418" spans="3:9" x14ac:dyDescent="0.2">
      <c r="C418" s="236"/>
      <c r="D418" s="236"/>
      <c r="E418" s="236"/>
      <c r="F418" s="236"/>
      <c r="G418" s="236"/>
      <c r="H418" s="236"/>
      <c r="I418" s="236"/>
    </row>
    <row r="419" spans="3:9" x14ac:dyDescent="0.2">
      <c r="C419" s="236"/>
      <c r="D419" s="236"/>
      <c r="E419" s="236"/>
      <c r="F419" s="236"/>
      <c r="G419" s="236"/>
      <c r="H419" s="236"/>
      <c r="I419" s="236"/>
    </row>
    <row r="420" spans="3:9" x14ac:dyDescent="0.2">
      <c r="C420" s="236"/>
      <c r="D420" s="236"/>
      <c r="E420" s="236"/>
      <c r="F420" s="236"/>
      <c r="G420" s="236"/>
      <c r="H420" s="236"/>
      <c r="I420" s="236"/>
    </row>
    <row r="421" spans="3:9" x14ac:dyDescent="0.2">
      <c r="C421" s="236"/>
      <c r="D421" s="236"/>
      <c r="E421" s="236"/>
      <c r="F421" s="236"/>
      <c r="G421" s="236"/>
      <c r="H421" s="236"/>
      <c r="I421" s="236"/>
    </row>
    <row r="422" spans="3:9" x14ac:dyDescent="0.2">
      <c r="C422" s="236"/>
      <c r="D422" s="236"/>
      <c r="E422" s="236"/>
      <c r="F422" s="236"/>
      <c r="G422" s="236"/>
      <c r="H422" s="236"/>
      <c r="I422" s="236"/>
    </row>
    <row r="423" spans="3:9" x14ac:dyDescent="0.2">
      <c r="C423" s="236"/>
      <c r="D423" s="236"/>
      <c r="E423" s="236"/>
      <c r="F423" s="236"/>
      <c r="G423" s="236"/>
      <c r="H423" s="236"/>
      <c r="I423" s="236"/>
    </row>
    <row r="424" spans="3:9" x14ac:dyDescent="0.2">
      <c r="C424" s="236"/>
      <c r="D424" s="236"/>
      <c r="E424" s="236"/>
      <c r="F424" s="236"/>
      <c r="G424" s="236"/>
      <c r="H424" s="236"/>
      <c r="I424" s="236"/>
    </row>
    <row r="425" spans="3:9" x14ac:dyDescent="0.2">
      <c r="C425" s="236"/>
      <c r="D425" s="236"/>
      <c r="E425" s="236"/>
      <c r="F425" s="236"/>
      <c r="G425" s="236"/>
      <c r="H425" s="236"/>
      <c r="I425" s="236"/>
    </row>
    <row r="426" spans="3:9" x14ac:dyDescent="0.2">
      <c r="C426" s="236"/>
      <c r="D426" s="236"/>
      <c r="E426" s="236"/>
      <c r="F426" s="236"/>
      <c r="G426" s="236"/>
      <c r="H426" s="236"/>
      <c r="I426" s="236"/>
    </row>
    <row r="427" spans="3:9" x14ac:dyDescent="0.2">
      <c r="C427" s="236"/>
      <c r="D427" s="236"/>
      <c r="E427" s="236"/>
      <c r="F427" s="236"/>
      <c r="G427" s="236"/>
      <c r="H427" s="236"/>
      <c r="I427" s="236"/>
    </row>
    <row r="428" spans="3:9" x14ac:dyDescent="0.2">
      <c r="C428" s="236"/>
      <c r="D428" s="236"/>
      <c r="E428" s="236"/>
      <c r="F428" s="236"/>
      <c r="G428" s="236"/>
      <c r="H428" s="236"/>
      <c r="I428" s="236"/>
    </row>
    <row r="429" spans="3:9" x14ac:dyDescent="0.2">
      <c r="C429" s="236"/>
      <c r="D429" s="236"/>
      <c r="E429" s="236"/>
      <c r="F429" s="236"/>
      <c r="G429" s="236"/>
      <c r="H429" s="236"/>
      <c r="I429" s="236"/>
    </row>
    <row r="430" spans="3:9" x14ac:dyDescent="0.2">
      <c r="C430" s="236"/>
      <c r="D430" s="236"/>
      <c r="E430" s="236"/>
      <c r="F430" s="236"/>
      <c r="G430" s="236"/>
      <c r="H430" s="236"/>
      <c r="I430" s="236"/>
    </row>
    <row r="431" spans="3:9" x14ac:dyDescent="0.2">
      <c r="C431" s="236"/>
      <c r="D431" s="236"/>
      <c r="E431" s="236"/>
      <c r="F431" s="236"/>
      <c r="G431" s="236"/>
      <c r="H431" s="236"/>
      <c r="I431" s="236"/>
    </row>
    <row r="432" spans="3:9" x14ac:dyDescent="0.2">
      <c r="C432" s="236"/>
      <c r="D432" s="236"/>
      <c r="E432" s="236"/>
      <c r="F432" s="236"/>
      <c r="G432" s="236"/>
      <c r="H432" s="236"/>
      <c r="I432" s="236"/>
    </row>
    <row r="433" spans="3:9" x14ac:dyDescent="0.2">
      <c r="C433" s="236"/>
      <c r="D433" s="236"/>
      <c r="E433" s="236"/>
      <c r="F433" s="236"/>
      <c r="G433" s="236"/>
      <c r="H433" s="236"/>
      <c r="I433" s="236"/>
    </row>
    <row r="434" spans="3:9" x14ac:dyDescent="0.2">
      <c r="C434" s="236"/>
      <c r="D434" s="236"/>
      <c r="E434" s="236"/>
      <c r="F434" s="236"/>
      <c r="G434" s="236"/>
      <c r="H434" s="236"/>
      <c r="I434" s="236"/>
    </row>
    <row r="435" spans="3:9" x14ac:dyDescent="0.2">
      <c r="C435" s="236"/>
      <c r="D435" s="236"/>
      <c r="E435" s="236"/>
      <c r="F435" s="236"/>
      <c r="G435" s="236"/>
      <c r="H435" s="236"/>
      <c r="I435" s="236"/>
    </row>
    <row r="436" spans="3:9" x14ac:dyDescent="0.2">
      <c r="C436" s="236"/>
      <c r="D436" s="236"/>
      <c r="E436" s="236"/>
      <c r="F436" s="236"/>
      <c r="G436" s="236"/>
      <c r="H436" s="236"/>
      <c r="I436" s="236"/>
    </row>
    <row r="437" spans="3:9" x14ac:dyDescent="0.2">
      <c r="C437" s="236"/>
      <c r="D437" s="236"/>
      <c r="E437" s="236"/>
      <c r="F437" s="236"/>
      <c r="G437" s="236"/>
      <c r="H437" s="236"/>
      <c r="I437" s="236"/>
    </row>
    <row r="438" spans="3:9" x14ac:dyDescent="0.2">
      <c r="C438" s="236"/>
      <c r="D438" s="236"/>
      <c r="E438" s="236"/>
      <c r="F438" s="236"/>
      <c r="G438" s="236"/>
      <c r="H438" s="236"/>
      <c r="I438" s="236"/>
    </row>
    <row r="439" spans="3:9" x14ac:dyDescent="0.2">
      <c r="C439" s="236"/>
      <c r="D439" s="236"/>
      <c r="E439" s="236"/>
      <c r="F439" s="236"/>
      <c r="G439" s="236"/>
      <c r="H439" s="236"/>
      <c r="I439" s="236"/>
    </row>
    <row r="440" spans="3:9" x14ac:dyDescent="0.2">
      <c r="C440" s="236"/>
      <c r="D440" s="236"/>
      <c r="E440" s="236"/>
      <c r="F440" s="236"/>
      <c r="G440" s="236"/>
      <c r="H440" s="236"/>
      <c r="I440" s="236"/>
    </row>
    <row r="441" spans="3:9" x14ac:dyDescent="0.2">
      <c r="C441" s="236"/>
      <c r="D441" s="236"/>
      <c r="E441" s="236"/>
      <c r="F441" s="236"/>
      <c r="G441" s="236"/>
      <c r="H441" s="236"/>
      <c r="I441" s="236"/>
    </row>
    <row r="442" spans="3:9" x14ac:dyDescent="0.2">
      <c r="C442" s="236"/>
      <c r="D442" s="236"/>
      <c r="E442" s="236"/>
      <c r="F442" s="236"/>
      <c r="G442" s="236"/>
      <c r="H442" s="236"/>
      <c r="I442" s="236"/>
    </row>
    <row r="443" spans="3:9" x14ac:dyDescent="0.2">
      <c r="C443" s="236"/>
      <c r="D443" s="236"/>
      <c r="E443" s="236"/>
      <c r="F443" s="236"/>
      <c r="G443" s="236"/>
      <c r="H443" s="236"/>
      <c r="I443" s="236"/>
    </row>
    <row r="444" spans="3:9" x14ac:dyDescent="0.2">
      <c r="C444" s="236"/>
      <c r="D444" s="236"/>
      <c r="E444" s="236"/>
      <c r="F444" s="236"/>
      <c r="G444" s="236"/>
      <c r="H444" s="236"/>
      <c r="I444" s="236"/>
    </row>
    <row r="445" spans="3:9" x14ac:dyDescent="0.2">
      <c r="C445" s="236"/>
      <c r="D445" s="236"/>
      <c r="E445" s="236"/>
      <c r="F445" s="236"/>
      <c r="G445" s="236"/>
      <c r="H445" s="236"/>
      <c r="I445" s="236"/>
    </row>
    <row r="446" spans="3:9" x14ac:dyDescent="0.2">
      <c r="C446" s="236"/>
      <c r="D446" s="236"/>
      <c r="E446" s="236"/>
      <c r="F446" s="236"/>
      <c r="G446" s="236"/>
      <c r="H446" s="236"/>
      <c r="I446" s="236"/>
    </row>
    <row r="447" spans="3:9" x14ac:dyDescent="0.2">
      <c r="C447" s="236"/>
      <c r="D447" s="236"/>
      <c r="E447" s="236"/>
      <c r="F447" s="236"/>
      <c r="G447" s="236"/>
      <c r="H447" s="236"/>
      <c r="I447" s="236"/>
    </row>
    <row r="448" spans="3:9" x14ac:dyDescent="0.2">
      <c r="C448" s="236"/>
      <c r="D448" s="236"/>
      <c r="E448" s="236"/>
      <c r="F448" s="236"/>
      <c r="G448" s="236"/>
      <c r="H448" s="236"/>
      <c r="I448" s="236"/>
    </row>
    <row r="449" spans="3:9" x14ac:dyDescent="0.2">
      <c r="C449" s="236"/>
      <c r="D449" s="236"/>
      <c r="E449" s="236"/>
      <c r="F449" s="236"/>
      <c r="G449" s="236"/>
      <c r="H449" s="236"/>
      <c r="I449" s="236"/>
    </row>
    <row r="450" spans="3:9" x14ac:dyDescent="0.2">
      <c r="C450" s="236"/>
      <c r="D450" s="236"/>
      <c r="E450" s="236"/>
      <c r="F450" s="236"/>
      <c r="G450" s="236"/>
      <c r="H450" s="236"/>
      <c r="I450" s="236"/>
    </row>
    <row r="451" spans="3:9" x14ac:dyDescent="0.2">
      <c r="C451" s="236"/>
      <c r="D451" s="236"/>
      <c r="E451" s="236"/>
      <c r="F451" s="236"/>
      <c r="G451" s="236"/>
      <c r="H451" s="236"/>
      <c r="I451" s="236"/>
    </row>
    <row r="452" spans="3:9" x14ac:dyDescent="0.2">
      <c r="C452" s="236"/>
      <c r="D452" s="236"/>
      <c r="E452" s="236"/>
      <c r="F452" s="236"/>
      <c r="G452" s="236"/>
      <c r="H452" s="236"/>
      <c r="I452" s="236"/>
    </row>
    <row r="453" spans="3:9" x14ac:dyDescent="0.2">
      <c r="C453" s="236"/>
      <c r="D453" s="236"/>
      <c r="E453" s="236"/>
      <c r="F453" s="236"/>
      <c r="G453" s="236"/>
      <c r="H453" s="236"/>
      <c r="I453" s="236"/>
    </row>
    <row r="454" spans="3:9" x14ac:dyDescent="0.2">
      <c r="C454" s="236"/>
      <c r="D454" s="236"/>
      <c r="E454" s="236"/>
      <c r="F454" s="236"/>
      <c r="G454" s="236"/>
      <c r="H454" s="236"/>
      <c r="I454" s="236"/>
    </row>
    <row r="455" spans="3:9" x14ac:dyDescent="0.2">
      <c r="C455" s="236"/>
      <c r="D455" s="236"/>
      <c r="E455" s="236"/>
      <c r="F455" s="236"/>
      <c r="G455" s="236"/>
      <c r="H455" s="236"/>
      <c r="I455" s="236"/>
    </row>
    <row r="456" spans="3:9" x14ac:dyDescent="0.2">
      <c r="C456" s="236"/>
      <c r="D456" s="236"/>
      <c r="E456" s="236"/>
      <c r="F456" s="236"/>
      <c r="G456" s="236"/>
      <c r="H456" s="236"/>
      <c r="I456" s="236"/>
    </row>
    <row r="457" spans="3:9" x14ac:dyDescent="0.2">
      <c r="C457" s="236"/>
      <c r="D457" s="236"/>
      <c r="E457" s="236"/>
      <c r="F457" s="236"/>
      <c r="G457" s="236"/>
      <c r="H457" s="236"/>
      <c r="I457" s="236"/>
    </row>
    <row r="458" spans="3:9" x14ac:dyDescent="0.2">
      <c r="C458" s="236"/>
      <c r="D458" s="236"/>
      <c r="E458" s="236"/>
      <c r="F458" s="236"/>
      <c r="G458" s="236"/>
      <c r="H458" s="236"/>
      <c r="I458" s="236"/>
    </row>
    <row r="459" spans="3:9" x14ac:dyDescent="0.2">
      <c r="C459" s="236"/>
      <c r="D459" s="236"/>
      <c r="E459" s="236"/>
      <c r="F459" s="236"/>
      <c r="G459" s="236"/>
      <c r="H459" s="236"/>
      <c r="I459" s="236"/>
    </row>
    <row r="460" spans="3:9" x14ac:dyDescent="0.2">
      <c r="C460" s="236"/>
      <c r="D460" s="236"/>
      <c r="E460" s="236"/>
      <c r="F460" s="236"/>
      <c r="G460" s="236"/>
      <c r="H460" s="236"/>
      <c r="I460" s="236"/>
    </row>
    <row r="461" spans="3:9" x14ac:dyDescent="0.2">
      <c r="C461" s="236"/>
      <c r="D461" s="236"/>
      <c r="E461" s="236"/>
      <c r="F461" s="236"/>
      <c r="G461" s="236"/>
      <c r="H461" s="236"/>
      <c r="I461" s="236"/>
    </row>
    <row r="462" spans="3:9" x14ac:dyDescent="0.2">
      <c r="C462" s="236"/>
      <c r="D462" s="236"/>
      <c r="E462" s="236"/>
      <c r="F462" s="236"/>
      <c r="G462" s="236"/>
      <c r="H462" s="236"/>
      <c r="I462" s="236"/>
    </row>
    <row r="463" spans="3:9" x14ac:dyDescent="0.2">
      <c r="C463" s="236"/>
      <c r="D463" s="236"/>
      <c r="E463" s="236"/>
      <c r="F463" s="236"/>
      <c r="G463" s="236"/>
      <c r="H463" s="236"/>
      <c r="I463" s="236"/>
    </row>
    <row r="464" spans="3:9" x14ac:dyDescent="0.2">
      <c r="C464" s="236"/>
      <c r="D464" s="236"/>
      <c r="E464" s="236"/>
      <c r="F464" s="236"/>
      <c r="G464" s="236"/>
      <c r="H464" s="236"/>
      <c r="I464" s="236"/>
    </row>
    <row r="465" spans="3:9" x14ac:dyDescent="0.2">
      <c r="C465" s="236"/>
      <c r="D465" s="236"/>
      <c r="E465" s="236"/>
      <c r="F465" s="236"/>
      <c r="G465" s="236"/>
      <c r="H465" s="236"/>
      <c r="I465" s="236"/>
    </row>
    <row r="466" spans="3:9" x14ac:dyDescent="0.2">
      <c r="C466" s="236"/>
      <c r="D466" s="236"/>
      <c r="E466" s="236"/>
      <c r="F466" s="236"/>
      <c r="G466" s="236"/>
      <c r="H466" s="236"/>
      <c r="I466" s="236"/>
    </row>
    <row r="467" spans="3:9" x14ac:dyDescent="0.2">
      <c r="C467" s="236"/>
      <c r="D467" s="236"/>
      <c r="E467" s="236"/>
      <c r="F467" s="236"/>
      <c r="G467" s="236"/>
      <c r="H467" s="236"/>
      <c r="I467" s="236"/>
    </row>
    <row r="468" spans="3:9" x14ac:dyDescent="0.2">
      <c r="C468" s="236"/>
      <c r="D468" s="236"/>
      <c r="E468" s="236"/>
      <c r="F468" s="236"/>
      <c r="G468" s="236"/>
      <c r="H468" s="236"/>
      <c r="I468" s="236"/>
    </row>
    <row r="469" spans="3:9" x14ac:dyDescent="0.2">
      <c r="C469" s="236"/>
      <c r="D469" s="236"/>
      <c r="E469" s="236"/>
      <c r="F469" s="236"/>
      <c r="G469" s="236"/>
      <c r="H469" s="236"/>
      <c r="I469" s="236"/>
    </row>
    <row r="470" spans="3:9" x14ac:dyDescent="0.2">
      <c r="C470" s="236"/>
      <c r="D470" s="236"/>
      <c r="E470" s="236"/>
      <c r="F470" s="236"/>
      <c r="G470" s="236"/>
      <c r="H470" s="236"/>
      <c r="I470" s="236"/>
    </row>
    <row r="471" spans="3:9" x14ac:dyDescent="0.2">
      <c r="C471" s="236"/>
      <c r="D471" s="236"/>
      <c r="E471" s="236"/>
      <c r="F471" s="236"/>
      <c r="G471" s="236"/>
      <c r="H471" s="236"/>
      <c r="I471" s="236"/>
    </row>
    <row r="472" spans="3:9" x14ac:dyDescent="0.2">
      <c r="C472" s="236"/>
      <c r="D472" s="236"/>
      <c r="E472" s="236"/>
      <c r="F472" s="236"/>
      <c r="G472" s="236"/>
      <c r="H472" s="236"/>
      <c r="I472" s="236"/>
    </row>
    <row r="473" spans="3:9" x14ac:dyDescent="0.2">
      <c r="C473" s="236"/>
      <c r="D473" s="236"/>
      <c r="E473" s="236"/>
      <c r="F473" s="236"/>
      <c r="G473" s="236"/>
      <c r="H473" s="236"/>
      <c r="I473" s="236"/>
    </row>
    <row r="474" spans="3:9" x14ac:dyDescent="0.2">
      <c r="C474" s="236"/>
      <c r="D474" s="236"/>
      <c r="E474" s="236"/>
      <c r="F474" s="236"/>
      <c r="G474" s="236"/>
      <c r="H474" s="236"/>
      <c r="I474" s="236"/>
    </row>
    <row r="475" spans="3:9" x14ac:dyDescent="0.2">
      <c r="C475" s="236"/>
      <c r="D475" s="236"/>
      <c r="E475" s="236"/>
      <c r="F475" s="236"/>
      <c r="G475" s="236"/>
      <c r="H475" s="236"/>
      <c r="I475" s="236"/>
    </row>
    <row r="476" spans="3:9" x14ac:dyDescent="0.2">
      <c r="C476" s="236"/>
      <c r="D476" s="236"/>
      <c r="E476" s="236"/>
      <c r="F476" s="236"/>
      <c r="G476" s="236"/>
      <c r="H476" s="236"/>
      <c r="I476" s="236"/>
    </row>
    <row r="477" spans="3:9" x14ac:dyDescent="0.2">
      <c r="C477" s="236"/>
      <c r="D477" s="236"/>
      <c r="E477" s="236"/>
      <c r="F477" s="236"/>
      <c r="G477" s="236"/>
      <c r="H477" s="236"/>
      <c r="I477" s="236"/>
    </row>
    <row r="478" spans="3:9" x14ac:dyDescent="0.2">
      <c r="C478" s="236"/>
      <c r="D478" s="236"/>
      <c r="E478" s="236"/>
      <c r="F478" s="236"/>
      <c r="G478" s="236"/>
      <c r="H478" s="236"/>
      <c r="I478" s="236"/>
    </row>
    <row r="479" spans="3:9" x14ac:dyDescent="0.2">
      <c r="C479" s="236"/>
      <c r="D479" s="236"/>
      <c r="E479" s="236"/>
      <c r="F479" s="236"/>
      <c r="G479" s="236"/>
      <c r="H479" s="236"/>
      <c r="I479" s="236"/>
    </row>
    <row r="480" spans="3:9" x14ac:dyDescent="0.2">
      <c r="C480" s="236"/>
      <c r="D480" s="236"/>
      <c r="E480" s="236"/>
      <c r="F480" s="236"/>
      <c r="G480" s="236"/>
      <c r="H480" s="236"/>
      <c r="I480" s="236"/>
    </row>
    <row r="481" spans="3:9" x14ac:dyDescent="0.2">
      <c r="C481" s="236"/>
      <c r="D481" s="236"/>
      <c r="E481" s="236"/>
      <c r="F481" s="236"/>
      <c r="G481" s="236"/>
      <c r="H481" s="236"/>
      <c r="I481" s="236"/>
    </row>
    <row r="482" spans="3:9" x14ac:dyDescent="0.2">
      <c r="C482" s="236"/>
      <c r="D482" s="236"/>
      <c r="E482" s="236"/>
      <c r="F482" s="236"/>
      <c r="G482" s="236"/>
      <c r="H482" s="236"/>
      <c r="I482" s="236"/>
    </row>
    <row r="483" spans="3:9" x14ac:dyDescent="0.2">
      <c r="C483" s="236"/>
      <c r="D483" s="236"/>
      <c r="E483" s="236"/>
      <c r="F483" s="236"/>
      <c r="G483" s="236"/>
      <c r="H483" s="236"/>
      <c r="I483" s="236"/>
    </row>
    <row r="484" spans="3:9" x14ac:dyDescent="0.2">
      <c r="C484" s="236"/>
      <c r="D484" s="236"/>
      <c r="E484" s="236"/>
      <c r="F484" s="236"/>
      <c r="G484" s="236"/>
      <c r="H484" s="236"/>
      <c r="I484" s="236"/>
    </row>
    <row r="485" spans="3:9" x14ac:dyDescent="0.2">
      <c r="C485" s="236"/>
      <c r="D485" s="236"/>
      <c r="E485" s="236"/>
      <c r="F485" s="236"/>
      <c r="G485" s="236"/>
      <c r="H485" s="236"/>
      <c r="I485" s="236"/>
    </row>
    <row r="486" spans="3:9" x14ac:dyDescent="0.2">
      <c r="C486" s="236"/>
      <c r="D486" s="236"/>
      <c r="E486" s="236"/>
      <c r="F486" s="236"/>
      <c r="G486" s="236"/>
      <c r="H486" s="236"/>
      <c r="I486" s="236"/>
    </row>
    <row r="487" spans="3:9" x14ac:dyDescent="0.2">
      <c r="C487" s="236"/>
      <c r="D487" s="236"/>
      <c r="E487" s="236"/>
      <c r="F487" s="236"/>
      <c r="G487" s="236"/>
      <c r="H487" s="236"/>
      <c r="I487" s="236"/>
    </row>
    <row r="488" spans="3:9" x14ac:dyDescent="0.2">
      <c r="C488" s="236"/>
      <c r="D488" s="236"/>
      <c r="E488" s="236"/>
      <c r="F488" s="236"/>
      <c r="G488" s="236"/>
      <c r="H488" s="236"/>
      <c r="I488" s="236"/>
    </row>
    <row r="489" spans="3:9" x14ac:dyDescent="0.2">
      <c r="C489" s="236"/>
      <c r="D489" s="236"/>
      <c r="E489" s="236"/>
      <c r="F489" s="236"/>
      <c r="G489" s="236"/>
      <c r="H489" s="236"/>
      <c r="I489" s="236"/>
    </row>
    <row r="490" spans="3:9" x14ac:dyDescent="0.2">
      <c r="C490" s="236"/>
      <c r="D490" s="236"/>
      <c r="E490" s="236"/>
      <c r="F490" s="236"/>
      <c r="G490" s="236"/>
      <c r="H490" s="236"/>
      <c r="I490" s="236"/>
    </row>
    <row r="491" spans="3:9" x14ac:dyDescent="0.2">
      <c r="C491" s="236"/>
      <c r="D491" s="236"/>
      <c r="E491" s="236"/>
      <c r="F491" s="236"/>
      <c r="G491" s="236"/>
      <c r="H491" s="236"/>
      <c r="I491" s="236"/>
    </row>
    <row r="492" spans="3:9" x14ac:dyDescent="0.2">
      <c r="C492" s="236"/>
      <c r="D492" s="236"/>
      <c r="E492" s="236"/>
      <c r="F492" s="236"/>
      <c r="G492" s="236"/>
      <c r="H492" s="236"/>
      <c r="I492" s="236"/>
    </row>
    <row r="493" spans="3:9" x14ac:dyDescent="0.2">
      <c r="C493" s="236"/>
      <c r="D493" s="236"/>
      <c r="E493" s="236"/>
      <c r="F493" s="236"/>
      <c r="G493" s="236"/>
      <c r="H493" s="236"/>
      <c r="I493" s="236"/>
    </row>
    <row r="494" spans="3:9" x14ac:dyDescent="0.2">
      <c r="C494" s="236"/>
      <c r="D494" s="236"/>
      <c r="E494" s="236"/>
      <c r="F494" s="236"/>
      <c r="G494" s="236"/>
      <c r="H494" s="236"/>
      <c r="I494" s="236"/>
    </row>
    <row r="495" spans="3:9" x14ac:dyDescent="0.2">
      <c r="C495" s="236"/>
      <c r="D495" s="236"/>
      <c r="E495" s="236"/>
      <c r="F495" s="236"/>
      <c r="G495" s="236"/>
      <c r="H495" s="236"/>
      <c r="I495" s="236"/>
    </row>
    <row r="496" spans="3:9" x14ac:dyDescent="0.2">
      <c r="C496" s="236"/>
      <c r="D496" s="236"/>
      <c r="E496" s="236"/>
      <c r="F496" s="236"/>
      <c r="G496" s="236"/>
      <c r="H496" s="236"/>
      <c r="I496" s="236"/>
    </row>
    <row r="497" spans="3:9" x14ac:dyDescent="0.2">
      <c r="C497" s="236"/>
      <c r="D497" s="236"/>
      <c r="E497" s="236"/>
      <c r="F497" s="236"/>
      <c r="G497" s="236"/>
      <c r="H497" s="236"/>
      <c r="I497" s="236"/>
    </row>
    <row r="498" spans="3:9" x14ac:dyDescent="0.2">
      <c r="C498" s="236"/>
      <c r="D498" s="236"/>
      <c r="E498" s="236"/>
      <c r="F498" s="236"/>
      <c r="G498" s="236"/>
      <c r="H498" s="236"/>
      <c r="I498" s="236"/>
    </row>
    <row r="499" spans="3:9" x14ac:dyDescent="0.2">
      <c r="C499" s="236"/>
      <c r="D499" s="236"/>
      <c r="E499" s="236"/>
      <c r="F499" s="236"/>
      <c r="G499" s="236"/>
      <c r="H499" s="236"/>
      <c r="I499" s="236"/>
    </row>
    <row r="500" spans="3:9" x14ac:dyDescent="0.2">
      <c r="C500" s="236"/>
      <c r="D500" s="236"/>
      <c r="E500" s="236"/>
      <c r="F500" s="236"/>
      <c r="G500" s="236"/>
      <c r="H500" s="236"/>
      <c r="I500" s="236"/>
    </row>
    <row r="501" spans="3:9" x14ac:dyDescent="0.2">
      <c r="C501" s="236"/>
      <c r="D501" s="236"/>
      <c r="E501" s="236"/>
      <c r="F501" s="236"/>
      <c r="G501" s="236"/>
      <c r="H501" s="236"/>
      <c r="I501" s="236"/>
    </row>
    <row r="502" spans="3:9" x14ac:dyDescent="0.2">
      <c r="C502" s="236"/>
      <c r="D502" s="236"/>
      <c r="E502" s="236"/>
      <c r="F502" s="236"/>
      <c r="G502" s="236"/>
      <c r="H502" s="236"/>
      <c r="I502" s="236"/>
    </row>
    <row r="503" spans="3:9" x14ac:dyDescent="0.2">
      <c r="C503" s="236"/>
      <c r="D503" s="236"/>
      <c r="E503" s="236"/>
      <c r="F503" s="236"/>
      <c r="G503" s="236"/>
      <c r="H503" s="236"/>
      <c r="I503" s="236"/>
    </row>
    <row r="504" spans="3:9" x14ac:dyDescent="0.2">
      <c r="C504" s="236"/>
      <c r="D504" s="236"/>
      <c r="E504" s="236"/>
      <c r="F504" s="236"/>
      <c r="G504" s="236"/>
      <c r="H504" s="236"/>
      <c r="I504" s="236"/>
    </row>
    <row r="505" spans="3:9" x14ac:dyDescent="0.2">
      <c r="C505" s="236"/>
      <c r="D505" s="236"/>
      <c r="E505" s="236"/>
      <c r="F505" s="236"/>
      <c r="G505" s="236"/>
      <c r="H505" s="236"/>
      <c r="I505" s="236"/>
    </row>
    <row r="506" spans="3:9" x14ac:dyDescent="0.2">
      <c r="C506" s="236"/>
      <c r="D506" s="236"/>
      <c r="E506" s="236"/>
      <c r="F506" s="236"/>
      <c r="G506" s="236"/>
      <c r="H506" s="236"/>
      <c r="I506" s="236"/>
    </row>
    <row r="507" spans="3:9" x14ac:dyDescent="0.2">
      <c r="C507" s="236"/>
      <c r="D507" s="236"/>
      <c r="E507" s="236"/>
      <c r="F507" s="236"/>
      <c r="G507" s="236"/>
      <c r="H507" s="236"/>
      <c r="I507" s="236"/>
    </row>
    <row r="508" spans="3:9" x14ac:dyDescent="0.2">
      <c r="C508" s="236"/>
      <c r="D508" s="236"/>
      <c r="E508" s="236"/>
      <c r="F508" s="236"/>
      <c r="G508" s="236"/>
      <c r="H508" s="236"/>
      <c r="I508" s="236"/>
    </row>
    <row r="509" spans="3:9" x14ac:dyDescent="0.2">
      <c r="C509" s="236"/>
      <c r="D509" s="236"/>
      <c r="E509" s="236"/>
      <c r="F509" s="236"/>
      <c r="G509" s="236"/>
      <c r="H509" s="236"/>
      <c r="I509" s="236"/>
    </row>
    <row r="510" spans="3:9" x14ac:dyDescent="0.2">
      <c r="C510" s="236"/>
      <c r="D510" s="236"/>
      <c r="E510" s="236"/>
      <c r="F510" s="236"/>
      <c r="G510" s="236"/>
      <c r="H510" s="236"/>
      <c r="I510" s="236"/>
    </row>
    <row r="511" spans="3:9" x14ac:dyDescent="0.2">
      <c r="C511" s="236"/>
      <c r="D511" s="236"/>
      <c r="E511" s="236"/>
      <c r="F511" s="236"/>
      <c r="G511" s="236"/>
      <c r="H511" s="236"/>
      <c r="I511" s="236"/>
    </row>
    <row r="512" spans="3:9" x14ac:dyDescent="0.2">
      <c r="C512" s="236"/>
      <c r="D512" s="236"/>
      <c r="E512" s="236"/>
      <c r="F512" s="236"/>
      <c r="G512" s="236"/>
      <c r="H512" s="236"/>
      <c r="I512" s="236"/>
    </row>
    <row r="513" spans="3:9" x14ac:dyDescent="0.2">
      <c r="C513" s="236"/>
      <c r="D513" s="236"/>
      <c r="E513" s="236"/>
      <c r="F513" s="236"/>
      <c r="G513" s="236"/>
      <c r="H513" s="236"/>
      <c r="I513" s="236"/>
    </row>
    <row r="514" spans="3:9" x14ac:dyDescent="0.2">
      <c r="C514" s="236"/>
      <c r="D514" s="236"/>
      <c r="E514" s="236"/>
      <c r="F514" s="236"/>
      <c r="G514" s="236"/>
      <c r="H514" s="236"/>
      <c r="I514" s="236"/>
    </row>
    <row r="515" spans="3:9" x14ac:dyDescent="0.2">
      <c r="C515" s="236"/>
      <c r="D515" s="236"/>
      <c r="E515" s="236"/>
      <c r="F515" s="236"/>
      <c r="G515" s="236"/>
      <c r="H515" s="236"/>
      <c r="I515" s="236"/>
    </row>
    <row r="516" spans="3:9" x14ac:dyDescent="0.2">
      <c r="C516" s="236"/>
      <c r="D516" s="236"/>
      <c r="E516" s="236"/>
      <c r="F516" s="236"/>
      <c r="G516" s="236"/>
      <c r="H516" s="236"/>
      <c r="I516" s="236"/>
    </row>
    <row r="517" spans="3:9" x14ac:dyDescent="0.2">
      <c r="C517" s="236"/>
      <c r="D517" s="236"/>
      <c r="E517" s="236"/>
      <c r="F517" s="236"/>
      <c r="G517" s="236"/>
      <c r="H517" s="236"/>
      <c r="I517" s="236"/>
    </row>
    <row r="518" spans="3:9" x14ac:dyDescent="0.2">
      <c r="C518" s="236"/>
      <c r="D518" s="236"/>
      <c r="E518" s="236"/>
      <c r="F518" s="236"/>
      <c r="G518" s="236"/>
      <c r="H518" s="236"/>
      <c r="I518" s="236"/>
    </row>
    <row r="519" spans="3:9" x14ac:dyDescent="0.2">
      <c r="C519" s="236"/>
      <c r="D519" s="236"/>
      <c r="E519" s="236"/>
      <c r="F519" s="236"/>
      <c r="G519" s="236"/>
      <c r="H519" s="236"/>
      <c r="I519" s="236"/>
    </row>
    <row r="520" spans="3:9" x14ac:dyDescent="0.2">
      <c r="C520" s="236"/>
      <c r="D520" s="236"/>
      <c r="E520" s="236"/>
      <c r="F520" s="236"/>
      <c r="G520" s="236"/>
      <c r="H520" s="236"/>
      <c r="I520" s="236"/>
    </row>
    <row r="521" spans="3:9" x14ac:dyDescent="0.2">
      <c r="C521" s="236"/>
      <c r="D521" s="236"/>
      <c r="E521" s="236"/>
      <c r="F521" s="236"/>
      <c r="G521" s="236"/>
      <c r="H521" s="236"/>
      <c r="I521" s="236"/>
    </row>
    <row r="522" spans="3:9" x14ac:dyDescent="0.2">
      <c r="C522" s="236"/>
      <c r="D522" s="236"/>
      <c r="E522" s="236"/>
      <c r="F522" s="236"/>
      <c r="G522" s="236"/>
      <c r="H522" s="236"/>
      <c r="I522" s="236"/>
    </row>
    <row r="523" spans="3:9" x14ac:dyDescent="0.2">
      <c r="C523" s="236"/>
      <c r="D523" s="236"/>
      <c r="E523" s="236"/>
      <c r="F523" s="236"/>
      <c r="G523" s="236"/>
      <c r="H523" s="236"/>
      <c r="I523" s="236"/>
    </row>
    <row r="524" spans="3:9" x14ac:dyDescent="0.2">
      <c r="C524" s="236"/>
      <c r="D524" s="236"/>
      <c r="E524" s="236"/>
      <c r="F524" s="236"/>
      <c r="G524" s="236"/>
      <c r="H524" s="236"/>
      <c r="I524" s="236"/>
    </row>
    <row r="525" spans="3:9" x14ac:dyDescent="0.2">
      <c r="C525" s="236"/>
      <c r="D525" s="236"/>
      <c r="E525" s="236"/>
      <c r="F525" s="236"/>
      <c r="G525" s="236"/>
      <c r="H525" s="236"/>
      <c r="I525" s="236"/>
    </row>
    <row r="526" spans="3:9" x14ac:dyDescent="0.2">
      <c r="C526" s="236"/>
      <c r="D526" s="236"/>
      <c r="E526" s="236"/>
      <c r="F526" s="236"/>
      <c r="G526" s="236"/>
      <c r="H526" s="236"/>
      <c r="I526" s="236"/>
    </row>
    <row r="527" spans="3:9" x14ac:dyDescent="0.2">
      <c r="C527" s="236"/>
      <c r="D527" s="236"/>
      <c r="E527" s="236"/>
      <c r="F527" s="236"/>
      <c r="G527" s="236"/>
      <c r="H527" s="236"/>
      <c r="I527" s="236"/>
    </row>
    <row r="528" spans="3:9" x14ac:dyDescent="0.2">
      <c r="C528" s="236"/>
      <c r="D528" s="236"/>
      <c r="E528" s="236"/>
      <c r="F528" s="236"/>
      <c r="G528" s="236"/>
      <c r="H528" s="236"/>
      <c r="I528" s="236"/>
    </row>
    <row r="529" spans="3:9" x14ac:dyDescent="0.2">
      <c r="C529" s="236"/>
      <c r="D529" s="236"/>
      <c r="E529" s="236"/>
      <c r="F529" s="236"/>
      <c r="G529" s="236"/>
      <c r="H529" s="236"/>
      <c r="I529" s="236"/>
    </row>
    <row r="530" spans="3:9" x14ac:dyDescent="0.2">
      <c r="C530" s="236"/>
      <c r="D530" s="236"/>
      <c r="E530" s="236"/>
      <c r="F530" s="236"/>
      <c r="G530" s="236"/>
      <c r="H530" s="236"/>
      <c r="I530" s="236"/>
    </row>
    <row r="531" spans="3:9" x14ac:dyDescent="0.2">
      <c r="C531" s="236"/>
      <c r="D531" s="236"/>
      <c r="E531" s="236"/>
      <c r="F531" s="236"/>
      <c r="G531" s="236"/>
      <c r="H531" s="236"/>
      <c r="I531" s="236"/>
    </row>
    <row r="532" spans="3:9" x14ac:dyDescent="0.2">
      <c r="C532" s="236"/>
      <c r="D532" s="236"/>
      <c r="E532" s="236"/>
      <c r="F532" s="236"/>
      <c r="G532" s="236"/>
      <c r="H532" s="236"/>
      <c r="I532" s="236"/>
    </row>
    <row r="533" spans="3:9" x14ac:dyDescent="0.2">
      <c r="C533" s="236"/>
      <c r="D533" s="236"/>
      <c r="E533" s="236"/>
      <c r="F533" s="236"/>
      <c r="G533" s="236"/>
      <c r="H533" s="236"/>
      <c r="I533" s="236"/>
    </row>
    <row r="534" spans="3:9" x14ac:dyDescent="0.2">
      <c r="C534" s="236"/>
      <c r="D534" s="236"/>
      <c r="E534" s="236"/>
      <c r="F534" s="236"/>
      <c r="G534" s="236"/>
      <c r="H534" s="236"/>
      <c r="I534" s="236"/>
    </row>
    <row r="535" spans="3:9" x14ac:dyDescent="0.2">
      <c r="C535" s="236"/>
      <c r="D535" s="236"/>
      <c r="E535" s="236"/>
      <c r="F535" s="236"/>
      <c r="G535" s="236"/>
      <c r="H535" s="236"/>
      <c r="I535" s="236"/>
    </row>
    <row r="536" spans="3:9" x14ac:dyDescent="0.2">
      <c r="C536" s="236"/>
      <c r="D536" s="236"/>
      <c r="E536" s="236"/>
      <c r="F536" s="236"/>
      <c r="G536" s="236"/>
      <c r="H536" s="236"/>
      <c r="I536" s="236"/>
    </row>
    <row r="537" spans="3:9" x14ac:dyDescent="0.2">
      <c r="C537" s="236"/>
      <c r="D537" s="236"/>
      <c r="E537" s="236"/>
      <c r="F537" s="236"/>
      <c r="G537" s="236"/>
      <c r="H537" s="236"/>
      <c r="I537" s="236"/>
    </row>
    <row r="538" spans="3:9" x14ac:dyDescent="0.2">
      <c r="C538" s="236"/>
      <c r="D538" s="236"/>
      <c r="E538" s="236"/>
      <c r="F538" s="236"/>
      <c r="G538" s="236"/>
      <c r="H538" s="236"/>
      <c r="I538" s="236"/>
    </row>
    <row r="539" spans="3:9" x14ac:dyDescent="0.2">
      <c r="C539" s="236"/>
      <c r="D539" s="236"/>
      <c r="E539" s="236"/>
      <c r="F539" s="236"/>
      <c r="G539" s="236"/>
      <c r="H539" s="236"/>
      <c r="I539" s="236"/>
    </row>
    <row r="540" spans="3:9" x14ac:dyDescent="0.2">
      <c r="C540" s="236"/>
      <c r="D540" s="236"/>
      <c r="E540" s="236"/>
      <c r="F540" s="236"/>
      <c r="G540" s="236"/>
      <c r="H540" s="236"/>
      <c r="I540" s="236"/>
    </row>
    <row r="541" spans="3:9" x14ac:dyDescent="0.2">
      <c r="C541" s="236"/>
      <c r="D541" s="236"/>
      <c r="E541" s="236"/>
      <c r="F541" s="236"/>
      <c r="G541" s="236"/>
      <c r="H541" s="236"/>
      <c r="I541" s="236"/>
    </row>
    <row r="542" spans="3:9" x14ac:dyDescent="0.2">
      <c r="C542" s="236"/>
      <c r="D542" s="236"/>
      <c r="E542" s="236"/>
      <c r="F542" s="236"/>
      <c r="G542" s="236"/>
      <c r="H542" s="236"/>
      <c r="I542" s="236"/>
    </row>
    <row r="543" spans="3:9" x14ac:dyDescent="0.2">
      <c r="C543" s="236"/>
      <c r="D543" s="236"/>
      <c r="E543" s="236"/>
      <c r="F543" s="236"/>
      <c r="G543" s="236"/>
      <c r="H543" s="236"/>
      <c r="I543" s="236"/>
    </row>
    <row r="544" spans="3:9" x14ac:dyDescent="0.2">
      <c r="C544" s="236"/>
      <c r="D544" s="236"/>
      <c r="E544" s="236"/>
      <c r="F544" s="236"/>
      <c r="G544" s="236"/>
      <c r="H544" s="236"/>
      <c r="I544" s="236"/>
    </row>
    <row r="545" spans="3:9" x14ac:dyDescent="0.2">
      <c r="C545" s="236"/>
      <c r="D545" s="236"/>
      <c r="E545" s="236"/>
      <c r="F545" s="236"/>
      <c r="G545" s="236"/>
      <c r="H545" s="236"/>
      <c r="I545" s="236"/>
    </row>
    <row r="546" spans="3:9" x14ac:dyDescent="0.2">
      <c r="C546" s="236"/>
      <c r="D546" s="236"/>
      <c r="E546" s="236"/>
      <c r="F546" s="236"/>
      <c r="G546" s="236"/>
      <c r="H546" s="236"/>
      <c r="I546" s="236"/>
    </row>
    <row r="547" spans="3:9" x14ac:dyDescent="0.2">
      <c r="C547" s="236"/>
      <c r="D547" s="236"/>
      <c r="E547" s="236"/>
      <c r="F547" s="236"/>
      <c r="G547" s="236"/>
      <c r="H547" s="236"/>
      <c r="I547" s="236"/>
    </row>
    <row r="548" spans="3:9" x14ac:dyDescent="0.2">
      <c r="C548" s="236"/>
      <c r="D548" s="236"/>
      <c r="E548" s="236"/>
      <c r="F548" s="236"/>
      <c r="G548" s="236"/>
      <c r="H548" s="236"/>
      <c r="I548" s="236"/>
    </row>
    <row r="549" spans="3:9" x14ac:dyDescent="0.2">
      <c r="C549" s="236"/>
      <c r="D549" s="236"/>
      <c r="E549" s="236"/>
      <c r="F549" s="236"/>
      <c r="G549" s="236"/>
      <c r="H549" s="236"/>
      <c r="I549" s="236"/>
    </row>
    <row r="550" spans="3:9" x14ac:dyDescent="0.2">
      <c r="C550" s="236"/>
      <c r="D550" s="236"/>
      <c r="E550" s="236"/>
      <c r="F550" s="236"/>
      <c r="G550" s="236"/>
      <c r="H550" s="236"/>
      <c r="I550" s="236"/>
    </row>
    <row r="551" spans="3:9" x14ac:dyDescent="0.2">
      <c r="C551" s="236"/>
      <c r="D551" s="236"/>
      <c r="E551" s="236"/>
      <c r="F551" s="236"/>
      <c r="G551" s="236"/>
      <c r="H551" s="236"/>
      <c r="I551" s="236"/>
    </row>
    <row r="552" spans="3:9" x14ac:dyDescent="0.2">
      <c r="C552" s="236"/>
      <c r="D552" s="236"/>
      <c r="E552" s="236"/>
      <c r="F552" s="236"/>
      <c r="G552" s="236"/>
      <c r="H552" s="236"/>
      <c r="I552" s="236"/>
    </row>
    <row r="553" spans="3:9" x14ac:dyDescent="0.2">
      <c r="C553" s="236"/>
      <c r="D553" s="236"/>
      <c r="E553" s="236"/>
      <c r="F553" s="236"/>
      <c r="G553" s="236"/>
      <c r="H553" s="236"/>
      <c r="I553" s="236"/>
    </row>
    <row r="554" spans="3:9" x14ac:dyDescent="0.2">
      <c r="C554" s="236"/>
      <c r="D554" s="236"/>
      <c r="E554" s="236"/>
      <c r="F554" s="236"/>
      <c r="G554" s="236"/>
      <c r="H554" s="236"/>
      <c r="I554" s="236"/>
    </row>
    <row r="555" spans="3:9" x14ac:dyDescent="0.2">
      <c r="C555" s="236"/>
      <c r="D555" s="236"/>
      <c r="E555" s="236"/>
      <c r="F555" s="236"/>
      <c r="G555" s="236"/>
      <c r="H555" s="236"/>
      <c r="I555" s="236"/>
    </row>
    <row r="556" spans="3:9" x14ac:dyDescent="0.2">
      <c r="C556" s="236"/>
      <c r="D556" s="236"/>
      <c r="E556" s="236"/>
      <c r="F556" s="236"/>
      <c r="G556" s="236"/>
      <c r="H556" s="236"/>
      <c r="I556" s="236"/>
    </row>
    <row r="557" spans="3:9" x14ac:dyDescent="0.2">
      <c r="C557" s="236"/>
      <c r="D557" s="236"/>
      <c r="E557" s="236"/>
      <c r="F557" s="236"/>
      <c r="G557" s="236"/>
      <c r="H557" s="236"/>
      <c r="I557" s="236"/>
    </row>
    <row r="558" spans="3:9" x14ac:dyDescent="0.2">
      <c r="C558" s="236"/>
      <c r="D558" s="236"/>
      <c r="E558" s="236"/>
      <c r="F558" s="236"/>
      <c r="G558" s="236"/>
      <c r="H558" s="236"/>
      <c r="I558" s="236"/>
    </row>
    <row r="559" spans="3:9" x14ac:dyDescent="0.2">
      <c r="C559" s="236"/>
      <c r="D559" s="236"/>
      <c r="E559" s="236"/>
      <c r="F559" s="236"/>
      <c r="G559" s="236"/>
      <c r="H559" s="236"/>
      <c r="I559" s="236"/>
    </row>
    <row r="560" spans="3:9" x14ac:dyDescent="0.2">
      <c r="C560" s="236"/>
      <c r="D560" s="236"/>
      <c r="E560" s="236"/>
      <c r="F560" s="236"/>
      <c r="G560" s="236"/>
      <c r="H560" s="236"/>
      <c r="I560" s="236"/>
    </row>
    <row r="561" spans="3:9" x14ac:dyDescent="0.2">
      <c r="C561" s="236"/>
      <c r="D561" s="236"/>
      <c r="E561" s="236"/>
      <c r="F561" s="236"/>
      <c r="G561" s="236"/>
      <c r="H561" s="236"/>
      <c r="I561" s="236"/>
    </row>
    <row r="562" spans="3:9" x14ac:dyDescent="0.2">
      <c r="C562" s="236"/>
      <c r="D562" s="236"/>
      <c r="E562" s="236"/>
      <c r="F562" s="236"/>
      <c r="G562" s="236"/>
      <c r="H562" s="236"/>
      <c r="I562" s="236"/>
    </row>
    <row r="563" spans="3:9" x14ac:dyDescent="0.2">
      <c r="C563" s="236"/>
      <c r="D563" s="236"/>
      <c r="E563" s="236"/>
      <c r="F563" s="236"/>
      <c r="G563" s="236"/>
      <c r="H563" s="236"/>
      <c r="I563" s="236"/>
    </row>
    <row r="564" spans="3:9" x14ac:dyDescent="0.2">
      <c r="C564" s="236"/>
      <c r="D564" s="236"/>
      <c r="E564" s="236"/>
      <c r="F564" s="236"/>
      <c r="G564" s="236"/>
      <c r="H564" s="236"/>
      <c r="I564" s="236"/>
    </row>
    <row r="565" spans="3:9" x14ac:dyDescent="0.2">
      <c r="C565" s="236"/>
      <c r="D565" s="236"/>
      <c r="E565" s="236"/>
      <c r="F565" s="236"/>
      <c r="G565" s="236"/>
      <c r="H565" s="236"/>
      <c r="I565" s="236"/>
    </row>
    <row r="566" spans="3:9" x14ac:dyDescent="0.2">
      <c r="C566" s="236"/>
      <c r="D566" s="236"/>
      <c r="E566" s="236"/>
      <c r="F566" s="236"/>
      <c r="G566" s="236"/>
      <c r="H566" s="236"/>
      <c r="I566" s="236"/>
    </row>
    <row r="567" spans="3:9" x14ac:dyDescent="0.2">
      <c r="C567" s="236"/>
      <c r="D567" s="236"/>
      <c r="E567" s="236"/>
      <c r="F567" s="236"/>
      <c r="G567" s="236"/>
      <c r="H567" s="236"/>
      <c r="I567" s="236"/>
    </row>
    <row r="568" spans="3:9" x14ac:dyDescent="0.2">
      <c r="C568" s="236"/>
      <c r="D568" s="236"/>
      <c r="E568" s="236"/>
      <c r="F568" s="236"/>
      <c r="G568" s="236"/>
      <c r="H568" s="236"/>
      <c r="I568" s="236"/>
    </row>
    <row r="569" spans="3:9" x14ac:dyDescent="0.2">
      <c r="C569" s="236"/>
      <c r="D569" s="236"/>
      <c r="E569" s="236"/>
      <c r="F569" s="236"/>
      <c r="G569" s="236"/>
      <c r="H569" s="236"/>
      <c r="I569" s="236"/>
    </row>
    <row r="570" spans="3:9" x14ac:dyDescent="0.2">
      <c r="C570" s="236"/>
      <c r="D570" s="236"/>
      <c r="E570" s="236"/>
      <c r="F570" s="236"/>
      <c r="G570" s="236"/>
      <c r="H570" s="236"/>
      <c r="I570" s="236"/>
    </row>
    <row r="571" spans="3:9" x14ac:dyDescent="0.2">
      <c r="C571" s="236"/>
      <c r="D571" s="236"/>
      <c r="E571" s="236"/>
      <c r="F571" s="236"/>
      <c r="G571" s="236"/>
      <c r="H571" s="236"/>
      <c r="I571" s="236"/>
    </row>
    <row r="572" spans="3:9" x14ac:dyDescent="0.2">
      <c r="C572" s="236"/>
      <c r="D572" s="236"/>
      <c r="E572" s="236"/>
      <c r="F572" s="236"/>
      <c r="G572" s="236"/>
      <c r="H572" s="236"/>
      <c r="I572" s="236"/>
    </row>
    <row r="573" spans="3:9" x14ac:dyDescent="0.2">
      <c r="C573" s="236"/>
      <c r="D573" s="236"/>
      <c r="E573" s="236"/>
      <c r="F573" s="236"/>
      <c r="G573" s="236"/>
      <c r="H573" s="236"/>
      <c r="I573" s="236"/>
    </row>
    <row r="574" spans="3:9" x14ac:dyDescent="0.2">
      <c r="C574" s="236"/>
      <c r="D574" s="236"/>
      <c r="E574" s="236"/>
      <c r="F574" s="236"/>
      <c r="G574" s="236"/>
      <c r="H574" s="236"/>
      <c r="I574" s="236"/>
    </row>
    <row r="575" spans="3:9" x14ac:dyDescent="0.2">
      <c r="C575" s="236"/>
      <c r="D575" s="236"/>
      <c r="E575" s="236"/>
      <c r="F575" s="236"/>
      <c r="G575" s="236"/>
      <c r="H575" s="236"/>
      <c r="I575" s="236"/>
    </row>
    <row r="576" spans="3:9" x14ac:dyDescent="0.2">
      <c r="C576" s="236"/>
      <c r="D576" s="236"/>
      <c r="E576" s="236"/>
      <c r="F576" s="236"/>
      <c r="G576" s="236"/>
      <c r="H576" s="236"/>
      <c r="I576" s="236"/>
    </row>
    <row r="577" spans="3:9" x14ac:dyDescent="0.2">
      <c r="C577" s="236"/>
      <c r="D577" s="236"/>
      <c r="E577" s="236"/>
      <c r="F577" s="236"/>
      <c r="G577" s="236"/>
      <c r="H577" s="236"/>
      <c r="I577" s="236"/>
    </row>
    <row r="578" spans="3:9" x14ac:dyDescent="0.2">
      <c r="C578" s="236"/>
      <c r="D578" s="236"/>
      <c r="E578" s="236"/>
      <c r="F578" s="236"/>
      <c r="G578" s="236"/>
      <c r="H578" s="236"/>
      <c r="I578" s="236"/>
    </row>
    <row r="579" spans="3:9" x14ac:dyDescent="0.2">
      <c r="C579" s="236"/>
      <c r="D579" s="236"/>
      <c r="E579" s="236"/>
      <c r="F579" s="236"/>
      <c r="G579" s="236"/>
      <c r="H579" s="236"/>
      <c r="I579" s="236"/>
    </row>
    <row r="580" spans="3:9" x14ac:dyDescent="0.2">
      <c r="C580" s="236"/>
      <c r="D580" s="236"/>
      <c r="E580" s="236"/>
      <c r="F580" s="236"/>
      <c r="G580" s="236"/>
      <c r="H580" s="236"/>
      <c r="I580" s="236"/>
    </row>
    <row r="581" spans="3:9" x14ac:dyDescent="0.2">
      <c r="C581" s="236"/>
      <c r="D581" s="236"/>
      <c r="E581" s="236"/>
      <c r="F581" s="236"/>
      <c r="G581" s="236"/>
      <c r="H581" s="236"/>
      <c r="I581" s="236"/>
    </row>
    <row r="582" spans="3:9" x14ac:dyDescent="0.2">
      <c r="C582" s="236"/>
      <c r="D582" s="236"/>
      <c r="E582" s="236"/>
      <c r="F582" s="236"/>
      <c r="G582" s="236"/>
      <c r="H582" s="236"/>
      <c r="I582" s="236"/>
    </row>
    <row r="583" spans="3:9" x14ac:dyDescent="0.2">
      <c r="C583" s="236"/>
      <c r="D583" s="236"/>
      <c r="E583" s="236"/>
      <c r="F583" s="236"/>
      <c r="G583" s="236"/>
      <c r="H583" s="236"/>
      <c r="I583" s="236"/>
    </row>
    <row r="584" spans="3:9" x14ac:dyDescent="0.2">
      <c r="C584" s="236"/>
      <c r="D584" s="236"/>
      <c r="E584" s="236"/>
      <c r="F584" s="236"/>
      <c r="G584" s="236"/>
      <c r="H584" s="236"/>
      <c r="I584" s="236"/>
    </row>
    <row r="585" spans="3:9" x14ac:dyDescent="0.2">
      <c r="C585" s="236"/>
      <c r="D585" s="236"/>
      <c r="E585" s="236"/>
      <c r="F585" s="236"/>
      <c r="G585" s="236"/>
      <c r="H585" s="236"/>
      <c r="I585" s="236"/>
    </row>
    <row r="586" spans="3:9" x14ac:dyDescent="0.2">
      <c r="C586" s="236"/>
      <c r="D586" s="236"/>
      <c r="E586" s="236"/>
      <c r="F586" s="236"/>
      <c r="G586" s="236"/>
      <c r="H586" s="236"/>
      <c r="I586" s="236"/>
    </row>
    <row r="587" spans="3:9" x14ac:dyDescent="0.2">
      <c r="C587" s="236"/>
      <c r="D587" s="236"/>
      <c r="E587" s="236"/>
      <c r="F587" s="236"/>
      <c r="G587" s="236"/>
      <c r="H587" s="236"/>
      <c r="I587" s="236"/>
    </row>
    <row r="588" spans="3:9" x14ac:dyDescent="0.2">
      <c r="C588" s="236"/>
      <c r="D588" s="236"/>
      <c r="E588" s="236"/>
      <c r="F588" s="236"/>
      <c r="G588" s="236"/>
      <c r="H588" s="236"/>
      <c r="I588" s="236"/>
    </row>
    <row r="589" spans="3:9" x14ac:dyDescent="0.2">
      <c r="C589" s="236"/>
      <c r="D589" s="236"/>
      <c r="E589" s="236"/>
      <c r="F589" s="236"/>
      <c r="G589" s="236"/>
      <c r="H589" s="236"/>
      <c r="I589" s="236"/>
    </row>
    <row r="590" spans="3:9" x14ac:dyDescent="0.2">
      <c r="C590" s="236"/>
      <c r="D590" s="236"/>
      <c r="E590" s="236"/>
      <c r="F590" s="236"/>
      <c r="G590" s="236"/>
      <c r="H590" s="236"/>
      <c r="I590" s="236"/>
    </row>
    <row r="591" spans="3:9" x14ac:dyDescent="0.2">
      <c r="C591" s="236"/>
      <c r="D591" s="236"/>
      <c r="E591" s="236"/>
      <c r="F591" s="236"/>
      <c r="G591" s="236"/>
      <c r="H591" s="236"/>
      <c r="I591" s="236"/>
    </row>
    <row r="592" spans="3:9" x14ac:dyDescent="0.2">
      <c r="C592" s="236"/>
      <c r="D592" s="236"/>
      <c r="E592" s="236"/>
      <c r="F592" s="236"/>
      <c r="G592" s="236"/>
      <c r="H592" s="236"/>
      <c r="I592" s="236"/>
    </row>
    <row r="593" spans="3:9" x14ac:dyDescent="0.2">
      <c r="C593" s="236"/>
      <c r="D593" s="236"/>
      <c r="E593" s="236"/>
      <c r="F593" s="236"/>
      <c r="G593" s="236"/>
      <c r="H593" s="236"/>
      <c r="I593" s="236"/>
    </row>
    <row r="594" spans="3:9" x14ac:dyDescent="0.2">
      <c r="C594" s="236"/>
      <c r="D594" s="236"/>
      <c r="E594" s="236"/>
      <c r="F594" s="236"/>
      <c r="G594" s="236"/>
      <c r="H594" s="236"/>
      <c r="I594" s="236"/>
    </row>
    <row r="595" spans="3:9" x14ac:dyDescent="0.2">
      <c r="C595" s="236"/>
      <c r="D595" s="236"/>
      <c r="E595" s="236"/>
      <c r="F595" s="236"/>
      <c r="G595" s="236"/>
      <c r="H595" s="236"/>
      <c r="I595" s="236"/>
    </row>
    <row r="596" spans="3:9" x14ac:dyDescent="0.2">
      <c r="C596" s="236"/>
      <c r="D596" s="236"/>
      <c r="E596" s="236"/>
      <c r="F596" s="236"/>
      <c r="G596" s="236"/>
      <c r="H596" s="236"/>
      <c r="I596" s="236"/>
    </row>
    <row r="597" spans="3:9" x14ac:dyDescent="0.2">
      <c r="C597" s="236"/>
      <c r="D597" s="236"/>
      <c r="E597" s="236"/>
      <c r="F597" s="236"/>
      <c r="G597" s="236"/>
      <c r="H597" s="236"/>
      <c r="I597" s="236"/>
    </row>
    <row r="598" spans="3:9" x14ac:dyDescent="0.2">
      <c r="C598" s="236"/>
      <c r="D598" s="236"/>
      <c r="E598" s="236"/>
      <c r="F598" s="236"/>
      <c r="G598" s="236"/>
      <c r="H598" s="236"/>
      <c r="I598" s="236"/>
    </row>
    <row r="599" spans="3:9" x14ac:dyDescent="0.2">
      <c r="C599" s="236"/>
      <c r="D599" s="236"/>
      <c r="E599" s="236"/>
      <c r="F599" s="236"/>
      <c r="G599" s="236"/>
      <c r="H599" s="236"/>
      <c r="I599" s="236"/>
    </row>
    <row r="600" spans="3:9" x14ac:dyDescent="0.2">
      <c r="C600" s="236"/>
      <c r="D600" s="236"/>
      <c r="E600" s="236"/>
      <c r="F600" s="236"/>
      <c r="G600" s="236"/>
      <c r="H600" s="236"/>
      <c r="I600" s="236"/>
    </row>
    <row r="601" spans="3:9" x14ac:dyDescent="0.2">
      <c r="C601" s="236"/>
      <c r="D601" s="236"/>
      <c r="E601" s="236"/>
      <c r="F601" s="236"/>
      <c r="G601" s="236"/>
      <c r="H601" s="236"/>
      <c r="I601" s="236"/>
    </row>
    <row r="602" spans="3:9" x14ac:dyDescent="0.2">
      <c r="C602" s="236"/>
      <c r="D602" s="236"/>
      <c r="E602" s="236"/>
      <c r="F602" s="236"/>
      <c r="G602" s="236"/>
      <c r="H602" s="236"/>
      <c r="I602" s="236"/>
    </row>
    <row r="603" spans="3:9" x14ac:dyDescent="0.2">
      <c r="C603" s="236"/>
      <c r="D603" s="236"/>
      <c r="E603" s="236"/>
      <c r="F603" s="236"/>
      <c r="G603" s="236"/>
      <c r="H603" s="236"/>
      <c r="I603" s="236"/>
    </row>
    <row r="604" spans="3:9" x14ac:dyDescent="0.2">
      <c r="C604" s="236"/>
      <c r="D604" s="236"/>
      <c r="E604" s="236"/>
      <c r="F604" s="236"/>
      <c r="G604" s="236"/>
      <c r="H604" s="236"/>
      <c r="I604" s="236"/>
    </row>
    <row r="605" spans="3:9" x14ac:dyDescent="0.2">
      <c r="C605" s="236"/>
      <c r="D605" s="236"/>
      <c r="E605" s="236"/>
      <c r="F605" s="236"/>
      <c r="G605" s="236"/>
      <c r="H605" s="236"/>
      <c r="I605" s="236"/>
    </row>
    <row r="606" spans="3:9" x14ac:dyDescent="0.2">
      <c r="C606" s="236"/>
      <c r="D606" s="236"/>
      <c r="E606" s="236"/>
      <c r="F606" s="236"/>
      <c r="G606" s="236"/>
      <c r="H606" s="236"/>
      <c r="I606" s="236"/>
    </row>
    <row r="607" spans="3:9" x14ac:dyDescent="0.2">
      <c r="C607" s="236"/>
      <c r="D607" s="236"/>
      <c r="E607" s="236"/>
      <c r="F607" s="236"/>
      <c r="G607" s="236"/>
      <c r="H607" s="236"/>
      <c r="I607" s="236"/>
    </row>
    <row r="608" spans="3:9" x14ac:dyDescent="0.2">
      <c r="C608" s="236"/>
      <c r="D608" s="236"/>
      <c r="E608" s="236"/>
      <c r="F608" s="236"/>
      <c r="G608" s="236"/>
      <c r="H608" s="236"/>
      <c r="I608" s="236"/>
    </row>
    <row r="609" spans="3:9" x14ac:dyDescent="0.2">
      <c r="C609" s="236"/>
      <c r="D609" s="236"/>
      <c r="E609" s="236"/>
      <c r="F609" s="236"/>
      <c r="G609" s="236"/>
      <c r="H609" s="236"/>
      <c r="I609" s="236"/>
    </row>
    <row r="610" spans="3:9" x14ac:dyDescent="0.2">
      <c r="C610" s="236"/>
      <c r="D610" s="236"/>
      <c r="E610" s="236"/>
      <c r="F610" s="236"/>
      <c r="G610" s="236"/>
      <c r="H610" s="236"/>
      <c r="I610" s="236"/>
    </row>
    <row r="611" spans="3:9" x14ac:dyDescent="0.2">
      <c r="C611" s="236"/>
      <c r="D611" s="236"/>
      <c r="E611" s="236"/>
      <c r="F611" s="236"/>
      <c r="G611" s="236"/>
      <c r="H611" s="236"/>
      <c r="I611" s="236"/>
    </row>
    <row r="612" spans="3:9" x14ac:dyDescent="0.2">
      <c r="C612" s="236"/>
      <c r="D612" s="236"/>
      <c r="E612" s="236"/>
      <c r="F612" s="236"/>
      <c r="G612" s="236"/>
      <c r="H612" s="236"/>
      <c r="I612" s="236"/>
    </row>
    <row r="613" spans="3:9" x14ac:dyDescent="0.2">
      <c r="C613" s="236"/>
      <c r="D613" s="236"/>
      <c r="E613" s="236"/>
      <c r="F613" s="236"/>
      <c r="G613" s="236"/>
      <c r="H613" s="236"/>
      <c r="I613" s="236"/>
    </row>
    <row r="614" spans="3:9" x14ac:dyDescent="0.2">
      <c r="C614" s="236"/>
      <c r="D614" s="236"/>
      <c r="E614" s="236"/>
      <c r="F614" s="236"/>
      <c r="G614" s="236"/>
      <c r="H614" s="236"/>
      <c r="I614" s="236"/>
    </row>
    <row r="615" spans="3:9" x14ac:dyDescent="0.2">
      <c r="C615" s="236"/>
      <c r="D615" s="236"/>
      <c r="E615" s="236"/>
      <c r="F615" s="236"/>
      <c r="G615" s="236"/>
      <c r="H615" s="236"/>
      <c r="I615" s="236"/>
    </row>
    <row r="616" spans="3:9" x14ac:dyDescent="0.2">
      <c r="C616" s="236"/>
      <c r="D616" s="236"/>
      <c r="E616" s="236"/>
      <c r="F616" s="236"/>
      <c r="G616" s="236"/>
      <c r="H616" s="236"/>
      <c r="I616" s="236"/>
    </row>
    <row r="617" spans="3:9" x14ac:dyDescent="0.2">
      <c r="C617" s="236"/>
      <c r="D617" s="236"/>
      <c r="E617" s="236"/>
      <c r="F617" s="236"/>
      <c r="G617" s="236"/>
      <c r="H617" s="236"/>
      <c r="I617" s="236"/>
    </row>
    <row r="618" spans="3:9" x14ac:dyDescent="0.2">
      <c r="C618" s="236"/>
      <c r="D618" s="236"/>
      <c r="E618" s="236"/>
      <c r="F618" s="236"/>
      <c r="G618" s="236"/>
      <c r="H618" s="236"/>
      <c r="I618" s="236"/>
    </row>
    <row r="619" spans="3:9" x14ac:dyDescent="0.2">
      <c r="C619" s="236"/>
      <c r="D619" s="236"/>
      <c r="E619" s="236"/>
      <c r="F619" s="236"/>
      <c r="G619" s="236"/>
      <c r="H619" s="236"/>
      <c r="I619" s="236"/>
    </row>
    <row r="620" spans="3:9" x14ac:dyDescent="0.2">
      <c r="C620" s="236"/>
      <c r="D620" s="236"/>
      <c r="E620" s="236"/>
      <c r="F620" s="236"/>
      <c r="G620" s="236"/>
      <c r="H620" s="236"/>
      <c r="I620" s="236"/>
    </row>
    <row r="621" spans="3:9" x14ac:dyDescent="0.2">
      <c r="C621" s="236"/>
      <c r="D621" s="236"/>
      <c r="E621" s="236"/>
      <c r="F621" s="236"/>
      <c r="G621" s="236"/>
      <c r="H621" s="236"/>
      <c r="I621" s="236"/>
    </row>
    <row r="622" spans="3:9" x14ac:dyDescent="0.2">
      <c r="C622" s="236"/>
      <c r="D622" s="236"/>
      <c r="E622" s="236"/>
      <c r="F622" s="236"/>
      <c r="G622" s="236"/>
      <c r="H622" s="236"/>
      <c r="I622" s="236"/>
    </row>
    <row r="623" spans="3:9" x14ac:dyDescent="0.2">
      <c r="C623" s="236"/>
      <c r="D623" s="236"/>
      <c r="E623" s="236"/>
      <c r="F623" s="236"/>
      <c r="G623" s="236"/>
      <c r="H623" s="236"/>
      <c r="I623" s="236"/>
    </row>
    <row r="624" spans="3:9" x14ac:dyDescent="0.2">
      <c r="C624" s="236"/>
      <c r="D624" s="236"/>
      <c r="E624" s="236"/>
      <c r="F624" s="236"/>
      <c r="G624" s="236"/>
      <c r="H624" s="236"/>
      <c r="I624" s="236"/>
    </row>
    <row r="625" spans="3:9" x14ac:dyDescent="0.2">
      <c r="C625" s="236"/>
      <c r="D625" s="236"/>
      <c r="E625" s="236"/>
      <c r="F625" s="236"/>
      <c r="G625" s="236"/>
      <c r="H625" s="236"/>
      <c r="I625" s="236"/>
    </row>
    <row r="626" spans="3:9" x14ac:dyDescent="0.2">
      <c r="C626" s="236"/>
      <c r="D626" s="236"/>
      <c r="E626" s="236"/>
      <c r="F626" s="236"/>
      <c r="G626" s="236"/>
      <c r="H626" s="236"/>
      <c r="I626" s="236"/>
    </row>
    <row r="627" spans="3:9" x14ac:dyDescent="0.2">
      <c r="C627" s="236"/>
      <c r="D627" s="236"/>
      <c r="E627" s="236"/>
      <c r="F627" s="236"/>
      <c r="G627" s="236"/>
      <c r="H627" s="236"/>
      <c r="I627" s="236"/>
    </row>
    <row r="628" spans="3:9" x14ac:dyDescent="0.2">
      <c r="C628" s="236"/>
      <c r="D628" s="236"/>
      <c r="E628" s="236"/>
      <c r="F628" s="236"/>
      <c r="G628" s="236"/>
      <c r="H628" s="236"/>
      <c r="I628" s="236"/>
    </row>
    <row r="629" spans="3:9" x14ac:dyDescent="0.2">
      <c r="C629" s="236"/>
      <c r="D629" s="236"/>
      <c r="E629" s="236"/>
      <c r="F629" s="236"/>
      <c r="G629" s="236"/>
      <c r="H629" s="236"/>
      <c r="I629" s="236"/>
    </row>
    <row r="630" spans="3:9" x14ac:dyDescent="0.2">
      <c r="C630" s="236"/>
      <c r="D630" s="236"/>
      <c r="E630" s="236"/>
      <c r="F630" s="236"/>
      <c r="G630" s="236"/>
      <c r="H630" s="236"/>
      <c r="I630" s="236"/>
    </row>
    <row r="631" spans="3:9" x14ac:dyDescent="0.2">
      <c r="C631" s="236"/>
      <c r="D631" s="236"/>
      <c r="E631" s="236"/>
      <c r="F631" s="236"/>
      <c r="G631" s="236"/>
      <c r="H631" s="236"/>
      <c r="I631" s="236"/>
    </row>
    <row r="632" spans="3:9" x14ac:dyDescent="0.2">
      <c r="C632" s="236"/>
      <c r="D632" s="236"/>
      <c r="E632" s="236"/>
      <c r="F632" s="236"/>
      <c r="G632" s="236"/>
      <c r="H632" s="236"/>
      <c r="I632" s="236"/>
    </row>
    <row r="633" spans="3:9" x14ac:dyDescent="0.2">
      <c r="C633" s="236"/>
      <c r="D633" s="236"/>
      <c r="E633" s="236"/>
      <c r="F633" s="236"/>
      <c r="G633" s="236"/>
      <c r="H633" s="236"/>
      <c r="I633" s="236"/>
    </row>
    <row r="634" spans="3:9" x14ac:dyDescent="0.2">
      <c r="C634" s="236"/>
      <c r="D634" s="236"/>
      <c r="E634" s="236"/>
      <c r="F634" s="236"/>
      <c r="G634" s="236"/>
      <c r="H634" s="236"/>
      <c r="I634" s="236"/>
    </row>
    <row r="635" spans="3:9" x14ac:dyDescent="0.2">
      <c r="C635" s="236"/>
      <c r="D635" s="236"/>
      <c r="E635" s="236"/>
      <c r="F635" s="236"/>
      <c r="G635" s="236"/>
      <c r="H635" s="236"/>
      <c r="I635" s="236"/>
    </row>
    <row r="636" spans="3:9" x14ac:dyDescent="0.2">
      <c r="C636" s="236"/>
      <c r="D636" s="236"/>
      <c r="E636" s="236"/>
      <c r="F636" s="236"/>
      <c r="G636" s="236"/>
      <c r="H636" s="236"/>
      <c r="I636" s="236"/>
    </row>
    <row r="637" spans="3:9" x14ac:dyDescent="0.2">
      <c r="C637" s="236"/>
      <c r="D637" s="236"/>
      <c r="E637" s="236"/>
      <c r="F637" s="236"/>
      <c r="G637" s="236"/>
      <c r="H637" s="236"/>
      <c r="I637" s="236"/>
    </row>
    <row r="638" spans="3:9" x14ac:dyDescent="0.2">
      <c r="C638" s="236"/>
      <c r="D638" s="236"/>
      <c r="E638" s="236"/>
      <c r="F638" s="236"/>
      <c r="G638" s="236"/>
      <c r="H638" s="236"/>
      <c r="I638" s="236"/>
    </row>
    <row r="639" spans="3:9" x14ac:dyDescent="0.2">
      <c r="C639" s="236"/>
      <c r="D639" s="236"/>
      <c r="E639" s="236"/>
      <c r="F639" s="236"/>
      <c r="G639" s="236"/>
      <c r="H639" s="236"/>
      <c r="I639" s="236"/>
    </row>
    <row r="640" spans="3:9" x14ac:dyDescent="0.2">
      <c r="C640" s="236"/>
      <c r="D640" s="236"/>
      <c r="E640" s="236"/>
      <c r="F640" s="236"/>
      <c r="G640" s="236"/>
      <c r="H640" s="236"/>
      <c r="I640" s="236"/>
    </row>
    <row r="641" spans="3:9" x14ac:dyDescent="0.2">
      <c r="C641" s="236"/>
      <c r="D641" s="236"/>
      <c r="E641" s="236"/>
      <c r="F641" s="236"/>
      <c r="G641" s="236"/>
      <c r="H641" s="236"/>
      <c r="I641" s="236"/>
    </row>
    <row r="642" spans="3:9" x14ac:dyDescent="0.2">
      <c r="C642" s="236"/>
      <c r="D642" s="236"/>
      <c r="E642" s="236"/>
      <c r="F642" s="236"/>
      <c r="G642" s="236"/>
      <c r="H642" s="236"/>
      <c r="I642" s="236"/>
    </row>
    <row r="643" spans="3:9" x14ac:dyDescent="0.2">
      <c r="C643" s="236"/>
      <c r="D643" s="236"/>
      <c r="E643" s="236"/>
      <c r="F643" s="236"/>
      <c r="G643" s="236"/>
      <c r="H643" s="236"/>
      <c r="I643" s="236"/>
    </row>
    <row r="644" spans="3:9" x14ac:dyDescent="0.2">
      <c r="C644" s="236"/>
      <c r="D644" s="236"/>
      <c r="E644" s="236"/>
      <c r="F644" s="236"/>
      <c r="G644" s="236"/>
      <c r="H644" s="236"/>
      <c r="I644" s="236"/>
    </row>
    <row r="645" spans="3:9" x14ac:dyDescent="0.2">
      <c r="C645" s="236"/>
      <c r="D645" s="236"/>
      <c r="E645" s="236"/>
      <c r="F645" s="236"/>
      <c r="G645" s="236"/>
      <c r="H645" s="236"/>
      <c r="I645" s="236"/>
    </row>
    <row r="646" spans="3:9" x14ac:dyDescent="0.2">
      <c r="C646" s="236"/>
      <c r="D646" s="236"/>
      <c r="E646" s="236"/>
      <c r="F646" s="236"/>
      <c r="G646" s="236"/>
      <c r="H646" s="236"/>
      <c r="I646" s="236"/>
    </row>
    <row r="647" spans="3:9" x14ac:dyDescent="0.2">
      <c r="C647" s="236"/>
      <c r="D647" s="236"/>
      <c r="E647" s="236"/>
      <c r="F647" s="236"/>
      <c r="G647" s="236"/>
      <c r="H647" s="236"/>
      <c r="I647" s="236"/>
    </row>
    <row r="648" spans="3:9" x14ac:dyDescent="0.2">
      <c r="C648" s="236"/>
      <c r="D648" s="236"/>
      <c r="E648" s="236"/>
      <c r="F648" s="236"/>
      <c r="G648" s="236"/>
      <c r="H648" s="236"/>
      <c r="I648" s="236"/>
    </row>
    <row r="649" spans="3:9" x14ac:dyDescent="0.2">
      <c r="C649" s="236"/>
      <c r="D649" s="236"/>
      <c r="E649" s="236"/>
      <c r="F649" s="236"/>
      <c r="G649" s="236"/>
      <c r="H649" s="236"/>
      <c r="I649" s="236"/>
    </row>
    <row r="650" spans="3:9" x14ac:dyDescent="0.2">
      <c r="C650" s="236"/>
      <c r="D650" s="236"/>
      <c r="E650" s="236"/>
      <c r="F650" s="236"/>
      <c r="G650" s="236"/>
      <c r="H650" s="236"/>
      <c r="I650" s="236"/>
    </row>
    <row r="651" spans="3:9" x14ac:dyDescent="0.2">
      <c r="C651" s="236"/>
      <c r="D651" s="236"/>
      <c r="E651" s="236"/>
      <c r="F651" s="236"/>
      <c r="G651" s="236"/>
      <c r="H651" s="236"/>
      <c r="I651" s="236"/>
    </row>
    <row r="652" spans="3:9" x14ac:dyDescent="0.2">
      <c r="C652" s="236"/>
      <c r="D652" s="236"/>
      <c r="E652" s="236"/>
      <c r="F652" s="236"/>
      <c r="G652" s="236"/>
      <c r="H652" s="236"/>
      <c r="I652" s="236"/>
    </row>
    <row r="653" spans="3:9" x14ac:dyDescent="0.2">
      <c r="C653" s="236"/>
      <c r="D653" s="236"/>
      <c r="E653" s="236"/>
      <c r="F653" s="236"/>
      <c r="G653" s="236"/>
      <c r="H653" s="236"/>
      <c r="I653" s="236"/>
    </row>
    <row r="654" spans="3:9" x14ac:dyDescent="0.2">
      <c r="C654" s="236"/>
      <c r="D654" s="236"/>
      <c r="E654" s="236"/>
      <c r="F654" s="236"/>
      <c r="G654" s="236"/>
      <c r="H654" s="236"/>
      <c r="I654" s="236"/>
    </row>
    <row r="655" spans="3:9" x14ac:dyDescent="0.2">
      <c r="C655" s="236"/>
      <c r="D655" s="236"/>
      <c r="E655" s="236"/>
      <c r="F655" s="236"/>
      <c r="G655" s="236"/>
      <c r="H655" s="236"/>
      <c r="I655" s="236"/>
    </row>
    <row r="656" spans="3:9" x14ac:dyDescent="0.2">
      <c r="C656" s="236"/>
      <c r="D656" s="236"/>
      <c r="E656" s="236"/>
      <c r="F656" s="236"/>
      <c r="G656" s="236"/>
      <c r="H656" s="236"/>
      <c r="I656" s="236"/>
    </row>
    <row r="657" spans="3:9" x14ac:dyDescent="0.2">
      <c r="C657" s="236"/>
      <c r="D657" s="236"/>
      <c r="E657" s="236"/>
      <c r="F657" s="236"/>
      <c r="G657" s="236"/>
      <c r="H657" s="236"/>
      <c r="I657" s="236"/>
    </row>
    <row r="658" spans="3:9" x14ac:dyDescent="0.2">
      <c r="C658" s="236"/>
      <c r="D658" s="236"/>
      <c r="E658" s="236"/>
      <c r="F658" s="236"/>
      <c r="G658" s="236"/>
      <c r="H658" s="236"/>
      <c r="I658" s="236"/>
    </row>
    <row r="659" spans="3:9" x14ac:dyDescent="0.2">
      <c r="C659" s="236"/>
      <c r="D659" s="236"/>
      <c r="E659" s="236"/>
      <c r="F659" s="236"/>
      <c r="G659" s="236"/>
      <c r="H659" s="236"/>
      <c r="I659" s="236"/>
    </row>
    <row r="660" spans="3:9" x14ac:dyDescent="0.2">
      <c r="C660" s="236"/>
      <c r="D660" s="236"/>
      <c r="E660" s="236"/>
      <c r="F660" s="236"/>
      <c r="G660" s="236"/>
      <c r="H660" s="236"/>
      <c r="I660" s="236"/>
    </row>
    <row r="661" spans="3:9" x14ac:dyDescent="0.2">
      <c r="C661" s="236"/>
      <c r="D661" s="236"/>
      <c r="E661" s="236"/>
      <c r="F661" s="236"/>
      <c r="G661" s="236"/>
      <c r="H661" s="236"/>
      <c r="I661" s="236"/>
    </row>
    <row r="662" spans="3:9" x14ac:dyDescent="0.2">
      <c r="C662" s="236"/>
      <c r="D662" s="236"/>
      <c r="E662" s="236"/>
      <c r="F662" s="236"/>
      <c r="G662" s="236"/>
      <c r="H662" s="236"/>
      <c r="I662" s="236"/>
    </row>
    <row r="663" spans="3:9" x14ac:dyDescent="0.2">
      <c r="C663" s="236"/>
      <c r="D663" s="236"/>
      <c r="E663" s="236"/>
      <c r="F663" s="236"/>
      <c r="G663" s="236"/>
      <c r="H663" s="236"/>
      <c r="I663" s="236"/>
    </row>
    <row r="664" spans="3:9" x14ac:dyDescent="0.2">
      <c r="C664" s="236"/>
      <c r="D664" s="236"/>
      <c r="E664" s="236"/>
      <c r="F664" s="236"/>
      <c r="G664" s="236"/>
      <c r="H664" s="236"/>
      <c r="I664" s="236"/>
    </row>
    <row r="665" spans="3:9" x14ac:dyDescent="0.2">
      <c r="C665" s="236"/>
      <c r="D665" s="236"/>
      <c r="E665" s="236"/>
      <c r="F665" s="236"/>
      <c r="G665" s="236"/>
      <c r="H665" s="236"/>
      <c r="I665" s="236"/>
    </row>
    <row r="666" spans="3:9" x14ac:dyDescent="0.2">
      <c r="C666" s="236"/>
      <c r="D666" s="236"/>
      <c r="E666" s="236"/>
      <c r="F666" s="236"/>
      <c r="G666" s="236"/>
      <c r="H666" s="236"/>
      <c r="I666" s="236"/>
    </row>
    <row r="667" spans="3:9" x14ac:dyDescent="0.2">
      <c r="C667" s="236"/>
      <c r="D667" s="236"/>
      <c r="E667" s="236"/>
      <c r="F667" s="236"/>
      <c r="G667" s="236"/>
      <c r="H667" s="236"/>
      <c r="I667" s="236"/>
    </row>
    <row r="668" spans="3:9" x14ac:dyDescent="0.2">
      <c r="C668" s="236"/>
      <c r="D668" s="236"/>
      <c r="E668" s="236"/>
      <c r="F668" s="236"/>
      <c r="G668" s="236"/>
      <c r="H668" s="236"/>
      <c r="I668" s="236"/>
    </row>
    <row r="669" spans="3:9" x14ac:dyDescent="0.2">
      <c r="C669" s="236"/>
      <c r="D669" s="236"/>
      <c r="E669" s="236"/>
      <c r="F669" s="236"/>
      <c r="G669" s="236"/>
      <c r="H669" s="236"/>
      <c r="I669" s="236"/>
    </row>
    <row r="670" spans="3:9" x14ac:dyDescent="0.2">
      <c r="C670" s="236"/>
      <c r="D670" s="236"/>
      <c r="E670" s="236"/>
      <c r="F670" s="236"/>
      <c r="G670" s="236"/>
      <c r="H670" s="236"/>
      <c r="I670" s="236"/>
    </row>
    <row r="671" spans="3:9" x14ac:dyDescent="0.2">
      <c r="C671" s="236"/>
      <c r="D671" s="236"/>
      <c r="E671" s="236"/>
      <c r="F671" s="236"/>
      <c r="G671" s="236"/>
      <c r="H671" s="236"/>
      <c r="I671" s="236"/>
    </row>
    <row r="672" spans="3:9" x14ac:dyDescent="0.2">
      <c r="C672" s="236"/>
      <c r="D672" s="236"/>
      <c r="E672" s="236"/>
      <c r="F672" s="236"/>
      <c r="G672" s="236"/>
      <c r="H672" s="236"/>
      <c r="I672" s="236"/>
    </row>
    <row r="673" spans="3:9" x14ac:dyDescent="0.2">
      <c r="C673" s="236"/>
      <c r="D673" s="236"/>
      <c r="E673" s="236"/>
      <c r="F673" s="236"/>
      <c r="G673" s="236"/>
      <c r="H673" s="236"/>
      <c r="I673" s="236"/>
    </row>
    <row r="674" spans="3:9" x14ac:dyDescent="0.2">
      <c r="C674" s="236"/>
      <c r="D674" s="236"/>
      <c r="E674" s="236"/>
      <c r="F674" s="236"/>
      <c r="G674" s="236"/>
      <c r="H674" s="236"/>
      <c r="I674" s="236"/>
    </row>
    <row r="675" spans="3:9" x14ac:dyDescent="0.2">
      <c r="C675" s="236"/>
      <c r="D675" s="236"/>
      <c r="E675" s="236"/>
      <c r="F675" s="236"/>
      <c r="G675" s="236"/>
      <c r="H675" s="236"/>
      <c r="I675" s="236"/>
    </row>
    <row r="676" spans="3:9" x14ac:dyDescent="0.2">
      <c r="C676" s="236"/>
      <c r="D676" s="236"/>
      <c r="E676" s="236"/>
      <c r="F676" s="236"/>
      <c r="G676" s="236"/>
      <c r="H676" s="236"/>
      <c r="I676" s="236"/>
    </row>
    <row r="677" spans="3:9" x14ac:dyDescent="0.2">
      <c r="C677" s="236"/>
      <c r="D677" s="236"/>
      <c r="E677" s="236"/>
      <c r="F677" s="236"/>
      <c r="G677" s="236"/>
      <c r="H677" s="236"/>
      <c r="I677" s="236"/>
    </row>
    <row r="678" spans="3:9" x14ac:dyDescent="0.2">
      <c r="C678" s="236"/>
      <c r="D678" s="236"/>
      <c r="E678" s="236"/>
      <c r="F678" s="236"/>
      <c r="G678" s="236"/>
      <c r="H678" s="236"/>
      <c r="I678" s="236"/>
    </row>
    <row r="679" spans="3:9" x14ac:dyDescent="0.2">
      <c r="C679" s="236"/>
      <c r="D679" s="236"/>
      <c r="E679" s="236"/>
      <c r="F679" s="236"/>
      <c r="G679" s="236"/>
      <c r="H679" s="236"/>
      <c r="I679" s="236"/>
    </row>
    <row r="680" spans="3:9" x14ac:dyDescent="0.2">
      <c r="C680" s="236"/>
      <c r="D680" s="236"/>
      <c r="E680" s="236"/>
      <c r="F680" s="236"/>
      <c r="G680" s="236"/>
      <c r="H680" s="236"/>
      <c r="I680" s="236"/>
    </row>
    <row r="681" spans="3:9" x14ac:dyDescent="0.2">
      <c r="C681" s="236"/>
      <c r="D681" s="236"/>
      <c r="E681" s="236"/>
      <c r="F681" s="236"/>
      <c r="G681" s="236"/>
      <c r="H681" s="236"/>
      <c r="I681" s="236"/>
    </row>
    <row r="682" spans="3:9" x14ac:dyDescent="0.2">
      <c r="C682" s="236"/>
      <c r="D682" s="236"/>
      <c r="E682" s="236"/>
      <c r="F682" s="236"/>
      <c r="G682" s="236"/>
      <c r="H682" s="236"/>
      <c r="I682" s="236"/>
    </row>
    <row r="683" spans="3:9" x14ac:dyDescent="0.2">
      <c r="C683" s="236"/>
      <c r="D683" s="236"/>
      <c r="E683" s="236"/>
      <c r="F683" s="236"/>
      <c r="G683" s="236"/>
      <c r="H683" s="236"/>
      <c r="I683" s="236"/>
    </row>
    <row r="684" spans="3:9" x14ac:dyDescent="0.2">
      <c r="C684" s="236"/>
      <c r="D684" s="236"/>
      <c r="E684" s="236"/>
      <c r="F684" s="236"/>
      <c r="G684" s="236"/>
      <c r="H684" s="236"/>
      <c r="I684" s="236"/>
    </row>
    <row r="685" spans="3:9" x14ac:dyDescent="0.2">
      <c r="C685" s="236"/>
      <c r="D685" s="236"/>
      <c r="E685" s="236"/>
      <c r="F685" s="236"/>
      <c r="G685" s="236"/>
      <c r="H685" s="236"/>
      <c r="I685" s="236"/>
    </row>
    <row r="686" spans="3:9" x14ac:dyDescent="0.2">
      <c r="C686" s="236"/>
      <c r="D686" s="236"/>
      <c r="E686" s="236"/>
      <c r="F686" s="236"/>
      <c r="G686" s="236"/>
      <c r="H686" s="236"/>
      <c r="I686" s="236"/>
    </row>
    <row r="687" spans="3:9" x14ac:dyDescent="0.2">
      <c r="C687" s="236"/>
      <c r="D687" s="236"/>
      <c r="E687" s="236"/>
      <c r="F687" s="236"/>
      <c r="G687" s="236"/>
      <c r="H687" s="236"/>
      <c r="I687" s="236"/>
    </row>
    <row r="688" spans="3:9" x14ac:dyDescent="0.2">
      <c r="C688" s="236"/>
      <c r="D688" s="236"/>
      <c r="E688" s="236"/>
      <c r="F688" s="236"/>
      <c r="G688" s="236"/>
      <c r="H688" s="236"/>
      <c r="I688" s="236"/>
    </row>
    <row r="689" spans="3:9" x14ac:dyDescent="0.2">
      <c r="C689" s="236"/>
      <c r="D689" s="236"/>
      <c r="E689" s="236"/>
      <c r="F689" s="236"/>
      <c r="G689" s="236"/>
      <c r="H689" s="236"/>
      <c r="I689" s="236"/>
    </row>
    <row r="690" spans="3:9" x14ac:dyDescent="0.2">
      <c r="C690" s="236"/>
      <c r="D690" s="236"/>
      <c r="E690" s="236"/>
      <c r="F690" s="236"/>
      <c r="G690" s="236"/>
      <c r="H690" s="236"/>
      <c r="I690" s="236"/>
    </row>
    <row r="691" spans="3:9" x14ac:dyDescent="0.2">
      <c r="C691" s="236"/>
      <c r="D691" s="236"/>
      <c r="E691" s="236"/>
      <c r="F691" s="236"/>
      <c r="G691" s="236"/>
      <c r="H691" s="236"/>
      <c r="I691" s="236"/>
    </row>
    <row r="692" spans="3:9" x14ac:dyDescent="0.2">
      <c r="C692" s="236"/>
      <c r="D692" s="236"/>
      <c r="E692" s="236"/>
      <c r="F692" s="236"/>
      <c r="G692" s="236"/>
      <c r="H692" s="236"/>
      <c r="I692" s="236"/>
    </row>
    <row r="693" spans="3:9" x14ac:dyDescent="0.2">
      <c r="C693" s="236"/>
      <c r="D693" s="236"/>
      <c r="E693" s="236"/>
      <c r="F693" s="236"/>
      <c r="G693" s="236"/>
      <c r="H693" s="236"/>
      <c r="I693" s="236"/>
    </row>
    <row r="694" spans="3:9" x14ac:dyDescent="0.2">
      <c r="C694" s="236"/>
      <c r="D694" s="236"/>
      <c r="E694" s="236"/>
      <c r="F694" s="236"/>
      <c r="G694" s="236"/>
      <c r="H694" s="236"/>
      <c r="I694" s="236"/>
    </row>
    <row r="695" spans="3:9" x14ac:dyDescent="0.2">
      <c r="C695" s="236"/>
      <c r="D695" s="236"/>
      <c r="E695" s="236"/>
      <c r="F695" s="236"/>
      <c r="G695" s="236"/>
      <c r="H695" s="236"/>
      <c r="I695" s="236"/>
    </row>
    <row r="696" spans="3:9" x14ac:dyDescent="0.2">
      <c r="C696" s="236"/>
      <c r="D696" s="236"/>
      <c r="E696" s="236"/>
      <c r="F696" s="236"/>
      <c r="G696" s="236"/>
      <c r="H696" s="236"/>
      <c r="I696" s="236"/>
    </row>
    <row r="697" spans="3:9" x14ac:dyDescent="0.2">
      <c r="C697" s="236"/>
      <c r="D697" s="236"/>
      <c r="E697" s="236"/>
      <c r="F697" s="236"/>
      <c r="G697" s="236"/>
      <c r="H697" s="236"/>
      <c r="I697" s="236"/>
    </row>
    <row r="698" spans="3:9" x14ac:dyDescent="0.2">
      <c r="C698" s="236"/>
      <c r="D698" s="236"/>
      <c r="E698" s="236"/>
      <c r="F698" s="236"/>
      <c r="G698" s="236"/>
      <c r="H698" s="236"/>
      <c r="I698" s="236"/>
    </row>
    <row r="699" spans="3:9" x14ac:dyDescent="0.2">
      <c r="C699" s="236"/>
      <c r="D699" s="236"/>
      <c r="E699" s="236"/>
      <c r="F699" s="236"/>
      <c r="G699" s="236"/>
      <c r="H699" s="236"/>
      <c r="I699" s="236"/>
    </row>
    <row r="700" spans="3:9" x14ac:dyDescent="0.2">
      <c r="C700" s="236"/>
      <c r="D700" s="236"/>
      <c r="E700" s="236"/>
      <c r="F700" s="236"/>
      <c r="G700" s="236"/>
      <c r="H700" s="236"/>
      <c r="I700" s="236"/>
    </row>
    <row r="701" spans="3:9" x14ac:dyDescent="0.2">
      <c r="C701" s="236"/>
      <c r="D701" s="236"/>
      <c r="E701" s="236"/>
      <c r="F701" s="236"/>
      <c r="G701" s="236"/>
      <c r="H701" s="236"/>
      <c r="I701" s="236"/>
    </row>
    <row r="702" spans="3:9" x14ac:dyDescent="0.2">
      <c r="C702" s="236"/>
      <c r="D702" s="236"/>
      <c r="E702" s="236"/>
      <c r="F702" s="236"/>
      <c r="G702" s="236"/>
      <c r="H702" s="236"/>
      <c r="I702" s="236"/>
    </row>
    <row r="703" spans="3:9" x14ac:dyDescent="0.2">
      <c r="C703" s="236"/>
      <c r="D703" s="236"/>
      <c r="E703" s="236"/>
      <c r="F703" s="236"/>
      <c r="G703" s="236"/>
      <c r="H703" s="236"/>
      <c r="I703" s="236"/>
    </row>
    <row r="704" spans="3:9" x14ac:dyDescent="0.2">
      <c r="C704" s="236"/>
      <c r="D704" s="236"/>
      <c r="E704" s="236"/>
      <c r="F704" s="236"/>
      <c r="G704" s="236"/>
      <c r="H704" s="236"/>
      <c r="I704" s="236"/>
    </row>
    <row r="705" spans="3:9" x14ac:dyDescent="0.2">
      <c r="C705" s="236"/>
      <c r="D705" s="236"/>
      <c r="E705" s="236"/>
      <c r="F705" s="236"/>
      <c r="G705" s="236"/>
      <c r="H705" s="236"/>
      <c r="I705" s="236"/>
    </row>
    <row r="706" spans="3:9" x14ac:dyDescent="0.2">
      <c r="C706" s="236"/>
      <c r="D706" s="236"/>
      <c r="E706" s="236"/>
      <c r="F706" s="236"/>
      <c r="G706" s="236"/>
      <c r="H706" s="236"/>
      <c r="I706" s="236"/>
    </row>
    <row r="707" spans="3:9" x14ac:dyDescent="0.2">
      <c r="C707" s="236"/>
      <c r="D707" s="236"/>
      <c r="E707" s="236"/>
      <c r="F707" s="236"/>
      <c r="G707" s="236"/>
      <c r="H707" s="236"/>
      <c r="I707" s="236"/>
    </row>
    <row r="708" spans="3:9" x14ac:dyDescent="0.2">
      <c r="C708" s="236"/>
      <c r="D708" s="236"/>
      <c r="E708" s="236"/>
      <c r="F708" s="236"/>
      <c r="G708" s="236"/>
      <c r="H708" s="236"/>
      <c r="I708" s="236"/>
    </row>
    <row r="709" spans="3:9" x14ac:dyDescent="0.2">
      <c r="C709" s="236"/>
      <c r="D709" s="236"/>
      <c r="E709" s="236"/>
      <c r="F709" s="236"/>
      <c r="G709" s="236"/>
      <c r="H709" s="236"/>
      <c r="I709" s="236"/>
    </row>
    <row r="710" spans="3:9" x14ac:dyDescent="0.2">
      <c r="C710" s="236"/>
      <c r="D710" s="236"/>
      <c r="E710" s="236"/>
      <c r="F710" s="236"/>
      <c r="G710" s="236"/>
      <c r="H710" s="236"/>
      <c r="I710" s="236"/>
    </row>
    <row r="711" spans="3:9" x14ac:dyDescent="0.2">
      <c r="C711" s="236"/>
      <c r="D711" s="236"/>
      <c r="E711" s="236"/>
      <c r="F711" s="236"/>
      <c r="G711" s="236"/>
      <c r="H711" s="236"/>
      <c r="I711" s="236"/>
    </row>
    <row r="712" spans="3:9" x14ac:dyDescent="0.2">
      <c r="C712" s="236"/>
      <c r="D712" s="236"/>
      <c r="E712" s="236"/>
      <c r="F712" s="236"/>
      <c r="G712" s="236"/>
      <c r="H712" s="236"/>
      <c r="I712" s="236"/>
    </row>
    <row r="713" spans="3:9" x14ac:dyDescent="0.2">
      <c r="C713" s="236"/>
      <c r="D713" s="236"/>
      <c r="E713" s="236"/>
      <c r="F713" s="236"/>
      <c r="G713" s="236"/>
      <c r="H713" s="236"/>
      <c r="I713" s="236"/>
    </row>
    <row r="714" spans="3:9" x14ac:dyDescent="0.2">
      <c r="C714" s="236"/>
      <c r="D714" s="236"/>
      <c r="E714" s="236"/>
      <c r="F714" s="236"/>
      <c r="G714" s="236"/>
      <c r="H714" s="236"/>
      <c r="I714" s="236"/>
    </row>
    <row r="715" spans="3:9" x14ac:dyDescent="0.2">
      <c r="C715" s="236"/>
      <c r="D715" s="236"/>
      <c r="E715" s="236"/>
      <c r="F715" s="236"/>
      <c r="G715" s="236"/>
      <c r="H715" s="236"/>
      <c r="I715" s="236"/>
    </row>
    <row r="716" spans="3:9" x14ac:dyDescent="0.2">
      <c r="C716" s="236"/>
      <c r="D716" s="236"/>
      <c r="E716" s="236"/>
      <c r="F716" s="236"/>
      <c r="G716" s="236"/>
      <c r="H716" s="236"/>
      <c r="I716" s="236"/>
    </row>
    <row r="717" spans="3:9" x14ac:dyDescent="0.2">
      <c r="C717" s="236"/>
      <c r="D717" s="236"/>
      <c r="E717" s="236"/>
      <c r="F717" s="236"/>
      <c r="G717" s="236"/>
      <c r="H717" s="236"/>
      <c r="I717" s="236"/>
    </row>
    <row r="718" spans="3:9" x14ac:dyDescent="0.2">
      <c r="C718" s="236"/>
      <c r="D718" s="236"/>
      <c r="E718" s="236"/>
      <c r="F718" s="236"/>
      <c r="G718" s="236"/>
      <c r="H718" s="236"/>
      <c r="I718" s="236"/>
    </row>
    <row r="719" spans="3:9" x14ac:dyDescent="0.2">
      <c r="C719" s="236"/>
      <c r="D719" s="236"/>
      <c r="E719" s="236"/>
      <c r="F719" s="236"/>
      <c r="G719" s="236"/>
      <c r="H719" s="236"/>
      <c r="I719" s="236"/>
    </row>
    <row r="720" spans="3:9" x14ac:dyDescent="0.2">
      <c r="C720" s="236"/>
      <c r="D720" s="236"/>
      <c r="E720" s="236"/>
      <c r="F720" s="236"/>
      <c r="G720" s="236"/>
      <c r="H720" s="236"/>
      <c r="I720" s="236"/>
    </row>
    <row r="721" spans="3:9" x14ac:dyDescent="0.2">
      <c r="C721" s="236"/>
      <c r="D721" s="236"/>
      <c r="E721" s="236"/>
      <c r="F721" s="236"/>
      <c r="G721" s="236"/>
      <c r="H721" s="236"/>
      <c r="I721" s="236"/>
    </row>
    <row r="722" spans="3:9" x14ac:dyDescent="0.2">
      <c r="C722" s="236"/>
      <c r="D722" s="236"/>
      <c r="E722" s="236"/>
      <c r="F722" s="236"/>
      <c r="G722" s="236"/>
      <c r="H722" s="236"/>
      <c r="I722" s="236"/>
    </row>
    <row r="723" spans="3:9" x14ac:dyDescent="0.2">
      <c r="C723" s="236"/>
      <c r="D723" s="236"/>
      <c r="E723" s="236"/>
      <c r="F723" s="236"/>
      <c r="G723" s="236"/>
      <c r="H723" s="236"/>
      <c r="I723" s="236"/>
    </row>
    <row r="724" spans="3:9" x14ac:dyDescent="0.2">
      <c r="C724" s="236"/>
      <c r="D724" s="236"/>
      <c r="E724" s="236"/>
      <c r="F724" s="236"/>
      <c r="G724" s="236"/>
      <c r="H724" s="236"/>
      <c r="I724" s="236"/>
    </row>
    <row r="725" spans="3:9" x14ac:dyDescent="0.2">
      <c r="C725" s="236"/>
      <c r="D725" s="236"/>
      <c r="E725" s="236"/>
      <c r="F725" s="236"/>
      <c r="G725" s="236"/>
      <c r="H725" s="236"/>
      <c r="I725" s="236"/>
    </row>
    <row r="726" spans="3:9" x14ac:dyDescent="0.2">
      <c r="C726" s="236"/>
      <c r="D726" s="236"/>
      <c r="E726" s="236"/>
      <c r="F726" s="236"/>
      <c r="G726" s="236"/>
      <c r="H726" s="236"/>
      <c r="I726" s="236"/>
    </row>
    <row r="727" spans="3:9" x14ac:dyDescent="0.2">
      <c r="C727" s="236"/>
      <c r="D727" s="236"/>
      <c r="E727" s="236"/>
      <c r="F727" s="236"/>
      <c r="G727" s="236"/>
      <c r="H727" s="236"/>
      <c r="I727" s="236"/>
    </row>
    <row r="728" spans="3:9" x14ac:dyDescent="0.2">
      <c r="C728" s="236"/>
      <c r="D728" s="236"/>
      <c r="E728" s="236"/>
      <c r="F728" s="236"/>
      <c r="G728" s="236"/>
      <c r="H728" s="236"/>
      <c r="I728" s="236"/>
    </row>
    <row r="729" spans="3:9" x14ac:dyDescent="0.2">
      <c r="C729" s="236"/>
      <c r="D729" s="236"/>
      <c r="E729" s="236"/>
      <c r="F729" s="236"/>
      <c r="G729" s="236"/>
      <c r="H729" s="236"/>
      <c r="I729" s="236"/>
    </row>
    <row r="730" spans="3:9" x14ac:dyDescent="0.2">
      <c r="C730" s="236"/>
      <c r="D730" s="236"/>
      <c r="E730" s="236"/>
      <c r="F730" s="236"/>
      <c r="G730" s="236"/>
      <c r="H730" s="236"/>
      <c r="I730" s="236"/>
    </row>
    <row r="731" spans="3:9" x14ac:dyDescent="0.2">
      <c r="C731" s="236"/>
      <c r="D731" s="236"/>
      <c r="E731" s="236"/>
      <c r="F731" s="236"/>
      <c r="G731" s="236"/>
      <c r="H731" s="236"/>
      <c r="I731" s="236"/>
    </row>
    <row r="732" spans="3:9" x14ac:dyDescent="0.2">
      <c r="C732" s="236"/>
      <c r="D732" s="236"/>
      <c r="E732" s="236"/>
      <c r="F732" s="236"/>
      <c r="G732" s="236"/>
      <c r="H732" s="236"/>
      <c r="I732" s="236"/>
    </row>
    <row r="733" spans="3:9" x14ac:dyDescent="0.2">
      <c r="C733" s="236"/>
      <c r="D733" s="236"/>
      <c r="E733" s="236"/>
      <c r="F733" s="236"/>
      <c r="G733" s="236"/>
      <c r="H733" s="236"/>
      <c r="I733" s="236"/>
    </row>
    <row r="734" spans="3:9" x14ac:dyDescent="0.2">
      <c r="C734" s="236"/>
      <c r="D734" s="236"/>
      <c r="E734" s="236"/>
      <c r="F734" s="236"/>
      <c r="G734" s="236"/>
      <c r="H734" s="236"/>
      <c r="I734" s="236"/>
    </row>
    <row r="735" spans="3:9" x14ac:dyDescent="0.2">
      <c r="C735" s="236"/>
      <c r="D735" s="236"/>
      <c r="E735" s="236"/>
      <c r="F735" s="236"/>
      <c r="G735" s="236"/>
      <c r="H735" s="236"/>
      <c r="I735" s="236"/>
    </row>
    <row r="736" spans="3:9" x14ac:dyDescent="0.2">
      <c r="C736" s="236"/>
      <c r="D736" s="236"/>
      <c r="E736" s="236"/>
      <c r="F736" s="236"/>
      <c r="G736" s="236"/>
      <c r="H736" s="236"/>
      <c r="I736" s="236"/>
    </row>
    <row r="737" spans="3:9" x14ac:dyDescent="0.2">
      <c r="C737" s="236"/>
      <c r="D737" s="236"/>
      <c r="E737" s="236"/>
      <c r="F737" s="236"/>
      <c r="G737" s="236"/>
      <c r="H737" s="236"/>
      <c r="I737" s="236"/>
    </row>
    <row r="738" spans="3:9" x14ac:dyDescent="0.2">
      <c r="C738" s="236"/>
      <c r="D738" s="236"/>
      <c r="E738" s="236"/>
      <c r="F738" s="236"/>
      <c r="G738" s="236"/>
      <c r="H738" s="236"/>
      <c r="I738" s="236"/>
    </row>
    <row r="739" spans="3:9" x14ac:dyDescent="0.2">
      <c r="C739" s="236"/>
      <c r="D739" s="236"/>
      <c r="E739" s="236"/>
      <c r="F739" s="236"/>
      <c r="G739" s="236"/>
      <c r="H739" s="236"/>
      <c r="I739" s="236"/>
    </row>
    <row r="740" spans="3:9" x14ac:dyDescent="0.2">
      <c r="C740" s="236"/>
      <c r="D740" s="236"/>
      <c r="E740" s="236"/>
      <c r="F740" s="236"/>
      <c r="G740" s="236"/>
      <c r="H740" s="236"/>
      <c r="I740" s="236"/>
    </row>
    <row r="741" spans="3:9" x14ac:dyDescent="0.2">
      <c r="C741" s="236"/>
      <c r="D741" s="236"/>
      <c r="E741" s="236"/>
      <c r="F741" s="236"/>
      <c r="G741" s="236"/>
      <c r="H741" s="236"/>
      <c r="I741" s="236"/>
    </row>
    <row r="742" spans="3:9" x14ac:dyDescent="0.2">
      <c r="C742" s="236"/>
      <c r="D742" s="236"/>
      <c r="E742" s="236"/>
      <c r="F742" s="236"/>
      <c r="G742" s="236"/>
      <c r="H742" s="236"/>
      <c r="I742" s="236"/>
    </row>
    <row r="743" spans="3:9" x14ac:dyDescent="0.2">
      <c r="C743" s="236"/>
      <c r="D743" s="236"/>
      <c r="E743" s="236"/>
      <c r="F743" s="236"/>
      <c r="G743" s="236"/>
      <c r="H743" s="236"/>
      <c r="I743" s="236"/>
    </row>
    <row r="744" spans="3:9" x14ac:dyDescent="0.2">
      <c r="C744" s="236"/>
      <c r="D744" s="236"/>
      <c r="E744" s="236"/>
      <c r="F744" s="236"/>
      <c r="G744" s="236"/>
      <c r="H744" s="236"/>
      <c r="I744" s="236"/>
    </row>
    <row r="745" spans="3:9" x14ac:dyDescent="0.2">
      <c r="C745" s="236"/>
      <c r="D745" s="236"/>
      <c r="E745" s="236"/>
      <c r="F745" s="236"/>
      <c r="G745" s="236"/>
      <c r="H745" s="236"/>
      <c r="I745" s="236"/>
    </row>
    <row r="746" spans="3:9" x14ac:dyDescent="0.2">
      <c r="C746" s="236"/>
      <c r="D746" s="236"/>
      <c r="E746" s="236"/>
      <c r="F746" s="236"/>
      <c r="G746" s="236"/>
      <c r="H746" s="236"/>
      <c r="I746" s="236"/>
    </row>
    <row r="747" spans="3:9" x14ac:dyDescent="0.2">
      <c r="C747" s="236"/>
      <c r="D747" s="236"/>
      <c r="E747" s="236"/>
      <c r="F747" s="236"/>
      <c r="G747" s="236"/>
      <c r="H747" s="236"/>
      <c r="I747" s="236"/>
    </row>
    <row r="748" spans="3:9" x14ac:dyDescent="0.2">
      <c r="C748" s="236"/>
      <c r="D748" s="236"/>
      <c r="E748" s="236"/>
      <c r="F748" s="236"/>
      <c r="G748" s="236"/>
      <c r="H748" s="236"/>
      <c r="I748" s="236"/>
    </row>
    <row r="749" spans="3:9" x14ac:dyDescent="0.2">
      <c r="C749" s="236"/>
      <c r="D749" s="236"/>
      <c r="E749" s="236"/>
      <c r="F749" s="236"/>
      <c r="G749" s="236"/>
      <c r="H749" s="236"/>
      <c r="I749" s="236"/>
    </row>
    <row r="750" spans="3:9" x14ac:dyDescent="0.2">
      <c r="C750" s="236"/>
      <c r="D750" s="236"/>
      <c r="E750" s="236"/>
      <c r="F750" s="236"/>
      <c r="G750" s="236"/>
      <c r="H750" s="236"/>
      <c r="I750" s="236"/>
    </row>
    <row r="751" spans="3:9" x14ac:dyDescent="0.2">
      <c r="C751" s="236"/>
      <c r="D751" s="236"/>
      <c r="E751" s="236"/>
      <c r="F751" s="236"/>
      <c r="G751" s="236"/>
      <c r="H751" s="236"/>
      <c r="I751" s="236"/>
    </row>
    <row r="752" spans="3:9" x14ac:dyDescent="0.2">
      <c r="C752" s="236"/>
      <c r="D752" s="236"/>
      <c r="E752" s="236"/>
      <c r="F752" s="236"/>
      <c r="G752" s="236"/>
      <c r="H752" s="236"/>
      <c r="I752" s="236"/>
    </row>
    <row r="753" spans="3:9" x14ac:dyDescent="0.2">
      <c r="C753" s="236"/>
      <c r="D753" s="236"/>
      <c r="E753" s="236"/>
      <c r="F753" s="236"/>
      <c r="G753" s="236"/>
      <c r="H753" s="236"/>
      <c r="I753" s="236"/>
    </row>
    <row r="754" spans="3:9" x14ac:dyDescent="0.2">
      <c r="C754" s="236"/>
      <c r="D754" s="236"/>
      <c r="E754" s="236"/>
      <c r="F754" s="236"/>
      <c r="G754" s="236"/>
      <c r="H754" s="236"/>
      <c r="I754" s="236"/>
    </row>
    <row r="755" spans="3:9" x14ac:dyDescent="0.2">
      <c r="C755" s="236"/>
      <c r="D755" s="236"/>
      <c r="E755" s="236"/>
      <c r="F755" s="236"/>
      <c r="G755" s="236"/>
      <c r="H755" s="236"/>
      <c r="I755" s="236"/>
    </row>
    <row r="756" spans="3:9" x14ac:dyDescent="0.2">
      <c r="C756" s="236"/>
      <c r="D756" s="236"/>
      <c r="E756" s="236"/>
      <c r="F756" s="236"/>
      <c r="G756" s="236"/>
      <c r="H756" s="236"/>
      <c r="I756" s="236"/>
    </row>
    <row r="757" spans="3:9" x14ac:dyDescent="0.2">
      <c r="C757" s="236"/>
      <c r="D757" s="236"/>
      <c r="E757" s="236"/>
      <c r="F757" s="236"/>
      <c r="G757" s="236"/>
      <c r="H757" s="236"/>
      <c r="I757" s="236"/>
    </row>
    <row r="758" spans="3:9" x14ac:dyDescent="0.2">
      <c r="C758" s="236"/>
      <c r="D758" s="236"/>
      <c r="E758" s="236"/>
      <c r="F758" s="236"/>
      <c r="G758" s="236"/>
      <c r="H758" s="236"/>
      <c r="I758" s="236"/>
    </row>
    <row r="759" spans="3:9" x14ac:dyDescent="0.2">
      <c r="C759" s="236"/>
      <c r="D759" s="236"/>
      <c r="E759" s="236"/>
      <c r="F759" s="236"/>
      <c r="G759" s="236"/>
      <c r="H759" s="236"/>
      <c r="I759" s="236"/>
    </row>
    <row r="760" spans="3:9" x14ac:dyDescent="0.2">
      <c r="C760" s="236"/>
      <c r="D760" s="236"/>
      <c r="E760" s="236"/>
      <c r="F760" s="236"/>
      <c r="G760" s="236"/>
      <c r="H760" s="236"/>
      <c r="I760" s="236"/>
    </row>
    <row r="761" spans="3:9" x14ac:dyDescent="0.2">
      <c r="C761" s="236"/>
      <c r="D761" s="236"/>
      <c r="E761" s="236"/>
      <c r="F761" s="236"/>
      <c r="G761" s="236"/>
      <c r="H761" s="236"/>
      <c r="I761" s="236"/>
    </row>
    <row r="762" spans="3:9" x14ac:dyDescent="0.2">
      <c r="C762" s="236"/>
      <c r="D762" s="236"/>
      <c r="E762" s="236"/>
      <c r="F762" s="236"/>
      <c r="G762" s="236"/>
      <c r="H762" s="236"/>
      <c r="I762" s="236"/>
    </row>
    <row r="763" spans="3:9" x14ac:dyDescent="0.2">
      <c r="C763" s="236"/>
      <c r="D763" s="236"/>
      <c r="E763" s="236"/>
      <c r="F763" s="236"/>
      <c r="G763" s="236"/>
      <c r="H763" s="236"/>
      <c r="I763" s="236"/>
    </row>
    <row r="764" spans="3:9" x14ac:dyDescent="0.2">
      <c r="C764" s="236"/>
      <c r="D764" s="236"/>
      <c r="E764" s="236"/>
      <c r="F764" s="236"/>
      <c r="G764" s="236"/>
      <c r="H764" s="236"/>
      <c r="I764" s="236"/>
    </row>
    <row r="765" spans="3:9" x14ac:dyDescent="0.2">
      <c r="C765" s="236"/>
      <c r="D765" s="236"/>
      <c r="E765" s="236"/>
      <c r="F765" s="236"/>
      <c r="G765" s="236"/>
      <c r="H765" s="236"/>
      <c r="I765" s="236"/>
    </row>
    <row r="766" spans="3:9" x14ac:dyDescent="0.2">
      <c r="C766" s="236"/>
      <c r="D766" s="236"/>
      <c r="E766" s="236"/>
      <c r="F766" s="236"/>
      <c r="G766" s="236"/>
      <c r="H766" s="236"/>
      <c r="I766" s="236"/>
    </row>
    <row r="767" spans="3:9" x14ac:dyDescent="0.2">
      <c r="C767" s="236"/>
      <c r="D767" s="236"/>
      <c r="E767" s="236"/>
      <c r="F767" s="236"/>
      <c r="G767" s="236"/>
      <c r="H767" s="236"/>
      <c r="I767" s="236"/>
    </row>
    <row r="768" spans="3:9" x14ac:dyDescent="0.2">
      <c r="C768" s="236"/>
      <c r="D768" s="236"/>
      <c r="E768" s="236"/>
      <c r="F768" s="236"/>
      <c r="G768" s="236"/>
      <c r="H768" s="236"/>
      <c r="I768" s="236"/>
    </row>
    <row r="769" spans="3:9" x14ac:dyDescent="0.2">
      <c r="C769" s="236"/>
      <c r="D769" s="236"/>
      <c r="E769" s="236"/>
      <c r="F769" s="236"/>
      <c r="G769" s="236"/>
      <c r="H769" s="236"/>
      <c r="I769" s="236"/>
    </row>
    <row r="770" spans="3:9" x14ac:dyDescent="0.2">
      <c r="C770" s="236"/>
      <c r="D770" s="236"/>
      <c r="E770" s="236"/>
      <c r="F770" s="236"/>
      <c r="G770" s="236"/>
      <c r="H770" s="236"/>
      <c r="I770" s="236"/>
    </row>
    <row r="771" spans="3:9" x14ac:dyDescent="0.2">
      <c r="C771" s="236"/>
      <c r="D771" s="236"/>
      <c r="E771" s="236"/>
      <c r="F771" s="236"/>
      <c r="G771" s="236"/>
      <c r="H771" s="236"/>
      <c r="I771" s="236"/>
    </row>
    <row r="772" spans="3:9" x14ac:dyDescent="0.2">
      <c r="C772" s="236"/>
      <c r="D772" s="236"/>
      <c r="E772" s="236"/>
      <c r="F772" s="236"/>
      <c r="G772" s="236"/>
      <c r="H772" s="236"/>
      <c r="I772" s="236"/>
    </row>
    <row r="773" spans="3:9" x14ac:dyDescent="0.2">
      <c r="C773" s="236"/>
      <c r="D773" s="236"/>
      <c r="E773" s="236"/>
      <c r="F773" s="236"/>
      <c r="G773" s="236"/>
      <c r="H773" s="236"/>
      <c r="I773" s="236"/>
    </row>
    <row r="774" spans="3:9" x14ac:dyDescent="0.2">
      <c r="C774" s="236"/>
      <c r="D774" s="236"/>
      <c r="E774" s="236"/>
      <c r="F774" s="236"/>
      <c r="G774" s="236"/>
      <c r="H774" s="236"/>
      <c r="I774" s="236"/>
    </row>
    <row r="775" spans="3:9" x14ac:dyDescent="0.2">
      <c r="C775" s="236"/>
      <c r="D775" s="236"/>
      <c r="E775" s="236"/>
      <c r="F775" s="236"/>
      <c r="G775" s="236"/>
      <c r="H775" s="236"/>
      <c r="I775" s="236"/>
    </row>
    <row r="776" spans="3:9" x14ac:dyDescent="0.2">
      <c r="C776" s="236"/>
      <c r="D776" s="236"/>
      <c r="E776" s="236"/>
      <c r="F776" s="236"/>
      <c r="G776" s="236"/>
      <c r="H776" s="236"/>
      <c r="I776" s="236"/>
    </row>
    <row r="777" spans="3:9" x14ac:dyDescent="0.2">
      <c r="C777" s="236"/>
      <c r="D777" s="236"/>
      <c r="E777" s="236"/>
      <c r="F777" s="236"/>
      <c r="G777" s="236"/>
      <c r="H777" s="236"/>
      <c r="I777" s="236"/>
    </row>
    <row r="778" spans="3:9" x14ac:dyDescent="0.2">
      <c r="C778" s="236"/>
      <c r="D778" s="236"/>
      <c r="E778" s="236"/>
      <c r="F778" s="236"/>
      <c r="G778" s="236"/>
      <c r="H778" s="236"/>
      <c r="I778" s="236"/>
    </row>
    <row r="779" spans="3:9" x14ac:dyDescent="0.2">
      <c r="C779" s="236"/>
      <c r="D779" s="236"/>
      <c r="E779" s="236"/>
      <c r="F779" s="236"/>
      <c r="G779" s="236"/>
      <c r="H779" s="236"/>
      <c r="I779" s="236"/>
    </row>
    <row r="780" spans="3:9" x14ac:dyDescent="0.2">
      <c r="C780" s="236"/>
      <c r="D780" s="236"/>
      <c r="E780" s="236"/>
      <c r="F780" s="236"/>
      <c r="G780" s="236"/>
      <c r="H780" s="236"/>
      <c r="I780" s="236"/>
    </row>
    <row r="781" spans="3:9" x14ac:dyDescent="0.2">
      <c r="C781" s="236"/>
      <c r="D781" s="236"/>
      <c r="E781" s="236"/>
      <c r="F781" s="236"/>
      <c r="G781" s="236"/>
      <c r="H781" s="236"/>
      <c r="I781" s="236"/>
    </row>
    <row r="782" spans="3:9" x14ac:dyDescent="0.2">
      <c r="C782" s="236"/>
      <c r="D782" s="236"/>
      <c r="E782" s="236"/>
      <c r="F782" s="236"/>
      <c r="G782" s="236"/>
      <c r="H782" s="236"/>
      <c r="I782" s="236"/>
    </row>
    <row r="783" spans="3:9" x14ac:dyDescent="0.2">
      <c r="C783" s="236"/>
      <c r="D783" s="236"/>
      <c r="E783" s="236"/>
      <c r="F783" s="236"/>
      <c r="G783" s="236"/>
      <c r="H783" s="236"/>
      <c r="I783" s="236"/>
    </row>
    <row r="784" spans="3:9" x14ac:dyDescent="0.2">
      <c r="C784" s="236"/>
      <c r="D784" s="236"/>
      <c r="E784" s="236"/>
      <c r="F784" s="236"/>
      <c r="G784" s="236"/>
      <c r="H784" s="236"/>
      <c r="I784" s="236"/>
    </row>
    <row r="785" spans="3:9" x14ac:dyDescent="0.2">
      <c r="C785" s="236"/>
      <c r="D785" s="236"/>
      <c r="E785" s="236"/>
      <c r="F785" s="236"/>
      <c r="G785" s="236"/>
      <c r="H785" s="236"/>
      <c r="I785" s="236"/>
    </row>
    <row r="786" spans="3:9" x14ac:dyDescent="0.2">
      <c r="C786" s="236"/>
      <c r="D786" s="236"/>
      <c r="E786" s="236"/>
      <c r="F786" s="236"/>
      <c r="G786" s="236"/>
      <c r="H786" s="236"/>
      <c r="I786" s="236"/>
    </row>
    <row r="787" spans="3:9" x14ac:dyDescent="0.2">
      <c r="C787" s="236"/>
      <c r="D787" s="236"/>
      <c r="E787" s="236"/>
      <c r="F787" s="236"/>
      <c r="G787" s="236"/>
      <c r="H787" s="236"/>
      <c r="I787" s="236"/>
    </row>
    <row r="788" spans="3:9" x14ac:dyDescent="0.2">
      <c r="C788" s="236"/>
      <c r="D788" s="236"/>
      <c r="E788" s="236"/>
      <c r="F788" s="236"/>
      <c r="G788" s="236"/>
      <c r="H788" s="236"/>
      <c r="I788" s="236"/>
    </row>
    <row r="789" spans="3:9" x14ac:dyDescent="0.2">
      <c r="C789" s="236"/>
      <c r="D789" s="236"/>
      <c r="E789" s="236"/>
      <c r="F789" s="236"/>
      <c r="G789" s="236"/>
      <c r="H789" s="236"/>
      <c r="I789" s="236"/>
    </row>
    <row r="790" spans="3:9" x14ac:dyDescent="0.2">
      <c r="C790" s="236"/>
      <c r="D790" s="236"/>
      <c r="E790" s="236"/>
      <c r="F790" s="236"/>
      <c r="G790" s="236"/>
      <c r="H790" s="236"/>
      <c r="I790" s="236"/>
    </row>
    <row r="791" spans="3:9" x14ac:dyDescent="0.2">
      <c r="C791" s="236"/>
      <c r="D791" s="236"/>
      <c r="E791" s="236"/>
      <c r="F791" s="236"/>
      <c r="G791" s="236"/>
      <c r="H791" s="236"/>
      <c r="I791" s="236"/>
    </row>
    <row r="792" spans="3:9" x14ac:dyDescent="0.2">
      <c r="C792" s="236"/>
      <c r="D792" s="236"/>
      <c r="E792" s="236"/>
      <c r="F792" s="236"/>
      <c r="G792" s="236"/>
      <c r="H792" s="236"/>
      <c r="I792" s="236"/>
    </row>
    <row r="793" spans="3:9" x14ac:dyDescent="0.2">
      <c r="C793" s="236"/>
      <c r="D793" s="236"/>
      <c r="E793" s="236"/>
      <c r="F793" s="236"/>
      <c r="G793" s="236"/>
      <c r="H793" s="236"/>
      <c r="I793" s="236"/>
    </row>
    <row r="794" spans="3:9" x14ac:dyDescent="0.2">
      <c r="C794" s="236"/>
      <c r="D794" s="236"/>
      <c r="E794" s="236"/>
      <c r="F794" s="236"/>
      <c r="G794" s="236"/>
      <c r="H794" s="236"/>
      <c r="I794" s="236"/>
    </row>
    <row r="795" spans="3:9" x14ac:dyDescent="0.2">
      <c r="C795" s="236"/>
      <c r="D795" s="236"/>
      <c r="E795" s="236"/>
      <c r="F795" s="236"/>
      <c r="G795" s="236"/>
      <c r="H795" s="236"/>
      <c r="I795" s="236"/>
    </row>
    <row r="796" spans="3:9" x14ac:dyDescent="0.2">
      <c r="C796" s="236"/>
      <c r="D796" s="236"/>
      <c r="E796" s="236"/>
      <c r="F796" s="236"/>
      <c r="G796" s="236"/>
      <c r="H796" s="236"/>
      <c r="I796" s="236"/>
    </row>
    <row r="797" spans="3:9" x14ac:dyDescent="0.2">
      <c r="C797" s="236"/>
      <c r="D797" s="236"/>
      <c r="E797" s="236"/>
      <c r="F797" s="236"/>
      <c r="G797" s="236"/>
      <c r="H797" s="236"/>
      <c r="I797" s="236"/>
    </row>
    <row r="798" spans="3:9" x14ac:dyDescent="0.2">
      <c r="C798" s="236"/>
      <c r="D798" s="236"/>
      <c r="E798" s="236"/>
      <c r="F798" s="236"/>
      <c r="G798" s="236"/>
      <c r="H798" s="236"/>
      <c r="I798" s="236"/>
    </row>
    <row r="799" spans="3:9" x14ac:dyDescent="0.2">
      <c r="C799" s="236"/>
      <c r="D799" s="236"/>
      <c r="E799" s="236"/>
      <c r="F799" s="236"/>
      <c r="G799" s="236"/>
      <c r="H799" s="236"/>
      <c r="I799" s="236"/>
    </row>
    <row r="800" spans="3:9" x14ac:dyDescent="0.2">
      <c r="C800" s="236"/>
      <c r="D800" s="236"/>
      <c r="E800" s="236"/>
      <c r="F800" s="236"/>
      <c r="G800" s="236"/>
      <c r="H800" s="236"/>
      <c r="I800" s="236"/>
    </row>
    <row r="801" spans="3:9" x14ac:dyDescent="0.2">
      <c r="C801" s="236"/>
      <c r="D801" s="236"/>
      <c r="E801" s="236"/>
      <c r="F801" s="236"/>
      <c r="G801" s="236"/>
      <c r="H801" s="236"/>
      <c r="I801" s="236"/>
    </row>
    <row r="802" spans="3:9" x14ac:dyDescent="0.2">
      <c r="C802" s="236"/>
      <c r="D802" s="236"/>
      <c r="E802" s="236"/>
      <c r="F802" s="236"/>
      <c r="G802" s="236"/>
      <c r="H802" s="236"/>
      <c r="I802" s="236"/>
    </row>
    <row r="803" spans="3:9" x14ac:dyDescent="0.2">
      <c r="C803" s="236"/>
      <c r="D803" s="236"/>
      <c r="E803" s="236"/>
      <c r="F803" s="236"/>
      <c r="G803" s="236"/>
      <c r="H803" s="236"/>
      <c r="I803" s="236"/>
    </row>
    <row r="804" spans="3:9" x14ac:dyDescent="0.2">
      <c r="C804" s="236"/>
      <c r="D804" s="236"/>
      <c r="E804" s="236"/>
      <c r="F804" s="236"/>
      <c r="G804" s="236"/>
      <c r="H804" s="236"/>
      <c r="I804" s="236"/>
    </row>
    <row r="805" spans="3:9" x14ac:dyDescent="0.2">
      <c r="C805" s="236"/>
      <c r="D805" s="236"/>
      <c r="E805" s="236"/>
      <c r="F805" s="236"/>
      <c r="G805" s="236"/>
      <c r="H805" s="236"/>
      <c r="I805" s="236"/>
    </row>
    <row r="806" spans="3:9" x14ac:dyDescent="0.2">
      <c r="C806" s="236"/>
      <c r="D806" s="236"/>
      <c r="E806" s="236"/>
      <c r="F806" s="236"/>
      <c r="G806" s="236"/>
      <c r="H806" s="236"/>
      <c r="I806" s="236"/>
    </row>
    <row r="807" spans="3:9" x14ac:dyDescent="0.2">
      <c r="C807" s="236"/>
      <c r="D807" s="236"/>
      <c r="E807" s="236"/>
      <c r="F807" s="236"/>
      <c r="G807" s="236"/>
      <c r="H807" s="236"/>
      <c r="I807" s="236"/>
    </row>
    <row r="808" spans="3:9" x14ac:dyDescent="0.2">
      <c r="C808" s="236"/>
      <c r="D808" s="236"/>
      <c r="E808" s="236"/>
      <c r="F808" s="236"/>
      <c r="G808" s="236"/>
      <c r="H808" s="236"/>
      <c r="I808" s="236"/>
    </row>
    <row r="809" spans="3:9" x14ac:dyDescent="0.2">
      <c r="C809" s="236"/>
      <c r="D809" s="236"/>
      <c r="E809" s="236"/>
      <c r="F809" s="236"/>
      <c r="G809" s="236"/>
      <c r="H809" s="236"/>
      <c r="I809" s="236"/>
    </row>
    <row r="810" spans="3:9" x14ac:dyDescent="0.2">
      <c r="C810" s="236"/>
      <c r="D810" s="236"/>
      <c r="E810" s="236"/>
      <c r="F810" s="236"/>
      <c r="G810" s="236"/>
      <c r="H810" s="236"/>
      <c r="I810" s="236"/>
    </row>
    <row r="811" spans="3:9" x14ac:dyDescent="0.2">
      <c r="C811" s="236"/>
      <c r="D811" s="236"/>
      <c r="E811" s="236"/>
      <c r="F811" s="236"/>
      <c r="G811" s="236"/>
      <c r="H811" s="236"/>
      <c r="I811" s="236"/>
    </row>
    <row r="812" spans="3:9" x14ac:dyDescent="0.2">
      <c r="C812" s="236"/>
      <c r="D812" s="236"/>
      <c r="E812" s="236"/>
      <c r="F812" s="236"/>
      <c r="G812" s="236"/>
      <c r="H812" s="236"/>
      <c r="I812" s="236"/>
    </row>
    <row r="813" spans="3:9" x14ac:dyDescent="0.2">
      <c r="C813" s="236"/>
      <c r="D813" s="236"/>
      <c r="E813" s="236"/>
      <c r="F813" s="236"/>
      <c r="G813" s="236"/>
      <c r="H813" s="236"/>
      <c r="I813" s="236"/>
    </row>
    <row r="814" spans="3:9" x14ac:dyDescent="0.2">
      <c r="C814" s="236"/>
      <c r="D814" s="236"/>
      <c r="E814" s="236"/>
      <c r="F814" s="236"/>
      <c r="G814" s="236"/>
      <c r="H814" s="236"/>
      <c r="I814" s="236"/>
    </row>
    <row r="815" spans="3:9" x14ac:dyDescent="0.2">
      <c r="C815" s="236"/>
      <c r="D815" s="236"/>
      <c r="E815" s="236"/>
      <c r="F815" s="236"/>
      <c r="G815" s="236"/>
      <c r="H815" s="236"/>
      <c r="I815" s="236"/>
    </row>
    <row r="816" spans="3:9" x14ac:dyDescent="0.2">
      <c r="C816" s="236"/>
      <c r="D816" s="236"/>
      <c r="E816" s="236"/>
      <c r="F816" s="236"/>
      <c r="G816" s="236"/>
      <c r="H816" s="236"/>
      <c r="I816" s="236"/>
    </row>
    <row r="817" spans="3:9" x14ac:dyDescent="0.2">
      <c r="C817" s="236"/>
      <c r="D817" s="236"/>
      <c r="E817" s="236"/>
      <c r="F817" s="236"/>
      <c r="G817" s="236"/>
      <c r="H817" s="236"/>
      <c r="I817" s="236"/>
    </row>
    <row r="818" spans="3:9" x14ac:dyDescent="0.2">
      <c r="C818" s="236"/>
      <c r="D818" s="236"/>
      <c r="E818" s="236"/>
      <c r="F818" s="236"/>
      <c r="G818" s="236"/>
      <c r="H818" s="236"/>
      <c r="I818" s="236"/>
    </row>
    <row r="819" spans="3:9" x14ac:dyDescent="0.2">
      <c r="C819" s="236"/>
      <c r="D819" s="236"/>
      <c r="E819" s="236"/>
      <c r="F819" s="236"/>
      <c r="G819" s="236"/>
      <c r="H819" s="236"/>
      <c r="I819" s="236"/>
    </row>
    <row r="820" spans="3:9" x14ac:dyDescent="0.2">
      <c r="C820" s="236"/>
      <c r="D820" s="236"/>
      <c r="E820" s="236"/>
      <c r="F820" s="236"/>
      <c r="G820" s="236"/>
      <c r="H820" s="236"/>
      <c r="I820" s="236"/>
    </row>
    <row r="821" spans="3:9" x14ac:dyDescent="0.2">
      <c r="C821" s="236"/>
      <c r="D821" s="236"/>
      <c r="E821" s="236"/>
      <c r="F821" s="236"/>
      <c r="G821" s="236"/>
      <c r="H821" s="236"/>
      <c r="I821" s="236"/>
    </row>
    <row r="822" spans="3:9" x14ac:dyDescent="0.2">
      <c r="C822" s="236"/>
      <c r="D822" s="236"/>
      <c r="E822" s="236"/>
      <c r="F822" s="236"/>
      <c r="G822" s="236"/>
      <c r="H822" s="236"/>
      <c r="I822" s="236"/>
    </row>
    <row r="823" spans="3:9" x14ac:dyDescent="0.2">
      <c r="C823" s="236"/>
      <c r="D823" s="236"/>
      <c r="E823" s="236"/>
      <c r="F823" s="236"/>
      <c r="G823" s="236"/>
      <c r="H823" s="236"/>
      <c r="I823" s="236"/>
    </row>
    <row r="824" spans="3:9" x14ac:dyDescent="0.2">
      <c r="C824" s="236"/>
      <c r="D824" s="236"/>
      <c r="E824" s="236"/>
      <c r="F824" s="236"/>
      <c r="G824" s="236"/>
      <c r="H824" s="236"/>
      <c r="I824" s="236"/>
    </row>
    <row r="825" spans="3:9" x14ac:dyDescent="0.2">
      <c r="C825" s="236"/>
      <c r="D825" s="236"/>
      <c r="E825" s="236"/>
      <c r="F825" s="236"/>
      <c r="G825" s="236"/>
      <c r="H825" s="236"/>
      <c r="I825" s="236"/>
    </row>
    <row r="826" spans="3:9" x14ac:dyDescent="0.2">
      <c r="C826" s="236"/>
      <c r="D826" s="236"/>
      <c r="E826" s="236"/>
      <c r="F826" s="236"/>
      <c r="G826" s="236"/>
      <c r="H826" s="236"/>
      <c r="I826" s="236"/>
    </row>
    <row r="827" spans="3:9" x14ac:dyDescent="0.2">
      <c r="C827" s="236"/>
      <c r="D827" s="236"/>
      <c r="E827" s="236"/>
      <c r="F827" s="236"/>
      <c r="G827" s="236"/>
      <c r="H827" s="236"/>
      <c r="I827" s="236"/>
    </row>
    <row r="828" spans="3:9" x14ac:dyDescent="0.2">
      <c r="C828" s="236"/>
      <c r="D828" s="236"/>
      <c r="E828" s="236"/>
      <c r="F828" s="236"/>
      <c r="G828" s="236"/>
      <c r="H828" s="236"/>
      <c r="I828" s="236"/>
    </row>
    <row r="829" spans="3:9" x14ac:dyDescent="0.2">
      <c r="C829" s="236"/>
      <c r="D829" s="236"/>
      <c r="E829" s="236"/>
      <c r="F829" s="236"/>
      <c r="G829" s="236"/>
      <c r="H829" s="236"/>
      <c r="I829" s="236"/>
    </row>
    <row r="830" spans="3:9" x14ac:dyDescent="0.2">
      <c r="C830" s="236"/>
      <c r="D830" s="236"/>
      <c r="E830" s="236"/>
      <c r="F830" s="236"/>
      <c r="G830" s="236"/>
      <c r="H830" s="236"/>
      <c r="I830" s="236"/>
    </row>
    <row r="831" spans="3:9" x14ac:dyDescent="0.2">
      <c r="C831" s="236"/>
      <c r="D831" s="236"/>
      <c r="E831" s="236"/>
      <c r="F831" s="236"/>
      <c r="G831" s="236"/>
      <c r="H831" s="236"/>
      <c r="I831" s="236"/>
    </row>
    <row r="832" spans="3:9" x14ac:dyDescent="0.2">
      <c r="C832" s="236"/>
      <c r="D832" s="236"/>
      <c r="E832" s="236"/>
      <c r="F832" s="236"/>
      <c r="G832" s="236"/>
      <c r="H832" s="236"/>
      <c r="I832" s="236"/>
    </row>
    <row r="833" spans="3:9" x14ac:dyDescent="0.2">
      <c r="C833" s="236"/>
      <c r="D833" s="236"/>
      <c r="E833" s="236"/>
      <c r="F833" s="236"/>
      <c r="G833" s="236"/>
      <c r="H833" s="236"/>
      <c r="I833" s="236"/>
    </row>
    <row r="834" spans="3:9" x14ac:dyDescent="0.2">
      <c r="C834" s="236"/>
      <c r="D834" s="236"/>
      <c r="E834" s="236"/>
      <c r="F834" s="236"/>
      <c r="G834" s="236"/>
      <c r="H834" s="236"/>
      <c r="I834" s="236"/>
    </row>
    <row r="835" spans="3:9" x14ac:dyDescent="0.2">
      <c r="C835" s="236"/>
      <c r="D835" s="236"/>
      <c r="E835" s="236"/>
      <c r="F835" s="236"/>
      <c r="G835" s="236"/>
      <c r="H835" s="236"/>
      <c r="I835" s="236"/>
    </row>
    <row r="836" spans="3:9" x14ac:dyDescent="0.2">
      <c r="C836" s="236"/>
      <c r="D836" s="236"/>
      <c r="E836" s="236"/>
      <c r="F836" s="236"/>
      <c r="G836" s="236"/>
      <c r="H836" s="236"/>
      <c r="I836" s="236"/>
    </row>
    <row r="837" spans="3:9" x14ac:dyDescent="0.2">
      <c r="C837" s="236"/>
      <c r="D837" s="236"/>
      <c r="E837" s="236"/>
      <c r="F837" s="236"/>
      <c r="G837" s="236"/>
      <c r="H837" s="236"/>
      <c r="I837" s="236"/>
    </row>
    <row r="838" spans="3:9" x14ac:dyDescent="0.2">
      <c r="C838" s="236"/>
      <c r="D838" s="236"/>
      <c r="E838" s="236"/>
      <c r="F838" s="236"/>
      <c r="G838" s="236"/>
      <c r="H838" s="236"/>
      <c r="I838" s="236"/>
    </row>
    <row r="839" spans="3:9" x14ac:dyDescent="0.2">
      <c r="C839" s="236"/>
      <c r="D839" s="236"/>
      <c r="E839" s="236"/>
      <c r="F839" s="236"/>
      <c r="G839" s="236"/>
      <c r="H839" s="236"/>
      <c r="I839" s="236"/>
    </row>
    <row r="840" spans="3:9" x14ac:dyDescent="0.2">
      <c r="C840" s="236"/>
      <c r="D840" s="236"/>
      <c r="E840" s="236"/>
      <c r="F840" s="236"/>
      <c r="G840" s="236"/>
      <c r="H840" s="236"/>
      <c r="I840" s="236"/>
    </row>
    <row r="841" spans="3:9" x14ac:dyDescent="0.2">
      <c r="C841" s="236"/>
      <c r="D841" s="236"/>
      <c r="E841" s="236"/>
      <c r="F841" s="236"/>
      <c r="G841" s="236"/>
      <c r="H841" s="236"/>
      <c r="I841" s="236"/>
    </row>
    <row r="842" spans="3:9" x14ac:dyDescent="0.2">
      <c r="C842" s="236"/>
      <c r="D842" s="236"/>
      <c r="E842" s="236"/>
      <c r="F842" s="236"/>
      <c r="G842" s="236"/>
      <c r="H842" s="236"/>
      <c r="I842" s="236"/>
    </row>
    <row r="843" spans="3:9" x14ac:dyDescent="0.2">
      <c r="C843" s="236"/>
      <c r="D843" s="236"/>
      <c r="E843" s="236"/>
      <c r="F843" s="236"/>
      <c r="G843" s="236"/>
      <c r="H843" s="236"/>
      <c r="I843" s="236"/>
    </row>
    <row r="844" spans="3:9" x14ac:dyDescent="0.2">
      <c r="C844" s="236"/>
      <c r="D844" s="236"/>
      <c r="E844" s="236"/>
      <c r="F844" s="236"/>
      <c r="G844" s="236"/>
      <c r="H844" s="236"/>
      <c r="I844" s="236"/>
    </row>
    <row r="845" spans="3:9" x14ac:dyDescent="0.2">
      <c r="C845" s="236"/>
      <c r="D845" s="236"/>
      <c r="E845" s="236"/>
      <c r="F845" s="236"/>
      <c r="G845" s="236"/>
      <c r="H845" s="236"/>
      <c r="I845" s="236"/>
    </row>
    <row r="846" spans="3:9" x14ac:dyDescent="0.2">
      <c r="C846" s="236"/>
      <c r="D846" s="236"/>
      <c r="E846" s="236"/>
      <c r="F846" s="236"/>
      <c r="G846" s="236"/>
      <c r="H846" s="236"/>
      <c r="I846" s="236"/>
    </row>
    <row r="847" spans="3:9" x14ac:dyDescent="0.2">
      <c r="C847" s="236"/>
      <c r="D847" s="236"/>
      <c r="E847" s="236"/>
      <c r="F847" s="236"/>
      <c r="G847" s="236"/>
      <c r="H847" s="236"/>
      <c r="I847" s="236"/>
    </row>
    <row r="848" spans="3:9" x14ac:dyDescent="0.2">
      <c r="C848" s="236"/>
      <c r="D848" s="236"/>
      <c r="E848" s="236"/>
      <c r="F848" s="236"/>
      <c r="G848" s="236"/>
      <c r="H848" s="236"/>
      <c r="I848" s="236"/>
    </row>
    <row r="849" spans="3:9" x14ac:dyDescent="0.2">
      <c r="C849" s="236"/>
      <c r="D849" s="236"/>
      <c r="E849" s="236"/>
      <c r="F849" s="236"/>
      <c r="G849" s="236"/>
      <c r="H849" s="236"/>
      <c r="I849" s="236"/>
    </row>
    <row r="850" spans="3:9" x14ac:dyDescent="0.2">
      <c r="C850" s="236"/>
      <c r="D850" s="236"/>
      <c r="E850" s="236"/>
      <c r="F850" s="236"/>
      <c r="G850" s="236"/>
      <c r="H850" s="236"/>
      <c r="I850" s="236"/>
    </row>
    <row r="851" spans="3:9" x14ac:dyDescent="0.2">
      <c r="C851" s="236"/>
      <c r="D851" s="236"/>
      <c r="E851" s="236"/>
      <c r="F851" s="236"/>
      <c r="G851" s="236"/>
      <c r="H851" s="236"/>
      <c r="I851" s="236"/>
    </row>
    <row r="852" spans="3:9" x14ac:dyDescent="0.2">
      <c r="C852" s="236"/>
      <c r="D852" s="236"/>
      <c r="E852" s="236"/>
      <c r="F852" s="236"/>
      <c r="G852" s="236"/>
      <c r="H852" s="236"/>
      <c r="I852" s="236"/>
    </row>
    <row r="853" spans="3:9" x14ac:dyDescent="0.2">
      <c r="C853" s="236"/>
      <c r="D853" s="236"/>
      <c r="E853" s="236"/>
      <c r="F853" s="236"/>
      <c r="G853" s="236"/>
      <c r="H853" s="236"/>
      <c r="I853" s="236"/>
    </row>
    <row r="854" spans="3:9" x14ac:dyDescent="0.2">
      <c r="C854" s="236"/>
      <c r="D854" s="236"/>
      <c r="E854" s="236"/>
      <c r="F854" s="236"/>
      <c r="G854" s="236"/>
      <c r="H854" s="236"/>
      <c r="I854" s="236"/>
    </row>
    <row r="855" spans="3:9" x14ac:dyDescent="0.2">
      <c r="C855" s="236"/>
      <c r="D855" s="236"/>
      <c r="E855" s="236"/>
      <c r="F855" s="236"/>
      <c r="G855" s="236"/>
      <c r="H855" s="236"/>
      <c r="I855" s="236"/>
    </row>
    <row r="856" spans="3:9" x14ac:dyDescent="0.2">
      <c r="C856" s="236"/>
      <c r="D856" s="236"/>
      <c r="E856" s="236"/>
      <c r="F856" s="236"/>
      <c r="G856" s="236"/>
      <c r="H856" s="236"/>
      <c r="I856" s="236"/>
    </row>
    <row r="857" spans="3:9" x14ac:dyDescent="0.2">
      <c r="C857" s="236"/>
      <c r="D857" s="236"/>
      <c r="E857" s="236"/>
      <c r="F857" s="236"/>
      <c r="G857" s="236"/>
      <c r="H857" s="236"/>
      <c r="I857" s="236"/>
    </row>
    <row r="858" spans="3:9" x14ac:dyDescent="0.2">
      <c r="C858" s="236"/>
      <c r="D858" s="236"/>
      <c r="E858" s="236"/>
      <c r="F858" s="236"/>
      <c r="G858" s="236"/>
      <c r="H858" s="236"/>
      <c r="I858" s="236"/>
    </row>
    <row r="859" spans="3:9" x14ac:dyDescent="0.2">
      <c r="C859" s="236"/>
      <c r="D859" s="236"/>
      <c r="E859" s="236"/>
      <c r="F859" s="236"/>
      <c r="G859" s="236"/>
      <c r="H859" s="236"/>
      <c r="I859" s="236"/>
    </row>
    <row r="860" spans="3:9" x14ac:dyDescent="0.2">
      <c r="C860" s="236"/>
      <c r="D860" s="236"/>
      <c r="E860" s="236"/>
      <c r="F860" s="236"/>
      <c r="G860" s="236"/>
      <c r="H860" s="236"/>
      <c r="I860" s="236"/>
    </row>
    <row r="861" spans="3:9" x14ac:dyDescent="0.2">
      <c r="C861" s="236"/>
      <c r="D861" s="236"/>
      <c r="E861" s="236"/>
      <c r="F861" s="236"/>
      <c r="G861" s="236"/>
      <c r="H861" s="236"/>
      <c r="I861" s="236"/>
    </row>
    <row r="862" spans="3:9" x14ac:dyDescent="0.2">
      <c r="C862" s="236"/>
      <c r="D862" s="236"/>
      <c r="E862" s="236"/>
      <c r="F862" s="236"/>
      <c r="G862" s="236"/>
      <c r="H862" s="236"/>
      <c r="I862" s="236"/>
    </row>
    <row r="863" spans="3:9" x14ac:dyDescent="0.2">
      <c r="C863" s="236"/>
      <c r="D863" s="236"/>
      <c r="E863" s="236"/>
      <c r="F863" s="236"/>
      <c r="G863" s="236"/>
      <c r="H863" s="236"/>
      <c r="I863" s="236"/>
    </row>
    <row r="864" spans="3:9" x14ac:dyDescent="0.2">
      <c r="C864" s="236"/>
      <c r="D864" s="236"/>
      <c r="E864" s="236"/>
      <c r="F864" s="236"/>
      <c r="G864" s="236"/>
      <c r="H864" s="236"/>
      <c r="I864" s="236"/>
    </row>
    <row r="865" spans="3:9" x14ac:dyDescent="0.2">
      <c r="C865" s="236"/>
      <c r="D865" s="236"/>
      <c r="E865" s="236"/>
      <c r="F865" s="236"/>
      <c r="G865" s="236"/>
      <c r="H865" s="236"/>
      <c r="I865" s="236"/>
    </row>
    <row r="866" spans="3:9" x14ac:dyDescent="0.2">
      <c r="C866" s="236"/>
      <c r="D866" s="236"/>
      <c r="E866" s="236"/>
      <c r="F866" s="236"/>
      <c r="G866" s="236"/>
      <c r="H866" s="236"/>
      <c r="I866" s="236"/>
    </row>
    <row r="867" spans="3:9" x14ac:dyDescent="0.2">
      <c r="C867" s="236"/>
      <c r="D867" s="236"/>
      <c r="E867" s="236"/>
      <c r="F867" s="236"/>
      <c r="G867" s="236"/>
      <c r="H867" s="236"/>
      <c r="I867" s="236"/>
    </row>
    <row r="868" spans="3:9" x14ac:dyDescent="0.2">
      <c r="C868" s="236"/>
      <c r="D868" s="236"/>
      <c r="E868" s="236"/>
      <c r="F868" s="236"/>
      <c r="G868" s="236"/>
      <c r="H868" s="236"/>
      <c r="I868" s="236"/>
    </row>
    <row r="869" spans="3:9" x14ac:dyDescent="0.2">
      <c r="C869" s="236"/>
      <c r="D869" s="236"/>
      <c r="E869" s="236"/>
      <c r="F869" s="236"/>
      <c r="G869" s="236"/>
      <c r="H869" s="236"/>
      <c r="I869" s="236"/>
    </row>
    <row r="870" spans="3:9" x14ac:dyDescent="0.2">
      <c r="C870" s="236"/>
      <c r="D870" s="236"/>
      <c r="E870" s="236"/>
      <c r="F870" s="236"/>
      <c r="G870" s="236"/>
      <c r="H870" s="236"/>
      <c r="I870" s="236"/>
    </row>
    <row r="871" spans="3:9" x14ac:dyDescent="0.2">
      <c r="C871" s="236"/>
      <c r="D871" s="236"/>
      <c r="E871" s="236"/>
      <c r="F871" s="236"/>
      <c r="G871" s="236"/>
      <c r="H871" s="236"/>
      <c r="I871" s="236"/>
    </row>
    <row r="872" spans="3:9" x14ac:dyDescent="0.2">
      <c r="C872" s="236"/>
      <c r="D872" s="236"/>
      <c r="E872" s="236"/>
      <c r="F872" s="236"/>
      <c r="G872" s="236"/>
      <c r="H872" s="236"/>
      <c r="I872" s="236"/>
    </row>
    <row r="873" spans="3:9" x14ac:dyDescent="0.2">
      <c r="C873" s="236"/>
      <c r="D873" s="236"/>
      <c r="E873" s="236"/>
      <c r="F873" s="236"/>
      <c r="G873" s="236"/>
      <c r="H873" s="236"/>
      <c r="I873" s="236"/>
    </row>
    <row r="874" spans="3:9" x14ac:dyDescent="0.2">
      <c r="C874" s="236"/>
      <c r="D874" s="236"/>
      <c r="E874" s="236"/>
      <c r="F874" s="236"/>
      <c r="G874" s="236"/>
      <c r="H874" s="236"/>
      <c r="I874" s="236"/>
    </row>
    <row r="875" spans="3:9" x14ac:dyDescent="0.2">
      <c r="C875" s="236"/>
      <c r="D875" s="236"/>
      <c r="E875" s="236"/>
      <c r="F875" s="236"/>
      <c r="G875" s="236"/>
      <c r="H875" s="236"/>
      <c r="I875" s="236"/>
    </row>
    <row r="876" spans="3:9" x14ac:dyDescent="0.2">
      <c r="C876" s="236"/>
      <c r="D876" s="236"/>
      <c r="E876" s="236"/>
      <c r="F876" s="236"/>
      <c r="G876" s="236"/>
      <c r="H876" s="236"/>
      <c r="I876" s="236"/>
    </row>
    <row r="877" spans="3:9" x14ac:dyDescent="0.2">
      <c r="C877" s="236"/>
      <c r="D877" s="236"/>
      <c r="E877" s="236"/>
      <c r="F877" s="236"/>
      <c r="G877" s="236"/>
      <c r="H877" s="236"/>
      <c r="I877" s="236"/>
    </row>
    <row r="878" spans="3:9" x14ac:dyDescent="0.2">
      <c r="C878" s="236"/>
      <c r="D878" s="236"/>
      <c r="E878" s="236"/>
      <c r="F878" s="236"/>
      <c r="G878" s="236"/>
      <c r="H878" s="236"/>
      <c r="I878" s="236"/>
    </row>
    <row r="879" spans="3:9" x14ac:dyDescent="0.2">
      <c r="C879" s="236"/>
      <c r="D879" s="236"/>
      <c r="E879" s="236"/>
      <c r="F879" s="236"/>
      <c r="G879" s="236"/>
      <c r="H879" s="236"/>
      <c r="I879" s="236"/>
    </row>
    <row r="880" spans="3:9" x14ac:dyDescent="0.2">
      <c r="C880" s="236"/>
      <c r="D880" s="236"/>
      <c r="E880" s="236"/>
      <c r="F880" s="236"/>
      <c r="G880" s="236"/>
      <c r="H880" s="236"/>
      <c r="I880" s="236"/>
    </row>
    <row r="881" spans="3:9" x14ac:dyDescent="0.2">
      <c r="C881" s="236"/>
      <c r="D881" s="236"/>
      <c r="E881" s="236"/>
      <c r="F881" s="236"/>
      <c r="G881" s="236"/>
      <c r="H881" s="236"/>
      <c r="I881" s="236"/>
    </row>
    <row r="882" spans="3:9" x14ac:dyDescent="0.2">
      <c r="C882" s="236"/>
      <c r="D882" s="236"/>
      <c r="E882" s="236"/>
      <c r="F882" s="236"/>
      <c r="G882" s="236"/>
      <c r="H882" s="236"/>
      <c r="I882" s="236"/>
    </row>
    <row r="883" spans="3:9" x14ac:dyDescent="0.2">
      <c r="C883" s="236"/>
      <c r="D883" s="236"/>
      <c r="E883" s="236"/>
      <c r="F883" s="236"/>
      <c r="G883" s="236"/>
      <c r="H883" s="236"/>
      <c r="I883" s="236"/>
    </row>
    <row r="884" spans="3:9" x14ac:dyDescent="0.2">
      <c r="C884" s="236"/>
      <c r="D884" s="236"/>
      <c r="E884" s="236"/>
      <c r="F884" s="236"/>
      <c r="G884" s="236"/>
      <c r="H884" s="236"/>
      <c r="I884" s="236"/>
    </row>
    <row r="885" spans="3:9" x14ac:dyDescent="0.2">
      <c r="C885" s="236"/>
      <c r="D885" s="236"/>
      <c r="E885" s="236"/>
      <c r="F885" s="236"/>
      <c r="G885" s="236"/>
      <c r="H885" s="236"/>
      <c r="I885" s="236"/>
    </row>
    <row r="886" spans="3:9" x14ac:dyDescent="0.2">
      <c r="C886" s="236"/>
      <c r="D886" s="236"/>
      <c r="E886" s="236"/>
      <c r="F886" s="236"/>
      <c r="G886" s="236"/>
      <c r="H886" s="236"/>
      <c r="I886" s="236"/>
    </row>
    <row r="887" spans="3:9" x14ac:dyDescent="0.2">
      <c r="C887" s="236"/>
      <c r="D887" s="236"/>
      <c r="E887" s="236"/>
      <c r="F887" s="236"/>
      <c r="G887" s="236"/>
      <c r="H887" s="236"/>
      <c r="I887" s="236"/>
    </row>
    <row r="888" spans="3:9" x14ac:dyDescent="0.2">
      <c r="C888" s="236"/>
      <c r="D888" s="236"/>
      <c r="E888" s="236"/>
      <c r="F888" s="236"/>
      <c r="G888" s="236"/>
      <c r="H888" s="236"/>
      <c r="I888" s="236"/>
    </row>
    <row r="889" spans="3:9" x14ac:dyDescent="0.2">
      <c r="C889" s="236"/>
      <c r="D889" s="236"/>
      <c r="E889" s="236"/>
      <c r="F889" s="236"/>
      <c r="G889" s="236"/>
      <c r="H889" s="236"/>
      <c r="I889" s="236"/>
    </row>
    <row r="890" spans="3:9" x14ac:dyDescent="0.2">
      <c r="C890" s="236"/>
      <c r="D890" s="236"/>
      <c r="E890" s="236"/>
      <c r="F890" s="236"/>
      <c r="G890" s="236"/>
      <c r="H890" s="236"/>
      <c r="I890" s="236"/>
    </row>
    <row r="891" spans="3:9" x14ac:dyDescent="0.2">
      <c r="C891" s="236"/>
      <c r="D891" s="236"/>
      <c r="E891" s="236"/>
      <c r="F891" s="236"/>
      <c r="G891" s="236"/>
      <c r="H891" s="236"/>
      <c r="I891" s="236"/>
    </row>
    <row r="892" spans="3:9" x14ac:dyDescent="0.2">
      <c r="C892" s="236"/>
      <c r="D892" s="236"/>
      <c r="E892" s="236"/>
      <c r="F892" s="236"/>
      <c r="G892" s="236"/>
      <c r="H892" s="236"/>
      <c r="I892" s="236"/>
    </row>
    <row r="893" spans="3:9" x14ac:dyDescent="0.2">
      <c r="C893" s="236"/>
      <c r="D893" s="236"/>
      <c r="E893" s="236"/>
      <c r="F893" s="236"/>
      <c r="G893" s="236"/>
      <c r="H893" s="236"/>
      <c r="I893" s="236"/>
    </row>
    <row r="894" spans="3:9" x14ac:dyDescent="0.2">
      <c r="C894" s="236"/>
      <c r="D894" s="236"/>
      <c r="E894" s="236"/>
      <c r="F894" s="236"/>
      <c r="G894" s="236"/>
      <c r="H894" s="236"/>
      <c r="I894" s="236"/>
    </row>
    <row r="895" spans="3:9" x14ac:dyDescent="0.2">
      <c r="C895" s="236"/>
      <c r="D895" s="236"/>
      <c r="E895" s="236"/>
      <c r="F895" s="236"/>
      <c r="G895" s="236"/>
      <c r="H895" s="236"/>
      <c r="I895" s="236"/>
    </row>
    <row r="896" spans="3:9" x14ac:dyDescent="0.2">
      <c r="C896" s="236"/>
      <c r="D896" s="236"/>
      <c r="E896" s="236"/>
      <c r="F896" s="236"/>
      <c r="G896" s="236"/>
      <c r="H896" s="236"/>
      <c r="I896" s="236"/>
    </row>
    <row r="897" spans="3:9" x14ac:dyDescent="0.2">
      <c r="C897" s="236"/>
      <c r="D897" s="236"/>
      <c r="E897" s="236"/>
      <c r="F897" s="236"/>
      <c r="G897" s="236"/>
      <c r="H897" s="236"/>
      <c r="I897" s="236"/>
    </row>
    <row r="898" spans="3:9" x14ac:dyDescent="0.2">
      <c r="C898" s="236"/>
      <c r="D898" s="236"/>
      <c r="E898" s="236"/>
      <c r="F898" s="236"/>
      <c r="G898" s="236"/>
      <c r="H898" s="236"/>
      <c r="I898" s="236"/>
    </row>
    <row r="899" spans="3:9" x14ac:dyDescent="0.2">
      <c r="C899" s="236"/>
      <c r="D899" s="236"/>
      <c r="E899" s="236"/>
      <c r="F899" s="236"/>
      <c r="G899" s="236"/>
      <c r="H899" s="236"/>
      <c r="I899" s="236"/>
    </row>
    <row r="900" spans="3:9" x14ac:dyDescent="0.2">
      <c r="C900" s="236"/>
      <c r="D900" s="236"/>
      <c r="E900" s="236"/>
      <c r="F900" s="236"/>
      <c r="G900" s="236"/>
      <c r="H900" s="236"/>
      <c r="I900" s="236"/>
    </row>
    <row r="901" spans="3:9" x14ac:dyDescent="0.2">
      <c r="C901" s="236"/>
      <c r="D901" s="236"/>
      <c r="E901" s="236"/>
      <c r="F901" s="236"/>
      <c r="G901" s="236"/>
      <c r="H901" s="236"/>
      <c r="I901" s="236"/>
    </row>
    <row r="902" spans="3:9" x14ac:dyDescent="0.2">
      <c r="C902" s="236"/>
      <c r="D902" s="236"/>
      <c r="E902" s="236"/>
      <c r="F902" s="236"/>
      <c r="G902" s="236"/>
      <c r="H902" s="236"/>
      <c r="I902" s="236"/>
    </row>
    <row r="903" spans="3:9" x14ac:dyDescent="0.2">
      <c r="C903" s="236"/>
      <c r="D903" s="236"/>
      <c r="E903" s="236"/>
      <c r="F903" s="236"/>
      <c r="G903" s="236"/>
      <c r="H903" s="236"/>
      <c r="I903" s="236"/>
    </row>
    <row r="904" spans="3:9" x14ac:dyDescent="0.2">
      <c r="C904" s="236"/>
      <c r="D904" s="236"/>
      <c r="E904" s="236"/>
      <c r="F904" s="236"/>
      <c r="G904" s="236"/>
      <c r="H904" s="236"/>
      <c r="I904" s="236"/>
    </row>
    <row r="905" spans="3:9" x14ac:dyDescent="0.2">
      <c r="C905" s="236"/>
      <c r="D905" s="236"/>
      <c r="E905" s="236"/>
      <c r="F905" s="236"/>
      <c r="G905" s="236"/>
      <c r="H905" s="236"/>
      <c r="I905" s="236"/>
    </row>
    <row r="906" spans="3:9" x14ac:dyDescent="0.2">
      <c r="C906" s="236"/>
      <c r="D906" s="236"/>
      <c r="E906" s="236"/>
      <c r="F906" s="236"/>
      <c r="G906" s="236"/>
      <c r="H906" s="236"/>
      <c r="I906" s="236"/>
    </row>
    <row r="907" spans="3:9" x14ac:dyDescent="0.2">
      <c r="C907" s="236"/>
      <c r="D907" s="236"/>
      <c r="E907" s="236"/>
      <c r="F907" s="236"/>
      <c r="G907" s="236"/>
      <c r="H907" s="236"/>
      <c r="I907" s="236"/>
    </row>
    <row r="908" spans="3:9" x14ac:dyDescent="0.2">
      <c r="C908" s="236"/>
      <c r="D908" s="236"/>
      <c r="E908" s="236"/>
      <c r="F908" s="236"/>
      <c r="G908" s="236"/>
      <c r="H908" s="236"/>
      <c r="I908" s="236"/>
    </row>
    <row r="909" spans="3:9" x14ac:dyDescent="0.2">
      <c r="C909" s="236"/>
      <c r="D909" s="236"/>
      <c r="E909" s="236"/>
      <c r="F909" s="236"/>
      <c r="G909" s="236"/>
      <c r="H909" s="236"/>
      <c r="I909" s="236"/>
    </row>
    <row r="910" spans="3:9" x14ac:dyDescent="0.2">
      <c r="C910" s="236"/>
      <c r="D910" s="236"/>
      <c r="E910" s="236"/>
      <c r="F910" s="236"/>
      <c r="G910" s="236"/>
      <c r="H910" s="236"/>
      <c r="I910" s="236"/>
    </row>
    <row r="911" spans="3:9" x14ac:dyDescent="0.2">
      <c r="C911" s="236"/>
      <c r="D911" s="236"/>
      <c r="E911" s="236"/>
      <c r="F911" s="236"/>
      <c r="G911" s="236"/>
      <c r="H911" s="236"/>
      <c r="I911" s="236"/>
    </row>
    <row r="912" spans="3:9" x14ac:dyDescent="0.2">
      <c r="C912" s="236"/>
      <c r="D912" s="236"/>
      <c r="E912" s="236"/>
      <c r="F912" s="236"/>
      <c r="G912" s="236"/>
      <c r="H912" s="236"/>
      <c r="I912" s="236"/>
    </row>
    <row r="913" spans="3:9" x14ac:dyDescent="0.2">
      <c r="C913" s="236"/>
      <c r="D913" s="236"/>
      <c r="E913" s="236"/>
      <c r="F913" s="236"/>
      <c r="G913" s="236"/>
      <c r="H913" s="236"/>
      <c r="I913" s="236"/>
    </row>
    <row r="914" spans="3:9" x14ac:dyDescent="0.2">
      <c r="C914" s="236"/>
      <c r="D914" s="236"/>
      <c r="E914" s="236"/>
      <c r="F914" s="236"/>
      <c r="G914" s="236"/>
      <c r="H914" s="236"/>
      <c r="I914" s="236"/>
    </row>
    <row r="915" spans="3:9" x14ac:dyDescent="0.2">
      <c r="C915" s="236"/>
      <c r="D915" s="236"/>
      <c r="E915" s="236"/>
      <c r="F915" s="236"/>
      <c r="G915" s="236"/>
      <c r="H915" s="236"/>
      <c r="I915" s="236"/>
    </row>
    <row r="916" spans="3:9" x14ac:dyDescent="0.2">
      <c r="C916" s="236"/>
      <c r="D916" s="236"/>
      <c r="E916" s="236"/>
      <c r="F916" s="236"/>
      <c r="G916" s="236"/>
      <c r="H916" s="236"/>
      <c r="I916" s="236"/>
    </row>
    <row r="917" spans="3:9" x14ac:dyDescent="0.2">
      <c r="C917" s="236"/>
      <c r="D917" s="236"/>
      <c r="E917" s="236"/>
      <c r="F917" s="236"/>
      <c r="G917" s="236"/>
      <c r="H917" s="236"/>
      <c r="I917" s="236"/>
    </row>
    <row r="918" spans="3:9" x14ac:dyDescent="0.2">
      <c r="C918" s="236"/>
      <c r="D918" s="236"/>
      <c r="E918" s="236"/>
      <c r="F918" s="236"/>
      <c r="G918" s="236"/>
      <c r="H918" s="236"/>
      <c r="I918" s="236"/>
    </row>
    <row r="919" spans="3:9" x14ac:dyDescent="0.2">
      <c r="C919" s="236"/>
      <c r="D919" s="236"/>
      <c r="E919" s="236"/>
      <c r="F919" s="236"/>
      <c r="G919" s="236"/>
      <c r="H919" s="236"/>
      <c r="I919" s="236"/>
    </row>
    <row r="920" spans="3:9" x14ac:dyDescent="0.2">
      <c r="C920" s="236"/>
      <c r="D920" s="236"/>
      <c r="E920" s="236"/>
      <c r="F920" s="236"/>
      <c r="G920" s="236"/>
      <c r="H920" s="236"/>
      <c r="I920" s="236"/>
    </row>
    <row r="921" spans="3:9" x14ac:dyDescent="0.2">
      <c r="C921" s="236"/>
      <c r="D921" s="236"/>
      <c r="E921" s="236"/>
      <c r="F921" s="236"/>
      <c r="G921" s="236"/>
      <c r="H921" s="236"/>
      <c r="I921" s="236"/>
    </row>
    <row r="922" spans="3:9" x14ac:dyDescent="0.2">
      <c r="C922" s="236"/>
      <c r="D922" s="236"/>
      <c r="E922" s="236"/>
      <c r="F922" s="236"/>
      <c r="G922" s="236"/>
      <c r="H922" s="236"/>
      <c r="I922" s="236"/>
    </row>
    <row r="923" spans="3:9" x14ac:dyDescent="0.2">
      <c r="C923" s="236"/>
      <c r="D923" s="236"/>
      <c r="E923" s="236"/>
      <c r="F923" s="236"/>
      <c r="G923" s="236"/>
      <c r="H923" s="236"/>
      <c r="I923" s="236"/>
    </row>
    <row r="924" spans="3:9" x14ac:dyDescent="0.2">
      <c r="C924" s="236"/>
      <c r="D924" s="236"/>
      <c r="E924" s="236"/>
      <c r="F924" s="236"/>
      <c r="G924" s="236"/>
      <c r="H924" s="236"/>
      <c r="I924" s="236"/>
    </row>
    <row r="925" spans="3:9" x14ac:dyDescent="0.2">
      <c r="C925" s="236"/>
      <c r="D925" s="236"/>
      <c r="E925" s="236"/>
      <c r="F925" s="236"/>
      <c r="G925" s="236"/>
      <c r="H925" s="236"/>
      <c r="I925" s="236"/>
    </row>
    <row r="926" spans="3:9" x14ac:dyDescent="0.2">
      <c r="C926" s="236"/>
      <c r="D926" s="236"/>
      <c r="E926" s="236"/>
      <c r="F926" s="236"/>
      <c r="G926" s="236"/>
      <c r="H926" s="236"/>
      <c r="I926" s="236"/>
    </row>
    <row r="927" spans="3:9" x14ac:dyDescent="0.2">
      <c r="C927" s="236"/>
      <c r="D927" s="236"/>
      <c r="E927" s="236"/>
      <c r="F927" s="236"/>
      <c r="G927" s="236"/>
      <c r="H927" s="236"/>
      <c r="I927" s="236"/>
    </row>
    <row r="928" spans="3:9" x14ac:dyDescent="0.2">
      <c r="C928" s="236"/>
      <c r="D928" s="236"/>
      <c r="E928" s="236"/>
      <c r="F928" s="236"/>
      <c r="G928" s="236"/>
      <c r="H928" s="236"/>
      <c r="I928" s="236"/>
    </row>
    <row r="929" spans="3:9" x14ac:dyDescent="0.2">
      <c r="C929" s="236"/>
      <c r="D929" s="236"/>
      <c r="E929" s="236"/>
      <c r="F929" s="236"/>
      <c r="G929" s="236"/>
      <c r="H929" s="236"/>
      <c r="I929" s="236"/>
    </row>
    <row r="930" spans="3:9" x14ac:dyDescent="0.2">
      <c r="C930" s="236"/>
      <c r="D930" s="236"/>
      <c r="E930" s="236"/>
      <c r="F930" s="236"/>
      <c r="G930" s="236"/>
      <c r="H930" s="236"/>
      <c r="I930" s="236"/>
    </row>
    <row r="931" spans="3:9" x14ac:dyDescent="0.2">
      <c r="C931" s="236"/>
      <c r="D931" s="236"/>
      <c r="E931" s="236"/>
      <c r="F931" s="236"/>
      <c r="G931" s="236"/>
      <c r="H931" s="236"/>
      <c r="I931" s="236"/>
    </row>
    <row r="932" spans="3:9" x14ac:dyDescent="0.2">
      <c r="C932" s="236"/>
      <c r="D932" s="236"/>
      <c r="E932" s="236"/>
      <c r="F932" s="236"/>
      <c r="G932" s="236"/>
      <c r="H932" s="236"/>
      <c r="I932" s="236"/>
    </row>
    <row r="933" spans="3:9" x14ac:dyDescent="0.2">
      <c r="C933" s="236"/>
      <c r="D933" s="236"/>
      <c r="E933" s="236"/>
      <c r="F933" s="236"/>
      <c r="G933" s="236"/>
      <c r="H933" s="236"/>
      <c r="I933" s="236"/>
    </row>
    <row r="934" spans="3:9" x14ac:dyDescent="0.2">
      <c r="C934" s="236"/>
      <c r="D934" s="236"/>
      <c r="E934" s="236"/>
      <c r="F934" s="236"/>
      <c r="G934" s="236"/>
      <c r="H934" s="236"/>
      <c r="I934" s="236"/>
    </row>
    <row r="935" spans="3:9" x14ac:dyDescent="0.2">
      <c r="C935" s="236"/>
      <c r="D935" s="236"/>
      <c r="E935" s="236"/>
      <c r="F935" s="236"/>
      <c r="G935" s="236"/>
      <c r="H935" s="236"/>
      <c r="I935" s="236"/>
    </row>
    <row r="936" spans="3:9" x14ac:dyDescent="0.2">
      <c r="C936" s="236"/>
      <c r="D936" s="236"/>
      <c r="E936" s="236"/>
      <c r="F936" s="236"/>
      <c r="G936" s="236"/>
      <c r="H936" s="236"/>
      <c r="I936" s="236"/>
    </row>
    <row r="937" spans="3:9" x14ac:dyDescent="0.2">
      <c r="C937" s="236"/>
      <c r="D937" s="236"/>
      <c r="E937" s="236"/>
      <c r="F937" s="236"/>
      <c r="G937" s="236"/>
      <c r="H937" s="236"/>
      <c r="I937" s="236"/>
    </row>
    <row r="938" spans="3:9" x14ac:dyDescent="0.2">
      <c r="C938" s="236"/>
      <c r="D938" s="236"/>
      <c r="E938" s="236"/>
      <c r="F938" s="236"/>
      <c r="G938" s="236"/>
      <c r="H938" s="236"/>
      <c r="I938" s="236"/>
    </row>
    <row r="939" spans="3:9" x14ac:dyDescent="0.2">
      <c r="C939" s="236"/>
      <c r="D939" s="236"/>
      <c r="E939" s="236"/>
      <c r="F939" s="236"/>
      <c r="G939" s="236"/>
      <c r="H939" s="236"/>
      <c r="I939" s="236"/>
    </row>
    <row r="940" spans="3:9" x14ac:dyDescent="0.2">
      <c r="C940" s="236"/>
      <c r="D940" s="236"/>
      <c r="E940" s="236"/>
      <c r="F940" s="236"/>
      <c r="G940" s="236"/>
      <c r="H940" s="236"/>
      <c r="I940" s="236"/>
    </row>
    <row r="941" spans="3:9" x14ac:dyDescent="0.2">
      <c r="C941" s="236"/>
      <c r="D941" s="236"/>
      <c r="E941" s="236"/>
      <c r="F941" s="236"/>
      <c r="G941" s="236"/>
      <c r="H941" s="236"/>
      <c r="I941" s="236"/>
    </row>
    <row r="942" spans="3:9" x14ac:dyDescent="0.2">
      <c r="C942" s="236"/>
      <c r="D942" s="236"/>
      <c r="E942" s="236"/>
      <c r="F942" s="236"/>
      <c r="G942" s="236"/>
      <c r="H942" s="236"/>
      <c r="I942" s="236"/>
    </row>
    <row r="943" spans="3:9" x14ac:dyDescent="0.2">
      <c r="C943" s="236"/>
      <c r="D943" s="236"/>
      <c r="E943" s="236"/>
      <c r="F943" s="236"/>
      <c r="G943" s="236"/>
      <c r="H943" s="236"/>
      <c r="I943" s="236"/>
    </row>
    <row r="944" spans="3:9" x14ac:dyDescent="0.2">
      <c r="C944" s="236"/>
      <c r="D944" s="236"/>
      <c r="E944" s="236"/>
      <c r="F944" s="236"/>
      <c r="G944" s="236"/>
      <c r="H944" s="236"/>
      <c r="I944" s="236"/>
    </row>
    <row r="945" spans="3:9" x14ac:dyDescent="0.2">
      <c r="C945" s="236"/>
      <c r="D945" s="236"/>
      <c r="E945" s="236"/>
      <c r="F945" s="236"/>
      <c r="G945" s="236"/>
      <c r="H945" s="236"/>
      <c r="I945" s="236"/>
    </row>
    <row r="946" spans="3:9" x14ac:dyDescent="0.2">
      <c r="C946" s="236"/>
      <c r="D946" s="236"/>
      <c r="E946" s="236"/>
      <c r="F946" s="236"/>
      <c r="G946" s="236"/>
      <c r="H946" s="236"/>
      <c r="I946" s="236"/>
    </row>
    <row r="947" spans="3:9" x14ac:dyDescent="0.2">
      <c r="C947" s="236"/>
      <c r="D947" s="236"/>
      <c r="E947" s="236"/>
      <c r="F947" s="236"/>
      <c r="G947" s="236"/>
      <c r="H947" s="236"/>
      <c r="I947" s="236"/>
    </row>
    <row r="948" spans="3:9" x14ac:dyDescent="0.2">
      <c r="C948" s="236"/>
      <c r="D948" s="236"/>
      <c r="E948" s="236"/>
      <c r="F948" s="236"/>
      <c r="G948" s="236"/>
      <c r="H948" s="236"/>
      <c r="I948" s="236"/>
    </row>
    <row r="949" spans="3:9" x14ac:dyDescent="0.2">
      <c r="C949" s="236"/>
      <c r="D949" s="236"/>
      <c r="E949" s="236"/>
      <c r="F949" s="236"/>
      <c r="G949" s="236"/>
      <c r="H949" s="236"/>
      <c r="I949" s="236"/>
    </row>
    <row r="950" spans="3:9" x14ac:dyDescent="0.2">
      <c r="C950" s="236"/>
      <c r="D950" s="236"/>
      <c r="E950" s="236"/>
      <c r="F950" s="236"/>
      <c r="G950" s="236"/>
      <c r="H950" s="236"/>
      <c r="I950" s="236"/>
    </row>
    <row r="951" spans="3:9" x14ac:dyDescent="0.2">
      <c r="C951" s="236"/>
      <c r="D951" s="236"/>
      <c r="E951" s="236"/>
      <c r="F951" s="236"/>
      <c r="G951" s="236"/>
      <c r="H951" s="236"/>
      <c r="I951" s="236"/>
    </row>
    <row r="952" spans="3:9" x14ac:dyDescent="0.2">
      <c r="C952" s="236"/>
      <c r="D952" s="236"/>
      <c r="E952" s="236"/>
      <c r="F952" s="236"/>
      <c r="G952" s="236"/>
      <c r="H952" s="236"/>
      <c r="I952" s="236"/>
    </row>
    <row r="953" spans="3:9" x14ac:dyDescent="0.2">
      <c r="C953" s="236"/>
      <c r="D953" s="236"/>
      <c r="E953" s="236"/>
      <c r="F953" s="236"/>
      <c r="G953" s="236"/>
      <c r="H953" s="236"/>
      <c r="I953" s="236"/>
    </row>
    <row r="954" spans="3:9" x14ac:dyDescent="0.2">
      <c r="C954" s="236"/>
      <c r="D954" s="236"/>
      <c r="E954" s="236"/>
      <c r="F954" s="236"/>
      <c r="G954" s="236"/>
      <c r="H954" s="236"/>
      <c r="I954" s="236"/>
    </row>
    <row r="955" spans="3:9" x14ac:dyDescent="0.2">
      <c r="C955" s="236"/>
      <c r="D955" s="236"/>
      <c r="E955" s="236"/>
      <c r="F955" s="236"/>
      <c r="G955" s="236"/>
      <c r="H955" s="236"/>
      <c r="I955" s="236"/>
    </row>
    <row r="956" spans="3:9" x14ac:dyDescent="0.2">
      <c r="C956" s="236"/>
      <c r="D956" s="236"/>
      <c r="E956" s="236"/>
      <c r="F956" s="236"/>
      <c r="G956" s="236"/>
      <c r="H956" s="236"/>
      <c r="I956" s="236"/>
    </row>
    <row r="957" spans="3:9" x14ac:dyDescent="0.2">
      <c r="C957" s="236"/>
      <c r="D957" s="236"/>
      <c r="E957" s="236"/>
      <c r="F957" s="236"/>
      <c r="G957" s="236"/>
      <c r="H957" s="236"/>
      <c r="I957" s="236"/>
    </row>
    <row r="958" spans="3:9" x14ac:dyDescent="0.2">
      <c r="C958" s="236"/>
      <c r="D958" s="236"/>
      <c r="E958" s="236"/>
      <c r="F958" s="236"/>
      <c r="G958" s="236"/>
      <c r="H958" s="236"/>
      <c r="I958" s="236"/>
    </row>
    <row r="959" spans="3:9" x14ac:dyDescent="0.2">
      <c r="C959" s="236"/>
      <c r="D959" s="236"/>
      <c r="E959" s="236"/>
      <c r="F959" s="236"/>
      <c r="G959" s="236"/>
      <c r="H959" s="236"/>
      <c r="I959" s="236"/>
    </row>
    <row r="960" spans="3:9" x14ac:dyDescent="0.2">
      <c r="C960" s="236"/>
      <c r="D960" s="236"/>
      <c r="E960" s="236"/>
      <c r="F960" s="236"/>
      <c r="G960" s="236"/>
      <c r="H960" s="236"/>
      <c r="I960" s="236"/>
    </row>
    <row r="961" spans="3:9" x14ac:dyDescent="0.2">
      <c r="C961" s="236"/>
      <c r="D961" s="236"/>
      <c r="E961" s="236"/>
      <c r="F961" s="236"/>
      <c r="G961" s="236"/>
      <c r="H961" s="236"/>
      <c r="I961" s="236"/>
    </row>
    <row r="962" spans="3:9" x14ac:dyDescent="0.2">
      <c r="C962" s="236"/>
      <c r="D962" s="236"/>
      <c r="E962" s="236"/>
      <c r="F962" s="236"/>
      <c r="G962" s="236"/>
      <c r="H962" s="236"/>
      <c r="I962" s="236"/>
    </row>
    <row r="963" spans="3:9" x14ac:dyDescent="0.2">
      <c r="C963" s="236"/>
      <c r="D963" s="236"/>
      <c r="E963" s="236"/>
      <c r="F963" s="236"/>
      <c r="G963" s="236"/>
      <c r="H963" s="236"/>
      <c r="I963" s="236"/>
    </row>
    <row r="964" spans="3:9" x14ac:dyDescent="0.2">
      <c r="C964" s="236"/>
      <c r="D964" s="236"/>
      <c r="E964" s="236"/>
      <c r="F964" s="236"/>
      <c r="G964" s="236"/>
      <c r="H964" s="236"/>
      <c r="I964" s="236"/>
    </row>
    <row r="965" spans="3:9" x14ac:dyDescent="0.2">
      <c r="C965" s="236"/>
      <c r="D965" s="236"/>
      <c r="E965" s="236"/>
      <c r="F965" s="236"/>
      <c r="G965" s="236"/>
      <c r="H965" s="236"/>
      <c r="I965" s="236"/>
    </row>
    <row r="966" spans="3:9" x14ac:dyDescent="0.2">
      <c r="C966" s="236"/>
      <c r="D966" s="236"/>
      <c r="E966" s="236"/>
      <c r="F966" s="236"/>
      <c r="G966" s="236"/>
      <c r="H966" s="236"/>
      <c r="I966" s="236"/>
    </row>
    <row r="967" spans="3:9" x14ac:dyDescent="0.2">
      <c r="C967" s="236"/>
      <c r="D967" s="236"/>
      <c r="E967" s="236"/>
      <c r="F967" s="236"/>
      <c r="G967" s="236"/>
      <c r="H967" s="236"/>
      <c r="I967" s="236"/>
    </row>
    <row r="968" spans="3:9" x14ac:dyDescent="0.2">
      <c r="C968" s="236"/>
      <c r="D968" s="236"/>
      <c r="E968" s="236"/>
      <c r="F968" s="236"/>
      <c r="G968" s="236"/>
      <c r="H968" s="236"/>
      <c r="I968" s="236"/>
    </row>
    <row r="969" spans="3:9" x14ac:dyDescent="0.2">
      <c r="C969" s="236"/>
      <c r="D969" s="236"/>
      <c r="E969" s="236"/>
      <c r="F969" s="236"/>
      <c r="G969" s="236"/>
      <c r="H969" s="236"/>
      <c r="I969" s="236"/>
    </row>
    <row r="970" spans="3:9" x14ac:dyDescent="0.2">
      <c r="C970" s="236"/>
      <c r="D970" s="236"/>
      <c r="E970" s="236"/>
      <c r="F970" s="236"/>
      <c r="G970" s="236"/>
      <c r="H970" s="236"/>
      <c r="I970" s="236"/>
    </row>
    <row r="971" spans="3:9" x14ac:dyDescent="0.2">
      <c r="C971" s="236"/>
      <c r="D971" s="236"/>
      <c r="E971" s="236"/>
      <c r="F971" s="236"/>
      <c r="G971" s="236"/>
      <c r="H971" s="236"/>
      <c r="I971" s="236"/>
    </row>
    <row r="972" spans="3:9" x14ac:dyDescent="0.2">
      <c r="C972" s="236"/>
      <c r="D972" s="236"/>
      <c r="E972" s="236"/>
      <c r="F972" s="236"/>
      <c r="G972" s="236"/>
      <c r="H972" s="236"/>
      <c r="I972" s="236"/>
    </row>
    <row r="973" spans="3:9" x14ac:dyDescent="0.2">
      <c r="C973" s="236"/>
      <c r="D973" s="236"/>
      <c r="E973" s="236"/>
      <c r="F973" s="236"/>
      <c r="G973" s="236"/>
      <c r="H973" s="236"/>
      <c r="I973" s="236"/>
    </row>
    <row r="974" spans="3:9" x14ac:dyDescent="0.2">
      <c r="C974" s="236"/>
      <c r="D974" s="236"/>
      <c r="E974" s="236"/>
      <c r="F974" s="236"/>
      <c r="G974" s="236"/>
      <c r="H974" s="236"/>
      <c r="I974" s="236"/>
    </row>
    <row r="975" spans="3:9" x14ac:dyDescent="0.2">
      <c r="C975" s="236"/>
      <c r="D975" s="236"/>
      <c r="E975" s="236"/>
      <c r="F975" s="236"/>
      <c r="G975" s="236"/>
      <c r="H975" s="236"/>
      <c r="I975" s="236"/>
    </row>
    <row r="976" spans="3:9" x14ac:dyDescent="0.2">
      <c r="C976" s="236"/>
      <c r="D976" s="236"/>
      <c r="E976" s="236"/>
      <c r="F976" s="236"/>
      <c r="G976" s="236"/>
      <c r="H976" s="236"/>
      <c r="I976" s="236"/>
    </row>
    <row r="977" spans="3:9" x14ac:dyDescent="0.2">
      <c r="C977" s="236"/>
      <c r="D977" s="236"/>
      <c r="E977" s="236"/>
      <c r="F977" s="236"/>
      <c r="G977" s="236"/>
      <c r="H977" s="236"/>
      <c r="I977" s="236"/>
    </row>
    <row r="978" spans="3:9" x14ac:dyDescent="0.2">
      <c r="C978" s="236"/>
      <c r="D978" s="236"/>
      <c r="E978" s="236"/>
      <c r="F978" s="236"/>
      <c r="G978" s="236"/>
      <c r="H978" s="236"/>
      <c r="I978" s="236"/>
    </row>
    <row r="979" spans="3:9" x14ac:dyDescent="0.2">
      <c r="C979" s="236"/>
      <c r="D979" s="236"/>
      <c r="E979" s="236"/>
      <c r="F979" s="236"/>
      <c r="G979" s="236"/>
      <c r="H979" s="236"/>
      <c r="I979" s="236"/>
    </row>
    <row r="980" spans="3:9" x14ac:dyDescent="0.2">
      <c r="C980" s="236"/>
      <c r="D980" s="236"/>
      <c r="E980" s="236"/>
      <c r="F980" s="236"/>
      <c r="G980" s="236"/>
      <c r="H980" s="236"/>
      <c r="I980" s="236"/>
    </row>
    <row r="981" spans="3:9" x14ac:dyDescent="0.2">
      <c r="C981" s="236"/>
      <c r="D981" s="236"/>
      <c r="E981" s="236"/>
      <c r="F981" s="236"/>
      <c r="G981" s="236"/>
      <c r="H981" s="236"/>
      <c r="I981" s="236"/>
    </row>
    <row r="982" spans="3:9" x14ac:dyDescent="0.2">
      <c r="C982" s="236"/>
      <c r="D982" s="236"/>
      <c r="E982" s="236"/>
      <c r="F982" s="236"/>
      <c r="G982" s="236"/>
      <c r="H982" s="236"/>
      <c r="I982" s="236"/>
    </row>
    <row r="983" spans="3:9" x14ac:dyDescent="0.2">
      <c r="C983" s="236"/>
      <c r="D983" s="236"/>
      <c r="E983" s="236"/>
      <c r="F983" s="236"/>
      <c r="G983" s="236"/>
      <c r="H983" s="236"/>
      <c r="I983" s="236"/>
    </row>
    <row r="984" spans="3:9" x14ac:dyDescent="0.2">
      <c r="C984" s="236"/>
      <c r="D984" s="236"/>
      <c r="E984" s="236"/>
      <c r="F984" s="236"/>
      <c r="G984" s="236"/>
      <c r="H984" s="236"/>
      <c r="I984" s="236"/>
    </row>
    <row r="985" spans="3:9" x14ac:dyDescent="0.2">
      <c r="C985" s="236"/>
      <c r="D985" s="236"/>
      <c r="E985" s="236"/>
      <c r="F985" s="236"/>
      <c r="G985" s="236"/>
      <c r="H985" s="236"/>
      <c r="I985" s="236"/>
    </row>
    <row r="986" spans="3:9" x14ac:dyDescent="0.2">
      <c r="C986" s="236"/>
      <c r="D986" s="236"/>
      <c r="E986" s="236"/>
      <c r="F986" s="236"/>
      <c r="G986" s="236"/>
      <c r="H986" s="236"/>
      <c r="I986" s="236"/>
    </row>
    <row r="987" spans="3:9" x14ac:dyDescent="0.2">
      <c r="C987" s="236"/>
      <c r="D987" s="236"/>
      <c r="E987" s="236"/>
      <c r="F987" s="236"/>
      <c r="G987" s="236"/>
      <c r="H987" s="236"/>
      <c r="I987" s="236"/>
    </row>
    <row r="988" spans="3:9" x14ac:dyDescent="0.2">
      <c r="C988" s="236"/>
      <c r="D988" s="236"/>
      <c r="E988" s="236"/>
      <c r="F988" s="236"/>
      <c r="G988" s="236"/>
      <c r="H988" s="236"/>
      <c r="I988" s="236"/>
    </row>
    <row r="989" spans="3:9" x14ac:dyDescent="0.2">
      <c r="C989" s="236"/>
      <c r="D989" s="236"/>
      <c r="E989" s="236"/>
      <c r="F989" s="236"/>
      <c r="G989" s="236"/>
      <c r="H989" s="236"/>
      <c r="I989" s="236"/>
    </row>
    <row r="990" spans="3:9" x14ac:dyDescent="0.2">
      <c r="C990" s="236"/>
      <c r="D990" s="236"/>
      <c r="E990" s="236"/>
      <c r="F990" s="236"/>
      <c r="G990" s="236"/>
      <c r="H990" s="236"/>
      <c r="I990" s="236"/>
    </row>
    <row r="991" spans="3:9" x14ac:dyDescent="0.2">
      <c r="C991" s="236"/>
      <c r="D991" s="236"/>
      <c r="E991" s="236"/>
      <c r="F991" s="236"/>
      <c r="G991" s="236"/>
      <c r="H991" s="236"/>
      <c r="I991" s="236"/>
    </row>
    <row r="992" spans="3:9" x14ac:dyDescent="0.2">
      <c r="C992" s="236"/>
      <c r="D992" s="236"/>
      <c r="E992" s="236"/>
      <c r="F992" s="236"/>
      <c r="G992" s="236"/>
      <c r="H992" s="236"/>
      <c r="I992" s="236"/>
    </row>
    <row r="993" spans="3:9" x14ac:dyDescent="0.2">
      <c r="C993" s="236"/>
      <c r="D993" s="236"/>
      <c r="E993" s="236"/>
      <c r="F993" s="236"/>
      <c r="G993" s="236"/>
      <c r="H993" s="236"/>
      <c r="I993" s="236"/>
    </row>
    <row r="994" spans="3:9" x14ac:dyDescent="0.2">
      <c r="C994" s="236"/>
      <c r="D994" s="236"/>
      <c r="E994" s="236"/>
      <c r="F994" s="236"/>
      <c r="G994" s="236"/>
      <c r="H994" s="236"/>
      <c r="I994" s="236"/>
    </row>
    <row r="995" spans="3:9" x14ac:dyDescent="0.2">
      <c r="C995" s="236"/>
      <c r="D995" s="236"/>
      <c r="E995" s="236"/>
      <c r="F995" s="236"/>
      <c r="G995" s="236"/>
      <c r="H995" s="236"/>
      <c r="I995" s="236"/>
    </row>
    <row r="996" spans="3:9" x14ac:dyDescent="0.2">
      <c r="C996" s="236"/>
      <c r="D996" s="236"/>
      <c r="E996" s="236"/>
      <c r="F996" s="236"/>
      <c r="G996" s="236"/>
      <c r="H996" s="236"/>
      <c r="I996" s="236"/>
    </row>
    <row r="997" spans="3:9" x14ac:dyDescent="0.2">
      <c r="C997" s="236"/>
      <c r="D997" s="236"/>
      <c r="E997" s="236"/>
      <c r="F997" s="236"/>
      <c r="G997" s="236"/>
      <c r="H997" s="236"/>
      <c r="I997" s="236"/>
    </row>
    <row r="998" spans="3:9" x14ac:dyDescent="0.2">
      <c r="C998" s="236"/>
      <c r="D998" s="236"/>
      <c r="E998" s="236"/>
      <c r="F998" s="236"/>
      <c r="G998" s="236"/>
      <c r="H998" s="236"/>
      <c r="I998" s="236"/>
    </row>
    <row r="999" spans="3:9" x14ac:dyDescent="0.2">
      <c r="C999" s="236"/>
      <c r="D999" s="236"/>
      <c r="E999" s="236"/>
      <c r="F999" s="236"/>
      <c r="G999" s="236"/>
      <c r="H999" s="236"/>
      <c r="I999" s="236"/>
    </row>
    <row r="1000" spans="3:9" x14ac:dyDescent="0.2">
      <c r="C1000" s="236"/>
      <c r="D1000" s="236"/>
      <c r="E1000" s="236"/>
      <c r="F1000" s="236"/>
      <c r="G1000" s="236"/>
      <c r="H1000" s="236"/>
      <c r="I1000" s="236"/>
    </row>
    <row r="1001" spans="3:9" x14ac:dyDescent="0.2">
      <c r="C1001" s="236"/>
      <c r="D1001" s="236"/>
      <c r="E1001" s="236"/>
      <c r="F1001" s="236"/>
      <c r="G1001" s="236"/>
      <c r="H1001" s="236"/>
      <c r="I1001" s="236"/>
    </row>
    <row r="1002" spans="3:9" x14ac:dyDescent="0.2">
      <c r="C1002" s="236"/>
      <c r="D1002" s="236"/>
      <c r="E1002" s="236"/>
      <c r="F1002" s="236"/>
      <c r="G1002" s="236"/>
      <c r="H1002" s="236"/>
      <c r="I1002" s="236"/>
    </row>
    <row r="1003" spans="3:9" x14ac:dyDescent="0.2">
      <c r="C1003" s="236"/>
      <c r="D1003" s="236"/>
      <c r="E1003" s="236"/>
      <c r="F1003" s="236"/>
      <c r="G1003" s="236"/>
      <c r="H1003" s="236"/>
      <c r="I1003" s="236"/>
    </row>
    <row r="1004" spans="3:9" x14ac:dyDescent="0.2">
      <c r="C1004" s="236"/>
      <c r="D1004" s="236"/>
      <c r="E1004" s="236"/>
      <c r="F1004" s="236"/>
      <c r="G1004" s="236"/>
      <c r="H1004" s="236"/>
      <c r="I1004" s="236"/>
    </row>
    <row r="1005" spans="3:9" x14ac:dyDescent="0.2">
      <c r="C1005" s="236"/>
      <c r="D1005" s="236"/>
      <c r="E1005" s="236"/>
      <c r="F1005" s="236"/>
      <c r="G1005" s="236"/>
      <c r="H1005" s="236"/>
      <c r="I1005" s="236"/>
    </row>
    <row r="1006" spans="3:9" x14ac:dyDescent="0.2">
      <c r="C1006" s="236"/>
      <c r="D1006" s="236"/>
      <c r="E1006" s="236"/>
      <c r="F1006" s="236"/>
      <c r="G1006" s="236"/>
      <c r="H1006" s="236"/>
      <c r="I1006" s="236"/>
    </row>
    <row r="1007" spans="3:9" x14ac:dyDescent="0.2">
      <c r="C1007" s="236"/>
      <c r="D1007" s="236"/>
      <c r="E1007" s="236"/>
      <c r="F1007" s="236"/>
      <c r="G1007" s="236"/>
      <c r="H1007" s="236"/>
      <c r="I1007" s="236"/>
    </row>
    <row r="1008" spans="3:9" x14ac:dyDescent="0.2">
      <c r="C1008" s="236"/>
      <c r="D1008" s="236"/>
      <c r="E1008" s="236"/>
      <c r="F1008" s="236"/>
      <c r="G1008" s="236"/>
      <c r="H1008" s="236"/>
      <c r="I1008" s="236"/>
    </row>
    <row r="1009" spans="3:9" x14ac:dyDescent="0.2">
      <c r="C1009" s="236"/>
      <c r="D1009" s="236"/>
      <c r="E1009" s="236"/>
      <c r="F1009" s="236"/>
      <c r="G1009" s="236"/>
      <c r="H1009" s="236"/>
      <c r="I1009" s="236"/>
    </row>
    <row r="1010" spans="3:9" x14ac:dyDescent="0.2">
      <c r="C1010" s="236"/>
      <c r="D1010" s="236"/>
      <c r="E1010" s="236"/>
      <c r="F1010" s="236"/>
      <c r="G1010" s="236"/>
      <c r="H1010" s="236"/>
      <c r="I1010" s="236"/>
    </row>
    <row r="1011" spans="3:9" x14ac:dyDescent="0.2">
      <c r="C1011" s="236"/>
      <c r="D1011" s="236"/>
      <c r="E1011" s="236"/>
      <c r="F1011" s="236"/>
      <c r="G1011" s="236"/>
      <c r="H1011" s="236"/>
      <c r="I1011" s="236"/>
    </row>
    <row r="1012" spans="3:9" x14ac:dyDescent="0.2">
      <c r="C1012" s="236"/>
      <c r="D1012" s="236"/>
      <c r="E1012" s="236"/>
      <c r="F1012" s="236"/>
      <c r="G1012" s="236"/>
      <c r="H1012" s="236"/>
      <c r="I1012" s="236"/>
    </row>
    <row r="1013" spans="3:9" x14ac:dyDescent="0.2">
      <c r="C1013" s="236"/>
      <c r="D1013" s="236"/>
      <c r="E1013" s="236"/>
      <c r="F1013" s="236"/>
      <c r="G1013" s="236"/>
      <c r="H1013" s="236"/>
      <c r="I1013" s="236"/>
    </row>
    <row r="1014" spans="3:9" x14ac:dyDescent="0.2">
      <c r="C1014" s="236"/>
      <c r="D1014" s="236"/>
      <c r="E1014" s="236"/>
      <c r="F1014" s="236"/>
      <c r="G1014" s="236"/>
      <c r="H1014" s="236"/>
      <c r="I1014" s="236"/>
    </row>
    <row r="1015" spans="3:9" x14ac:dyDescent="0.2">
      <c r="C1015" s="236"/>
      <c r="D1015" s="236"/>
      <c r="E1015" s="236"/>
      <c r="F1015" s="236"/>
      <c r="G1015" s="236"/>
      <c r="H1015" s="236"/>
      <c r="I1015" s="236"/>
    </row>
    <row r="1016" spans="3:9" x14ac:dyDescent="0.2">
      <c r="C1016" s="236"/>
      <c r="D1016" s="236"/>
      <c r="E1016" s="236"/>
      <c r="F1016" s="236"/>
      <c r="G1016" s="236"/>
      <c r="H1016" s="236"/>
      <c r="I1016" s="236"/>
    </row>
    <row r="1017" spans="3:9" x14ac:dyDescent="0.2">
      <c r="C1017" s="236"/>
      <c r="D1017" s="236"/>
      <c r="E1017" s="236"/>
      <c r="F1017" s="236"/>
      <c r="G1017" s="236"/>
      <c r="H1017" s="236"/>
      <c r="I1017" s="236"/>
    </row>
    <row r="1018" spans="3:9" x14ac:dyDescent="0.2">
      <c r="C1018" s="236"/>
      <c r="D1018" s="236"/>
      <c r="E1018" s="236"/>
      <c r="F1018" s="236"/>
      <c r="G1018" s="236"/>
      <c r="H1018" s="236"/>
      <c r="I1018" s="236"/>
    </row>
    <row r="1019" spans="3:9" x14ac:dyDescent="0.2">
      <c r="C1019" s="236"/>
      <c r="D1019" s="236"/>
      <c r="E1019" s="236"/>
      <c r="F1019" s="236"/>
      <c r="G1019" s="236"/>
      <c r="H1019" s="236"/>
      <c r="I1019" s="236"/>
    </row>
    <row r="1020" spans="3:9" x14ac:dyDescent="0.2">
      <c r="C1020" s="236"/>
      <c r="D1020" s="236"/>
      <c r="E1020" s="236"/>
      <c r="F1020" s="236"/>
      <c r="G1020" s="236"/>
      <c r="H1020" s="236"/>
      <c r="I1020" s="236"/>
    </row>
    <row r="1021" spans="3:9" x14ac:dyDescent="0.2">
      <c r="C1021" s="236"/>
      <c r="D1021" s="236"/>
      <c r="E1021" s="236"/>
      <c r="F1021" s="236"/>
      <c r="G1021" s="236"/>
      <c r="H1021" s="236"/>
      <c r="I1021" s="236"/>
    </row>
    <row r="1022" spans="3:9" x14ac:dyDescent="0.2">
      <c r="C1022" s="236"/>
      <c r="D1022" s="236"/>
      <c r="E1022" s="236"/>
      <c r="F1022" s="236"/>
      <c r="G1022" s="236"/>
      <c r="H1022" s="236"/>
      <c r="I1022" s="236"/>
    </row>
    <row r="1023" spans="3:9" x14ac:dyDescent="0.2">
      <c r="C1023" s="236"/>
      <c r="D1023" s="236"/>
      <c r="E1023" s="236"/>
      <c r="F1023" s="236"/>
      <c r="G1023" s="236"/>
      <c r="H1023" s="236"/>
      <c r="I1023" s="236"/>
    </row>
    <row r="1024" spans="3:9" x14ac:dyDescent="0.2">
      <c r="C1024" s="236"/>
      <c r="D1024" s="236"/>
      <c r="E1024" s="236"/>
      <c r="F1024" s="236"/>
      <c r="G1024" s="236"/>
      <c r="H1024" s="236"/>
      <c r="I1024" s="236"/>
    </row>
    <row r="1025" spans="3:9" x14ac:dyDescent="0.2">
      <c r="C1025" s="236"/>
      <c r="D1025" s="236"/>
      <c r="E1025" s="236"/>
      <c r="F1025" s="236"/>
      <c r="G1025" s="236"/>
      <c r="H1025" s="236"/>
      <c r="I1025" s="236"/>
    </row>
    <row r="1026" spans="3:9" x14ac:dyDescent="0.2">
      <c r="C1026" s="236"/>
      <c r="D1026" s="236"/>
      <c r="E1026" s="236"/>
      <c r="F1026" s="236"/>
      <c r="G1026" s="236"/>
      <c r="H1026" s="236"/>
      <c r="I1026" s="236"/>
    </row>
    <row r="1027" spans="3:9" x14ac:dyDescent="0.2">
      <c r="C1027" s="236"/>
      <c r="D1027" s="236"/>
      <c r="E1027" s="236"/>
      <c r="F1027" s="236"/>
      <c r="G1027" s="236"/>
      <c r="H1027" s="236"/>
      <c r="I1027" s="236"/>
    </row>
    <row r="1028" spans="3:9" x14ac:dyDescent="0.2">
      <c r="C1028" s="236"/>
      <c r="D1028" s="236"/>
      <c r="E1028" s="236"/>
      <c r="F1028" s="236"/>
      <c r="G1028" s="236"/>
      <c r="H1028" s="236"/>
      <c r="I1028" s="236"/>
    </row>
    <row r="1029" spans="3:9" x14ac:dyDescent="0.2">
      <c r="C1029" s="236"/>
      <c r="D1029" s="236"/>
      <c r="E1029" s="236"/>
      <c r="F1029" s="236"/>
      <c r="G1029" s="236"/>
      <c r="H1029" s="236"/>
      <c r="I1029" s="236"/>
    </row>
    <row r="1030" spans="3:9" x14ac:dyDescent="0.2">
      <c r="C1030" s="236"/>
      <c r="D1030" s="236"/>
      <c r="E1030" s="236"/>
      <c r="F1030" s="236"/>
      <c r="G1030" s="236"/>
      <c r="H1030" s="236"/>
      <c r="I1030" s="236"/>
    </row>
    <row r="1031" spans="3:9" x14ac:dyDescent="0.2">
      <c r="C1031" s="236"/>
      <c r="D1031" s="236"/>
      <c r="E1031" s="236"/>
      <c r="F1031" s="236"/>
      <c r="G1031" s="236"/>
      <c r="H1031" s="236"/>
      <c r="I1031" s="236"/>
    </row>
    <row r="1032" spans="3:9" x14ac:dyDescent="0.2">
      <c r="C1032" s="236"/>
      <c r="D1032" s="236"/>
      <c r="E1032" s="236"/>
      <c r="F1032" s="236"/>
      <c r="G1032" s="236"/>
      <c r="H1032" s="236"/>
      <c r="I1032" s="236"/>
    </row>
    <row r="1033" spans="3:9" x14ac:dyDescent="0.2">
      <c r="C1033" s="236"/>
      <c r="D1033" s="236"/>
      <c r="E1033" s="236"/>
      <c r="F1033" s="236"/>
      <c r="G1033" s="236"/>
      <c r="H1033" s="236"/>
      <c r="I1033" s="236"/>
    </row>
    <row r="1034" spans="3:9" x14ac:dyDescent="0.2">
      <c r="C1034" s="236"/>
      <c r="D1034" s="236"/>
      <c r="E1034" s="236"/>
      <c r="F1034" s="236"/>
      <c r="G1034" s="236"/>
      <c r="H1034" s="236"/>
      <c r="I1034" s="236"/>
    </row>
    <row r="1035" spans="3:9" x14ac:dyDescent="0.2">
      <c r="C1035" s="236"/>
      <c r="D1035" s="236"/>
      <c r="E1035" s="236"/>
      <c r="F1035" s="236"/>
      <c r="G1035" s="236"/>
      <c r="H1035" s="236"/>
      <c r="I1035" s="236"/>
    </row>
    <row r="1036" spans="3:9" x14ac:dyDescent="0.2">
      <c r="C1036" s="236"/>
      <c r="D1036" s="236"/>
      <c r="E1036" s="236"/>
      <c r="F1036" s="236"/>
      <c r="G1036" s="236"/>
      <c r="H1036" s="236"/>
      <c r="I1036" s="236"/>
    </row>
    <row r="1037" spans="3:9" x14ac:dyDescent="0.2">
      <c r="C1037" s="236"/>
      <c r="D1037" s="236"/>
      <c r="E1037" s="236"/>
      <c r="F1037" s="236"/>
      <c r="G1037" s="236"/>
      <c r="H1037" s="236"/>
      <c r="I1037" s="236"/>
    </row>
    <row r="1038" spans="3:9" x14ac:dyDescent="0.2">
      <c r="C1038" s="236"/>
      <c r="D1038" s="236"/>
      <c r="E1038" s="236"/>
      <c r="F1038" s="236"/>
      <c r="G1038" s="236"/>
      <c r="H1038" s="236"/>
      <c r="I1038" s="236"/>
    </row>
    <row r="1039" spans="3:9" x14ac:dyDescent="0.2">
      <c r="C1039" s="236"/>
      <c r="D1039" s="236"/>
      <c r="E1039" s="236"/>
      <c r="F1039" s="236"/>
      <c r="G1039" s="236"/>
      <c r="H1039" s="236"/>
      <c r="I1039" s="236"/>
    </row>
    <row r="1040" spans="3:9" x14ac:dyDescent="0.2">
      <c r="C1040" s="236"/>
      <c r="D1040" s="236"/>
      <c r="E1040" s="236"/>
      <c r="F1040" s="236"/>
      <c r="G1040" s="236"/>
      <c r="H1040" s="236"/>
      <c r="I1040" s="236"/>
    </row>
    <row r="1041" spans="3:9" x14ac:dyDescent="0.2">
      <c r="C1041" s="236"/>
      <c r="D1041" s="236"/>
      <c r="E1041" s="236"/>
      <c r="F1041" s="236"/>
      <c r="G1041" s="236"/>
      <c r="H1041" s="236"/>
      <c r="I1041" s="236"/>
    </row>
    <row r="1042" spans="3:9" x14ac:dyDescent="0.2">
      <c r="C1042" s="236"/>
      <c r="D1042" s="236"/>
      <c r="E1042" s="236"/>
      <c r="F1042" s="236"/>
      <c r="G1042" s="236"/>
      <c r="H1042" s="236"/>
      <c r="I1042" s="236"/>
    </row>
    <row r="1043" spans="3:9" x14ac:dyDescent="0.2">
      <c r="C1043" s="236"/>
      <c r="D1043" s="236"/>
      <c r="E1043" s="236"/>
      <c r="F1043" s="236"/>
      <c r="G1043" s="236"/>
      <c r="H1043" s="236"/>
      <c r="I1043" s="236"/>
    </row>
    <row r="1044" spans="3:9" x14ac:dyDescent="0.2">
      <c r="C1044" s="236"/>
      <c r="D1044" s="236"/>
      <c r="E1044" s="236"/>
      <c r="F1044" s="236"/>
      <c r="G1044" s="236"/>
      <c r="H1044" s="236"/>
      <c r="I1044" s="236"/>
    </row>
    <row r="1045" spans="3:9" x14ac:dyDescent="0.2">
      <c r="C1045" s="236"/>
      <c r="D1045" s="236"/>
      <c r="E1045" s="236"/>
      <c r="F1045" s="236"/>
      <c r="G1045" s="236"/>
      <c r="H1045" s="236"/>
      <c r="I1045" s="236"/>
    </row>
    <row r="1046" spans="3:9" x14ac:dyDescent="0.2">
      <c r="C1046" s="236"/>
      <c r="D1046" s="236"/>
      <c r="E1046" s="236"/>
      <c r="F1046" s="236"/>
      <c r="G1046" s="236"/>
      <c r="H1046" s="236"/>
      <c r="I1046" s="236"/>
    </row>
    <row r="1047" spans="3:9" x14ac:dyDescent="0.2">
      <c r="C1047" s="236"/>
      <c r="D1047" s="236"/>
      <c r="E1047" s="236"/>
      <c r="F1047" s="236"/>
      <c r="G1047" s="236"/>
      <c r="H1047" s="236"/>
      <c r="I1047" s="236"/>
    </row>
    <row r="1048" spans="3:9" x14ac:dyDescent="0.2">
      <c r="C1048" s="236"/>
      <c r="D1048" s="236"/>
      <c r="E1048" s="236"/>
      <c r="F1048" s="236"/>
      <c r="G1048" s="236"/>
      <c r="H1048" s="236"/>
      <c r="I1048" s="236"/>
    </row>
    <row r="1049" spans="3:9" x14ac:dyDescent="0.2">
      <c r="C1049" s="236"/>
      <c r="D1049" s="236"/>
      <c r="E1049" s="236"/>
      <c r="F1049" s="236"/>
      <c r="G1049" s="236"/>
      <c r="H1049" s="236"/>
      <c r="I1049" s="236"/>
    </row>
    <row r="1050" spans="3:9" x14ac:dyDescent="0.2">
      <c r="C1050" s="236"/>
      <c r="D1050" s="236"/>
      <c r="E1050" s="236"/>
      <c r="F1050" s="236"/>
      <c r="G1050" s="236"/>
      <c r="H1050" s="236"/>
      <c r="I1050" s="236"/>
    </row>
    <row r="1051" spans="3:9" x14ac:dyDescent="0.2">
      <c r="C1051" s="236"/>
      <c r="D1051" s="236"/>
      <c r="E1051" s="236"/>
      <c r="F1051" s="236"/>
      <c r="G1051" s="236"/>
      <c r="H1051" s="236"/>
      <c r="I1051" s="236"/>
    </row>
    <row r="1052" spans="3:9" x14ac:dyDescent="0.2">
      <c r="C1052" s="236"/>
      <c r="D1052" s="236"/>
      <c r="E1052" s="236"/>
      <c r="F1052" s="236"/>
      <c r="G1052" s="236"/>
      <c r="H1052" s="236"/>
      <c r="I1052" s="236"/>
    </row>
    <row r="1053" spans="3:9" x14ac:dyDescent="0.2">
      <c r="C1053" s="236"/>
      <c r="D1053" s="236"/>
      <c r="E1053" s="236"/>
      <c r="F1053" s="236"/>
      <c r="G1053" s="236"/>
      <c r="H1053" s="236"/>
      <c r="I1053" s="236"/>
    </row>
    <row r="1054" spans="3:9" x14ac:dyDescent="0.2">
      <c r="C1054" s="236"/>
      <c r="D1054" s="236"/>
      <c r="E1054" s="236"/>
      <c r="F1054" s="236"/>
      <c r="G1054" s="236"/>
      <c r="H1054" s="236"/>
      <c r="I1054" s="236"/>
    </row>
    <row r="1055" spans="3:9" x14ac:dyDescent="0.2">
      <c r="C1055" s="236"/>
      <c r="D1055" s="236"/>
      <c r="E1055" s="236"/>
      <c r="F1055" s="236"/>
      <c r="G1055" s="236"/>
      <c r="H1055" s="236"/>
      <c r="I1055" s="236"/>
    </row>
    <row r="1056" spans="3:9" x14ac:dyDescent="0.2">
      <c r="C1056" s="236"/>
      <c r="D1056" s="236"/>
      <c r="E1056" s="236"/>
      <c r="F1056" s="236"/>
      <c r="G1056" s="236"/>
      <c r="H1056" s="236"/>
      <c r="I1056" s="236"/>
    </row>
    <row r="1057" spans="3:9" x14ac:dyDescent="0.2">
      <c r="C1057" s="236"/>
      <c r="D1057" s="236"/>
      <c r="E1057" s="236"/>
      <c r="F1057" s="236"/>
      <c r="G1057" s="236"/>
      <c r="H1057" s="236"/>
      <c r="I1057" s="236"/>
    </row>
    <row r="1058" spans="3:9" x14ac:dyDescent="0.2">
      <c r="C1058" s="236"/>
      <c r="D1058" s="236"/>
      <c r="E1058" s="236"/>
      <c r="F1058" s="236"/>
      <c r="G1058" s="236"/>
      <c r="H1058" s="236"/>
      <c r="I1058" s="236"/>
    </row>
    <row r="1059" spans="3:9" x14ac:dyDescent="0.2">
      <c r="C1059" s="236"/>
      <c r="D1059" s="236"/>
      <c r="E1059" s="236"/>
      <c r="F1059" s="236"/>
      <c r="G1059" s="236"/>
      <c r="H1059" s="236"/>
      <c r="I1059" s="236"/>
    </row>
    <row r="1060" spans="3:9" x14ac:dyDescent="0.2">
      <c r="C1060" s="236"/>
      <c r="D1060" s="236"/>
      <c r="E1060" s="236"/>
      <c r="F1060" s="236"/>
      <c r="G1060" s="236"/>
      <c r="H1060" s="236"/>
      <c r="I1060" s="236"/>
    </row>
    <row r="1061" spans="3:9" x14ac:dyDescent="0.2">
      <c r="C1061" s="236"/>
      <c r="D1061" s="236"/>
      <c r="E1061" s="236"/>
      <c r="F1061" s="236"/>
      <c r="G1061" s="236"/>
      <c r="H1061" s="236"/>
      <c r="I1061" s="236"/>
    </row>
    <row r="1062" spans="3:9" x14ac:dyDescent="0.2">
      <c r="C1062" s="236"/>
      <c r="D1062" s="236"/>
      <c r="E1062" s="236"/>
      <c r="F1062" s="236"/>
      <c r="G1062" s="236"/>
      <c r="H1062" s="236"/>
      <c r="I1062" s="236"/>
    </row>
    <row r="1063" spans="3:9" x14ac:dyDescent="0.2">
      <c r="C1063" s="236"/>
      <c r="D1063" s="236"/>
      <c r="E1063" s="236"/>
      <c r="F1063" s="236"/>
      <c r="G1063" s="236"/>
      <c r="H1063" s="236"/>
      <c r="I1063" s="236"/>
    </row>
    <row r="1064" spans="3:9" x14ac:dyDescent="0.2">
      <c r="C1064" s="236"/>
      <c r="D1064" s="236"/>
      <c r="E1064" s="236"/>
      <c r="F1064" s="236"/>
      <c r="G1064" s="236"/>
      <c r="H1064" s="236"/>
      <c r="I1064" s="236"/>
    </row>
    <row r="1065" spans="3:9" x14ac:dyDescent="0.2">
      <c r="C1065" s="236"/>
      <c r="D1065" s="236"/>
      <c r="E1065" s="236"/>
      <c r="F1065" s="236"/>
      <c r="G1065" s="236"/>
      <c r="H1065" s="236"/>
      <c r="I1065" s="236"/>
    </row>
    <row r="1066" spans="3:9" x14ac:dyDescent="0.2">
      <c r="C1066" s="236"/>
      <c r="D1066" s="236"/>
      <c r="E1066" s="236"/>
      <c r="F1066" s="236"/>
      <c r="G1066" s="236"/>
      <c r="H1066" s="236"/>
      <c r="I1066" s="236"/>
    </row>
    <row r="1067" spans="3:9" x14ac:dyDescent="0.2">
      <c r="C1067" s="236"/>
      <c r="D1067" s="236"/>
      <c r="E1067" s="236"/>
      <c r="F1067" s="236"/>
      <c r="G1067" s="236"/>
      <c r="H1067" s="236"/>
      <c r="I1067" s="236"/>
    </row>
    <row r="1068" spans="3:9" x14ac:dyDescent="0.2">
      <c r="C1068" s="236"/>
      <c r="D1068" s="236"/>
      <c r="E1068" s="236"/>
      <c r="F1068" s="236"/>
      <c r="G1068" s="236"/>
      <c r="H1068" s="236"/>
      <c r="I1068" s="236"/>
    </row>
    <row r="1069" spans="3:9" x14ac:dyDescent="0.2">
      <c r="C1069" s="236"/>
      <c r="D1069" s="236"/>
      <c r="E1069" s="236"/>
      <c r="F1069" s="236"/>
      <c r="G1069" s="236"/>
      <c r="H1069" s="236"/>
      <c r="I1069" s="236"/>
    </row>
    <row r="1070" spans="3:9" x14ac:dyDescent="0.2">
      <c r="C1070" s="236"/>
      <c r="D1070" s="236"/>
      <c r="E1070" s="236"/>
      <c r="F1070" s="236"/>
      <c r="G1070" s="236"/>
      <c r="H1070" s="236"/>
      <c r="I1070" s="236"/>
    </row>
    <row r="1071" spans="3:9" x14ac:dyDescent="0.2">
      <c r="C1071" s="236"/>
      <c r="D1071" s="236"/>
      <c r="E1071" s="236"/>
      <c r="F1071" s="236"/>
      <c r="G1071" s="236"/>
      <c r="H1071" s="236"/>
      <c r="I1071" s="236"/>
    </row>
    <row r="1072" spans="3:9" x14ac:dyDescent="0.2">
      <c r="C1072" s="236"/>
      <c r="D1072" s="236"/>
      <c r="E1072" s="236"/>
      <c r="F1072" s="236"/>
      <c r="G1072" s="236"/>
      <c r="H1072" s="236"/>
      <c r="I1072" s="236"/>
    </row>
    <row r="1073" spans="3:9" x14ac:dyDescent="0.2">
      <c r="C1073" s="236"/>
      <c r="D1073" s="236"/>
      <c r="E1073" s="236"/>
      <c r="F1073" s="236"/>
      <c r="G1073" s="236"/>
      <c r="H1073" s="236"/>
      <c r="I1073" s="236"/>
    </row>
    <row r="1074" spans="3:9" x14ac:dyDescent="0.2">
      <c r="C1074" s="236"/>
      <c r="D1074" s="236"/>
      <c r="E1074" s="236"/>
      <c r="F1074" s="236"/>
      <c r="G1074" s="236"/>
      <c r="H1074" s="236"/>
      <c r="I1074" s="236"/>
    </row>
    <row r="1075" spans="3:9" x14ac:dyDescent="0.2">
      <c r="C1075" s="236"/>
      <c r="D1075" s="236"/>
      <c r="E1075" s="236"/>
      <c r="F1075" s="236"/>
      <c r="G1075" s="236"/>
      <c r="H1075" s="236"/>
      <c r="I1075" s="236"/>
    </row>
    <row r="1076" spans="3:9" x14ac:dyDescent="0.2">
      <c r="C1076" s="236"/>
      <c r="D1076" s="236"/>
      <c r="E1076" s="236"/>
      <c r="F1076" s="236"/>
      <c r="G1076" s="236"/>
      <c r="H1076" s="236"/>
      <c r="I1076" s="236"/>
    </row>
    <row r="1077" spans="3:9" x14ac:dyDescent="0.2">
      <c r="C1077" s="236"/>
      <c r="D1077" s="236"/>
      <c r="E1077" s="236"/>
      <c r="F1077" s="236"/>
      <c r="G1077" s="236"/>
      <c r="H1077" s="236"/>
      <c r="I1077" s="236"/>
    </row>
    <row r="1078" spans="3:9" x14ac:dyDescent="0.2">
      <c r="C1078" s="236"/>
      <c r="D1078" s="236"/>
      <c r="E1078" s="236"/>
      <c r="F1078" s="236"/>
      <c r="G1078" s="236"/>
      <c r="H1078" s="236"/>
      <c r="I1078" s="236"/>
    </row>
    <row r="1079" spans="3:9" x14ac:dyDescent="0.2">
      <c r="C1079" s="236"/>
      <c r="D1079" s="236"/>
      <c r="E1079" s="236"/>
      <c r="F1079" s="236"/>
      <c r="G1079" s="236"/>
      <c r="H1079" s="236"/>
      <c r="I1079" s="236"/>
    </row>
    <row r="1080" spans="3:9" x14ac:dyDescent="0.2">
      <c r="C1080" s="236"/>
      <c r="D1080" s="236"/>
      <c r="E1080" s="236"/>
      <c r="F1080" s="236"/>
      <c r="G1080" s="236"/>
      <c r="H1080" s="236"/>
      <c r="I1080" s="236"/>
    </row>
    <row r="1081" spans="3:9" x14ac:dyDescent="0.2">
      <c r="C1081" s="236"/>
      <c r="D1081" s="236"/>
      <c r="E1081" s="236"/>
      <c r="F1081" s="236"/>
      <c r="G1081" s="236"/>
      <c r="H1081" s="236"/>
      <c r="I1081" s="236"/>
    </row>
    <row r="1082" spans="3:9" x14ac:dyDescent="0.2">
      <c r="C1082" s="236"/>
      <c r="D1082" s="236"/>
      <c r="E1082" s="236"/>
      <c r="F1082" s="236"/>
      <c r="G1082" s="236"/>
      <c r="H1082" s="236"/>
      <c r="I1082" s="236"/>
    </row>
    <row r="1083" spans="3:9" x14ac:dyDescent="0.2">
      <c r="C1083" s="236"/>
      <c r="D1083" s="236"/>
      <c r="E1083" s="236"/>
      <c r="F1083" s="236"/>
      <c r="G1083" s="236"/>
      <c r="H1083" s="236"/>
      <c r="I1083" s="236"/>
    </row>
    <row r="1084" spans="3:9" x14ac:dyDescent="0.2">
      <c r="C1084" s="236"/>
      <c r="D1084" s="236"/>
      <c r="E1084" s="236"/>
      <c r="F1084" s="236"/>
      <c r="G1084" s="236"/>
      <c r="H1084" s="236"/>
      <c r="I1084" s="236"/>
    </row>
    <row r="1085" spans="3:9" x14ac:dyDescent="0.2">
      <c r="C1085" s="236"/>
      <c r="D1085" s="236"/>
      <c r="E1085" s="236"/>
      <c r="F1085" s="236"/>
      <c r="G1085" s="236"/>
      <c r="H1085" s="236"/>
      <c r="I1085" s="236"/>
    </row>
    <row r="1086" spans="3:9" x14ac:dyDescent="0.2">
      <c r="C1086" s="236"/>
      <c r="D1086" s="236"/>
      <c r="E1086" s="236"/>
      <c r="F1086" s="236"/>
      <c r="G1086" s="236"/>
      <c r="H1086" s="236"/>
      <c r="I1086" s="236"/>
    </row>
    <row r="1087" spans="3:9" x14ac:dyDescent="0.2">
      <c r="C1087" s="236"/>
      <c r="D1087" s="236"/>
      <c r="E1087" s="236"/>
      <c r="F1087" s="236"/>
      <c r="G1087" s="236"/>
      <c r="H1087" s="236"/>
      <c r="I1087" s="236"/>
    </row>
    <row r="1088" spans="3:9" x14ac:dyDescent="0.2">
      <c r="C1088" s="236"/>
      <c r="D1088" s="236"/>
      <c r="E1088" s="236"/>
      <c r="F1088" s="236"/>
      <c r="G1088" s="236"/>
      <c r="H1088" s="236"/>
      <c r="I1088" s="236"/>
    </row>
    <row r="1089" spans="3:9" x14ac:dyDescent="0.2">
      <c r="C1089" s="236"/>
      <c r="D1089" s="236"/>
      <c r="E1089" s="236"/>
      <c r="F1089" s="236"/>
      <c r="G1089" s="236"/>
      <c r="H1089" s="236"/>
      <c r="I1089" s="236"/>
    </row>
    <row r="1090" spans="3:9" x14ac:dyDescent="0.2">
      <c r="C1090" s="236"/>
      <c r="D1090" s="236"/>
      <c r="E1090" s="236"/>
      <c r="F1090" s="236"/>
      <c r="G1090" s="236"/>
      <c r="H1090" s="236"/>
      <c r="I1090" s="236"/>
    </row>
    <row r="1091" spans="3:9" x14ac:dyDescent="0.2">
      <c r="C1091" s="236"/>
      <c r="D1091" s="236"/>
      <c r="E1091" s="236"/>
      <c r="F1091" s="236"/>
      <c r="G1091" s="236"/>
      <c r="H1091" s="236"/>
      <c r="I1091" s="236"/>
    </row>
    <row r="1092" spans="3:9" x14ac:dyDescent="0.2">
      <c r="C1092" s="236"/>
      <c r="D1092" s="236"/>
      <c r="E1092" s="236"/>
      <c r="F1092" s="236"/>
      <c r="G1092" s="236"/>
      <c r="H1092" s="236"/>
      <c r="I1092" s="236"/>
    </row>
    <row r="1093" spans="3:9" x14ac:dyDescent="0.2">
      <c r="C1093" s="236"/>
      <c r="D1093" s="236"/>
      <c r="E1093" s="236"/>
      <c r="F1093" s="236"/>
      <c r="G1093" s="236"/>
      <c r="H1093" s="236"/>
      <c r="I1093" s="236"/>
    </row>
    <row r="1094" spans="3:9" x14ac:dyDescent="0.2">
      <c r="C1094" s="236"/>
      <c r="D1094" s="236"/>
      <c r="E1094" s="236"/>
      <c r="F1094" s="236"/>
      <c r="G1094" s="236"/>
      <c r="H1094" s="236"/>
      <c r="I1094" s="236"/>
    </row>
    <row r="1095" spans="3:9" x14ac:dyDescent="0.2">
      <c r="C1095" s="236"/>
      <c r="D1095" s="236"/>
      <c r="E1095" s="236"/>
      <c r="F1095" s="236"/>
      <c r="G1095" s="236"/>
      <c r="H1095" s="236"/>
      <c r="I1095" s="236"/>
    </row>
    <row r="1096" spans="3:9" x14ac:dyDescent="0.2">
      <c r="C1096" s="236"/>
      <c r="D1096" s="236"/>
      <c r="E1096" s="236"/>
      <c r="F1096" s="236"/>
      <c r="G1096" s="236"/>
      <c r="H1096" s="236"/>
      <c r="I1096" s="236"/>
    </row>
    <row r="1097" spans="3:9" x14ac:dyDescent="0.2">
      <c r="C1097" s="236"/>
      <c r="D1097" s="236"/>
      <c r="E1097" s="236"/>
      <c r="F1097" s="236"/>
      <c r="G1097" s="236"/>
      <c r="H1097" s="236"/>
      <c r="I1097" s="236"/>
    </row>
    <row r="1098" spans="3:9" x14ac:dyDescent="0.2">
      <c r="C1098" s="236"/>
      <c r="D1098" s="236"/>
      <c r="E1098" s="236"/>
      <c r="F1098" s="236"/>
      <c r="G1098" s="236"/>
      <c r="H1098" s="236"/>
      <c r="I1098" s="236"/>
    </row>
    <row r="1099" spans="3:9" x14ac:dyDescent="0.2">
      <c r="C1099" s="236"/>
      <c r="D1099" s="236"/>
      <c r="E1099" s="236"/>
      <c r="F1099" s="236"/>
      <c r="G1099" s="236"/>
      <c r="H1099" s="236"/>
      <c r="I1099" s="236"/>
    </row>
    <row r="1100" spans="3:9" x14ac:dyDescent="0.2">
      <c r="C1100" s="236"/>
      <c r="D1100" s="236"/>
      <c r="E1100" s="236"/>
      <c r="F1100" s="236"/>
      <c r="G1100" s="236"/>
      <c r="H1100" s="236"/>
      <c r="I1100" s="236"/>
    </row>
    <row r="1101" spans="3:9" x14ac:dyDescent="0.2">
      <c r="C1101" s="236"/>
      <c r="D1101" s="236"/>
      <c r="E1101" s="236"/>
      <c r="F1101" s="236"/>
      <c r="G1101" s="236"/>
      <c r="H1101" s="236"/>
      <c r="I1101" s="236"/>
    </row>
    <row r="1102" spans="3:9" x14ac:dyDescent="0.2">
      <c r="C1102" s="236"/>
      <c r="D1102" s="236"/>
      <c r="E1102" s="236"/>
      <c r="F1102" s="236"/>
      <c r="G1102" s="236"/>
      <c r="H1102" s="236"/>
      <c r="I1102" s="236"/>
    </row>
    <row r="1103" spans="3:9" x14ac:dyDescent="0.2">
      <c r="C1103" s="236"/>
      <c r="D1103" s="236"/>
      <c r="E1103" s="236"/>
      <c r="F1103" s="236"/>
      <c r="G1103" s="236"/>
      <c r="H1103" s="236"/>
      <c r="I1103" s="236"/>
    </row>
    <row r="1104" spans="3:9" x14ac:dyDescent="0.2">
      <c r="C1104" s="236"/>
      <c r="D1104" s="236"/>
      <c r="E1104" s="236"/>
      <c r="F1104" s="236"/>
      <c r="G1104" s="236"/>
      <c r="H1104" s="236"/>
      <c r="I1104" s="236"/>
    </row>
    <row r="1105" spans="3:9" x14ac:dyDescent="0.2">
      <c r="C1105" s="236"/>
      <c r="D1105" s="236"/>
      <c r="E1105" s="236"/>
      <c r="F1105" s="236"/>
      <c r="G1105" s="236"/>
      <c r="H1105" s="236"/>
      <c r="I1105" s="236"/>
    </row>
    <row r="1106" spans="3:9" x14ac:dyDescent="0.2">
      <c r="C1106" s="236"/>
      <c r="D1106" s="236"/>
      <c r="E1106" s="236"/>
      <c r="F1106" s="236"/>
      <c r="G1106" s="236"/>
      <c r="H1106" s="236"/>
      <c r="I1106" s="236"/>
    </row>
    <row r="1107" spans="3:9" x14ac:dyDescent="0.2">
      <c r="C1107" s="236"/>
      <c r="D1107" s="236"/>
      <c r="E1107" s="236"/>
      <c r="F1107" s="236"/>
      <c r="G1107" s="236"/>
      <c r="H1107" s="236"/>
      <c r="I1107" s="236"/>
    </row>
    <row r="1108" spans="3:9" x14ac:dyDescent="0.2">
      <c r="C1108" s="236"/>
      <c r="D1108" s="236"/>
      <c r="E1108" s="236"/>
      <c r="F1108" s="236"/>
      <c r="G1108" s="236"/>
      <c r="H1108" s="236"/>
      <c r="I1108" s="236"/>
    </row>
    <row r="1109" spans="3:9" x14ac:dyDescent="0.2">
      <c r="C1109" s="236"/>
      <c r="D1109" s="236"/>
      <c r="E1109" s="236"/>
      <c r="F1109" s="236"/>
      <c r="G1109" s="236"/>
      <c r="H1109" s="236"/>
      <c r="I1109" s="236"/>
    </row>
    <row r="1110" spans="3:9" x14ac:dyDescent="0.2">
      <c r="C1110" s="236"/>
      <c r="D1110" s="236"/>
      <c r="E1110" s="236"/>
      <c r="F1110" s="236"/>
      <c r="G1110" s="236"/>
      <c r="H1110" s="236"/>
      <c r="I1110" s="236"/>
    </row>
    <row r="1111" spans="3:9" x14ac:dyDescent="0.2">
      <c r="C1111" s="236"/>
      <c r="D1111" s="236"/>
      <c r="E1111" s="236"/>
      <c r="F1111" s="236"/>
      <c r="G1111" s="236"/>
      <c r="H1111" s="236"/>
      <c r="I1111" s="236"/>
    </row>
    <row r="1112" spans="3:9" x14ac:dyDescent="0.2">
      <c r="C1112" s="236"/>
      <c r="D1112" s="236"/>
      <c r="E1112" s="236"/>
      <c r="F1112" s="236"/>
      <c r="G1112" s="236"/>
      <c r="H1112" s="236"/>
      <c r="I1112" s="236"/>
    </row>
    <row r="1113" spans="3:9" x14ac:dyDescent="0.2">
      <c r="C1113" s="236"/>
      <c r="D1113" s="236"/>
      <c r="E1113" s="236"/>
      <c r="F1113" s="236"/>
      <c r="G1113" s="236"/>
      <c r="H1113" s="236"/>
      <c r="I1113" s="236"/>
    </row>
    <row r="1114" spans="3:9" x14ac:dyDescent="0.2">
      <c r="C1114" s="236"/>
      <c r="D1114" s="236"/>
      <c r="E1114" s="236"/>
      <c r="F1114" s="236"/>
      <c r="G1114" s="236"/>
      <c r="H1114" s="236"/>
      <c r="I1114" s="236"/>
    </row>
    <row r="1115" spans="3:9" x14ac:dyDescent="0.2">
      <c r="C1115" s="236"/>
      <c r="D1115" s="236"/>
      <c r="E1115" s="236"/>
      <c r="F1115" s="236"/>
      <c r="G1115" s="236"/>
      <c r="H1115" s="236"/>
      <c r="I1115" s="236"/>
    </row>
    <row r="1116" spans="3:9" x14ac:dyDescent="0.2">
      <c r="C1116" s="236"/>
      <c r="D1116" s="236"/>
      <c r="E1116" s="236"/>
      <c r="F1116" s="236"/>
      <c r="G1116" s="236"/>
      <c r="H1116" s="236"/>
      <c r="I1116" s="236"/>
    </row>
    <row r="1117" spans="3:9" x14ac:dyDescent="0.2">
      <c r="C1117" s="236"/>
      <c r="D1117" s="236"/>
      <c r="E1117" s="236"/>
      <c r="F1117" s="236"/>
      <c r="G1117" s="236"/>
      <c r="H1117" s="236"/>
      <c r="I1117" s="236"/>
    </row>
    <row r="1118" spans="3:9" x14ac:dyDescent="0.2">
      <c r="C1118" s="236"/>
      <c r="D1118" s="236"/>
      <c r="E1118" s="236"/>
      <c r="F1118" s="236"/>
      <c r="G1118" s="236"/>
      <c r="H1118" s="236"/>
      <c r="I1118" s="236"/>
    </row>
    <row r="1119" spans="3:9" x14ac:dyDescent="0.2">
      <c r="C1119" s="236"/>
      <c r="D1119" s="236"/>
      <c r="E1119" s="236"/>
      <c r="F1119" s="236"/>
      <c r="G1119" s="236"/>
      <c r="H1119" s="236"/>
      <c r="I1119" s="236"/>
    </row>
    <row r="1120" spans="3:9" x14ac:dyDescent="0.2">
      <c r="C1120" s="236"/>
      <c r="D1120" s="236"/>
      <c r="E1120" s="236"/>
      <c r="F1120" s="236"/>
      <c r="G1120" s="236"/>
      <c r="H1120" s="236"/>
      <c r="I1120" s="236"/>
    </row>
    <row r="1121" spans="3:9" x14ac:dyDescent="0.2">
      <c r="C1121" s="236"/>
      <c r="D1121" s="236"/>
      <c r="E1121" s="236"/>
      <c r="F1121" s="236"/>
      <c r="G1121" s="236"/>
      <c r="H1121" s="236"/>
      <c r="I1121" s="236"/>
    </row>
    <row r="1122" spans="3:9" x14ac:dyDescent="0.2">
      <c r="C1122" s="236"/>
      <c r="D1122" s="236"/>
      <c r="E1122" s="236"/>
      <c r="F1122" s="236"/>
      <c r="G1122" s="236"/>
      <c r="H1122" s="236"/>
      <c r="I1122" s="236"/>
    </row>
    <row r="1123" spans="3:9" x14ac:dyDescent="0.2">
      <c r="C1123" s="236"/>
      <c r="D1123" s="236"/>
      <c r="E1123" s="236"/>
      <c r="F1123" s="236"/>
      <c r="G1123" s="236"/>
      <c r="H1123" s="236"/>
      <c r="I1123" s="236"/>
    </row>
    <row r="1124" spans="3:9" x14ac:dyDescent="0.2">
      <c r="C1124" s="236"/>
      <c r="D1124" s="236"/>
      <c r="E1124" s="236"/>
      <c r="F1124" s="236"/>
      <c r="G1124" s="236"/>
      <c r="H1124" s="236"/>
      <c r="I1124" s="236"/>
    </row>
    <row r="1125" spans="3:9" x14ac:dyDescent="0.2">
      <c r="C1125" s="236"/>
      <c r="D1125" s="236"/>
      <c r="E1125" s="236"/>
      <c r="F1125" s="236"/>
      <c r="G1125" s="236"/>
      <c r="H1125" s="236"/>
      <c r="I1125" s="236"/>
    </row>
    <row r="1126" spans="3:9" x14ac:dyDescent="0.2">
      <c r="C1126" s="236"/>
      <c r="D1126" s="236"/>
      <c r="E1126" s="236"/>
      <c r="F1126" s="236"/>
      <c r="G1126" s="236"/>
      <c r="H1126" s="236"/>
      <c r="I1126" s="236"/>
    </row>
    <row r="1127" spans="3:9" x14ac:dyDescent="0.2">
      <c r="C1127" s="236"/>
      <c r="D1127" s="236"/>
      <c r="E1127" s="236"/>
      <c r="F1127" s="236"/>
      <c r="G1127" s="236"/>
      <c r="H1127" s="236"/>
      <c r="I1127" s="236"/>
    </row>
    <row r="1128" spans="3:9" x14ac:dyDescent="0.2">
      <c r="C1128" s="236"/>
      <c r="D1128" s="236"/>
      <c r="E1128" s="236"/>
      <c r="F1128" s="236"/>
      <c r="G1128" s="236"/>
      <c r="H1128" s="236"/>
      <c r="I1128" s="236"/>
    </row>
    <row r="1129" spans="3:9" x14ac:dyDescent="0.2">
      <c r="C1129" s="236"/>
      <c r="D1129" s="236"/>
      <c r="E1129" s="236"/>
      <c r="F1129" s="236"/>
      <c r="G1129" s="236"/>
      <c r="H1129" s="236"/>
      <c r="I1129" s="236"/>
    </row>
    <row r="1130" spans="3:9" x14ac:dyDescent="0.2">
      <c r="C1130" s="236"/>
      <c r="D1130" s="236"/>
      <c r="E1130" s="236"/>
      <c r="F1130" s="236"/>
      <c r="G1130" s="236"/>
      <c r="H1130" s="236"/>
      <c r="I1130" s="236"/>
    </row>
    <row r="1131" spans="3:9" x14ac:dyDescent="0.2">
      <c r="C1131" s="236"/>
      <c r="D1131" s="236"/>
      <c r="E1131" s="236"/>
      <c r="F1131" s="236"/>
      <c r="G1131" s="236"/>
      <c r="H1131" s="236"/>
      <c r="I1131" s="236"/>
    </row>
    <row r="1132" spans="3:9" x14ac:dyDescent="0.2">
      <c r="C1132" s="236"/>
      <c r="D1132" s="236"/>
      <c r="E1132" s="236"/>
      <c r="F1132" s="236"/>
      <c r="G1132" s="236"/>
      <c r="H1132" s="236"/>
      <c r="I1132" s="236"/>
    </row>
    <row r="1133" spans="3:9" x14ac:dyDescent="0.2">
      <c r="C1133" s="236"/>
      <c r="D1133" s="236"/>
      <c r="E1133" s="236"/>
      <c r="F1133" s="236"/>
      <c r="G1133" s="236"/>
      <c r="H1133" s="236"/>
      <c r="I1133" s="236"/>
    </row>
    <row r="1134" spans="3:9" x14ac:dyDescent="0.2">
      <c r="C1134" s="236"/>
      <c r="D1134" s="236"/>
      <c r="E1134" s="236"/>
      <c r="F1134" s="236"/>
      <c r="G1134" s="236"/>
      <c r="H1134" s="236"/>
      <c r="I1134" s="236"/>
    </row>
    <row r="1135" spans="3:9" x14ac:dyDescent="0.2">
      <c r="C1135" s="236"/>
      <c r="D1135" s="236"/>
      <c r="E1135" s="236"/>
      <c r="F1135" s="236"/>
      <c r="G1135" s="236"/>
      <c r="H1135" s="236"/>
      <c r="I1135" s="236"/>
    </row>
    <row r="1136" spans="3:9" x14ac:dyDescent="0.2">
      <c r="C1136" s="236"/>
      <c r="D1136" s="236"/>
      <c r="E1136" s="236"/>
      <c r="F1136" s="236"/>
      <c r="G1136" s="236"/>
      <c r="H1136" s="236"/>
      <c r="I1136" s="236"/>
    </row>
    <row r="1137" spans="3:9" x14ac:dyDescent="0.2">
      <c r="C1137" s="236"/>
      <c r="D1137" s="236"/>
      <c r="E1137" s="236"/>
      <c r="F1137" s="236"/>
      <c r="G1137" s="236"/>
      <c r="H1137" s="236"/>
      <c r="I1137" s="236"/>
    </row>
    <row r="1138" spans="3:9" x14ac:dyDescent="0.2">
      <c r="C1138" s="236"/>
      <c r="D1138" s="236"/>
      <c r="E1138" s="236"/>
      <c r="F1138" s="236"/>
      <c r="G1138" s="236"/>
      <c r="H1138" s="236"/>
      <c r="I1138" s="236"/>
    </row>
    <row r="1139" spans="3:9" x14ac:dyDescent="0.2">
      <c r="C1139" s="236"/>
      <c r="D1139" s="236"/>
      <c r="E1139" s="236"/>
      <c r="F1139" s="236"/>
      <c r="G1139" s="236"/>
      <c r="H1139" s="236"/>
      <c r="I1139" s="236"/>
    </row>
    <row r="1140" spans="3:9" x14ac:dyDescent="0.2">
      <c r="C1140" s="236"/>
      <c r="D1140" s="236"/>
      <c r="E1140" s="236"/>
      <c r="F1140" s="236"/>
      <c r="G1140" s="236"/>
      <c r="H1140" s="236"/>
      <c r="I1140" s="236"/>
    </row>
    <row r="1141" spans="3:9" x14ac:dyDescent="0.2">
      <c r="C1141" s="236"/>
      <c r="D1141" s="236"/>
      <c r="E1141" s="236"/>
      <c r="F1141" s="236"/>
      <c r="G1141" s="236"/>
      <c r="H1141" s="236"/>
      <c r="I1141" s="236"/>
    </row>
    <row r="1142" spans="3:9" x14ac:dyDescent="0.2">
      <c r="C1142" s="236"/>
      <c r="D1142" s="236"/>
      <c r="E1142" s="236"/>
      <c r="F1142" s="236"/>
      <c r="G1142" s="236"/>
      <c r="H1142" s="236"/>
      <c r="I1142" s="236"/>
    </row>
    <row r="1143" spans="3:9" x14ac:dyDescent="0.2">
      <c r="C1143" s="236"/>
      <c r="D1143" s="236"/>
      <c r="E1143" s="236"/>
      <c r="F1143" s="236"/>
      <c r="G1143" s="236"/>
      <c r="H1143" s="236"/>
      <c r="I1143" s="236"/>
    </row>
    <row r="1144" spans="3:9" x14ac:dyDescent="0.2">
      <c r="C1144" s="236"/>
      <c r="D1144" s="236"/>
      <c r="E1144" s="236"/>
      <c r="F1144" s="236"/>
      <c r="G1144" s="236"/>
      <c r="H1144" s="236"/>
      <c r="I1144" s="236"/>
    </row>
    <row r="1145" spans="3:9" x14ac:dyDescent="0.2">
      <c r="C1145" s="236"/>
      <c r="D1145" s="236"/>
      <c r="E1145" s="236"/>
      <c r="F1145" s="236"/>
      <c r="G1145" s="236"/>
      <c r="H1145" s="236"/>
      <c r="I1145" s="236"/>
    </row>
    <row r="1146" spans="3:9" x14ac:dyDescent="0.2">
      <c r="C1146" s="236"/>
      <c r="D1146" s="236"/>
      <c r="E1146" s="236"/>
      <c r="F1146" s="236"/>
      <c r="G1146" s="236"/>
      <c r="H1146" s="236"/>
      <c r="I1146" s="236"/>
    </row>
    <row r="1147" spans="3:9" x14ac:dyDescent="0.2">
      <c r="C1147" s="236"/>
      <c r="D1147" s="236"/>
      <c r="E1147" s="236"/>
      <c r="F1147" s="236"/>
      <c r="G1147" s="236"/>
      <c r="H1147" s="236"/>
      <c r="I1147" s="236"/>
    </row>
    <row r="1148" spans="3:9" x14ac:dyDescent="0.2">
      <c r="C1148" s="236"/>
      <c r="D1148" s="236"/>
      <c r="E1148" s="236"/>
      <c r="F1148" s="236"/>
      <c r="G1148" s="236"/>
      <c r="H1148" s="236"/>
      <c r="I1148" s="236"/>
    </row>
    <row r="1149" spans="3:9" x14ac:dyDescent="0.2">
      <c r="C1149" s="236"/>
      <c r="D1149" s="236"/>
      <c r="E1149" s="236"/>
      <c r="F1149" s="236"/>
      <c r="G1149" s="236"/>
      <c r="H1149" s="236"/>
      <c r="I1149" s="236"/>
    </row>
    <row r="1150" spans="3:9" x14ac:dyDescent="0.2">
      <c r="C1150" s="236"/>
      <c r="D1150" s="236"/>
      <c r="E1150" s="236"/>
      <c r="F1150" s="236"/>
      <c r="G1150" s="236"/>
      <c r="H1150" s="236"/>
      <c r="I1150" s="236"/>
    </row>
    <row r="1151" spans="3:9" x14ac:dyDescent="0.2">
      <c r="C1151" s="236"/>
      <c r="D1151" s="236"/>
      <c r="E1151" s="236"/>
      <c r="F1151" s="236"/>
      <c r="G1151" s="236"/>
      <c r="H1151" s="236"/>
      <c r="I1151" s="236"/>
    </row>
    <row r="1152" spans="3:9" x14ac:dyDescent="0.2">
      <c r="C1152" s="236"/>
      <c r="D1152" s="236"/>
      <c r="E1152" s="236"/>
      <c r="F1152" s="236"/>
      <c r="G1152" s="236"/>
      <c r="H1152" s="236"/>
      <c r="I1152" s="236"/>
    </row>
    <row r="1153" spans="3:9" x14ac:dyDescent="0.2">
      <c r="C1153" s="236"/>
      <c r="D1153" s="236"/>
      <c r="E1153" s="236"/>
      <c r="F1153" s="236"/>
      <c r="G1153" s="236"/>
      <c r="H1153" s="236"/>
      <c r="I1153" s="236"/>
    </row>
    <row r="1154" spans="3:9" x14ac:dyDescent="0.2">
      <c r="C1154" s="236"/>
      <c r="D1154" s="236"/>
      <c r="E1154" s="236"/>
      <c r="F1154" s="236"/>
      <c r="G1154" s="236"/>
      <c r="H1154" s="236"/>
      <c r="I1154" s="236"/>
    </row>
    <row r="1155" spans="3:9" x14ac:dyDescent="0.2">
      <c r="C1155" s="236"/>
      <c r="D1155" s="236"/>
      <c r="E1155" s="236"/>
      <c r="F1155" s="236"/>
      <c r="G1155" s="236"/>
      <c r="H1155" s="236"/>
      <c r="I1155" s="236"/>
    </row>
    <row r="1156" spans="3:9" x14ac:dyDescent="0.2">
      <c r="C1156" s="236"/>
      <c r="D1156" s="236"/>
      <c r="E1156" s="236"/>
      <c r="F1156" s="236"/>
      <c r="G1156" s="236"/>
      <c r="H1156" s="236"/>
      <c r="I1156" s="236"/>
    </row>
    <row r="1157" spans="3:9" x14ac:dyDescent="0.2">
      <c r="C1157" s="236"/>
      <c r="D1157" s="236"/>
      <c r="E1157" s="236"/>
      <c r="F1157" s="236"/>
      <c r="G1157" s="236"/>
      <c r="H1157" s="236"/>
      <c r="I1157" s="236"/>
    </row>
    <row r="1158" spans="3:9" x14ac:dyDescent="0.2">
      <c r="C1158" s="236"/>
      <c r="D1158" s="236"/>
      <c r="E1158" s="236"/>
      <c r="F1158" s="236"/>
      <c r="G1158" s="236"/>
      <c r="H1158" s="236"/>
      <c r="I1158" s="236"/>
    </row>
    <row r="1159" spans="3:9" x14ac:dyDescent="0.2">
      <c r="C1159" s="236"/>
      <c r="D1159" s="236"/>
      <c r="E1159" s="236"/>
      <c r="F1159" s="236"/>
      <c r="G1159" s="236"/>
      <c r="H1159" s="236"/>
      <c r="I1159" s="236"/>
    </row>
    <row r="1160" spans="3:9" x14ac:dyDescent="0.2">
      <c r="C1160" s="236"/>
      <c r="D1160" s="236"/>
      <c r="E1160" s="236"/>
      <c r="F1160" s="236"/>
      <c r="G1160" s="236"/>
      <c r="H1160" s="236"/>
      <c r="I1160" s="236"/>
    </row>
    <row r="1161" spans="3:9" x14ac:dyDescent="0.2">
      <c r="C1161" s="236"/>
      <c r="D1161" s="236"/>
      <c r="E1161" s="236"/>
      <c r="F1161" s="236"/>
      <c r="G1161" s="236"/>
      <c r="H1161" s="236"/>
      <c r="I1161" s="236"/>
    </row>
    <row r="1162" spans="3:9" x14ac:dyDescent="0.2">
      <c r="C1162" s="236"/>
      <c r="D1162" s="236"/>
      <c r="E1162" s="236"/>
      <c r="F1162" s="236"/>
      <c r="G1162" s="236"/>
      <c r="H1162" s="236"/>
      <c r="I1162" s="236"/>
    </row>
    <row r="1163" spans="3:9" x14ac:dyDescent="0.2">
      <c r="C1163" s="236"/>
      <c r="D1163" s="236"/>
      <c r="E1163" s="236"/>
      <c r="F1163" s="236"/>
      <c r="G1163" s="236"/>
      <c r="H1163" s="236"/>
      <c r="I1163" s="236"/>
    </row>
    <row r="1164" spans="3:9" x14ac:dyDescent="0.2">
      <c r="C1164" s="236"/>
      <c r="D1164" s="236"/>
      <c r="E1164" s="236"/>
      <c r="F1164" s="236"/>
      <c r="G1164" s="236"/>
      <c r="H1164" s="236"/>
      <c r="I1164" s="236"/>
    </row>
    <row r="1165" spans="3:9" x14ac:dyDescent="0.2">
      <c r="C1165" s="236"/>
      <c r="D1165" s="236"/>
      <c r="E1165" s="236"/>
      <c r="F1165" s="236"/>
      <c r="G1165" s="236"/>
      <c r="H1165" s="236"/>
      <c r="I1165" s="236"/>
    </row>
    <row r="1166" spans="3:9" x14ac:dyDescent="0.2">
      <c r="C1166" s="236"/>
      <c r="D1166" s="236"/>
      <c r="E1166" s="236"/>
      <c r="F1166" s="236"/>
      <c r="G1166" s="236"/>
      <c r="H1166" s="236"/>
      <c r="I1166" s="236"/>
    </row>
    <row r="1167" spans="3:9" x14ac:dyDescent="0.2">
      <c r="C1167" s="236"/>
      <c r="D1167" s="236"/>
      <c r="E1167" s="236"/>
      <c r="F1167" s="236"/>
      <c r="G1167" s="236"/>
      <c r="H1167" s="236"/>
      <c r="I1167" s="236"/>
    </row>
    <row r="1168" spans="3:9" x14ac:dyDescent="0.2">
      <c r="C1168" s="236"/>
      <c r="D1168" s="236"/>
      <c r="E1168" s="236"/>
      <c r="F1168" s="236"/>
      <c r="G1168" s="236"/>
      <c r="H1168" s="236"/>
      <c r="I1168" s="236"/>
    </row>
    <row r="1169" spans="3:9" x14ac:dyDescent="0.2">
      <c r="C1169" s="236"/>
      <c r="D1169" s="236"/>
      <c r="E1169" s="236"/>
      <c r="F1169" s="236"/>
      <c r="G1169" s="236"/>
      <c r="H1169" s="236"/>
      <c r="I1169" s="236"/>
    </row>
    <row r="1170" spans="3:9" x14ac:dyDescent="0.2">
      <c r="C1170" s="236"/>
      <c r="D1170" s="236"/>
      <c r="E1170" s="236"/>
      <c r="F1170" s="236"/>
      <c r="G1170" s="236"/>
      <c r="H1170" s="236"/>
      <c r="I1170" s="236"/>
    </row>
    <row r="1171" spans="3:9" x14ac:dyDescent="0.2">
      <c r="C1171" s="236"/>
      <c r="D1171" s="236"/>
      <c r="E1171" s="236"/>
      <c r="F1171" s="236"/>
      <c r="G1171" s="236"/>
      <c r="H1171" s="236"/>
      <c r="I1171" s="236"/>
    </row>
    <row r="1172" spans="3:9" x14ac:dyDescent="0.2">
      <c r="C1172" s="236"/>
      <c r="D1172" s="236"/>
      <c r="E1172" s="236"/>
      <c r="F1172" s="236"/>
      <c r="G1172" s="236"/>
      <c r="H1172" s="236"/>
      <c r="I1172" s="236"/>
    </row>
    <row r="1173" spans="3:9" x14ac:dyDescent="0.2">
      <c r="C1173" s="236"/>
      <c r="D1173" s="236"/>
      <c r="E1173" s="236"/>
      <c r="F1173" s="236"/>
      <c r="G1173" s="236"/>
      <c r="H1173" s="236"/>
      <c r="I1173" s="236"/>
    </row>
    <row r="1174" spans="3:9" x14ac:dyDescent="0.2">
      <c r="C1174" s="236"/>
      <c r="D1174" s="236"/>
      <c r="E1174" s="236"/>
      <c r="F1174" s="236"/>
      <c r="G1174" s="236"/>
      <c r="H1174" s="236"/>
      <c r="I1174" s="236"/>
    </row>
    <row r="1175" spans="3:9" x14ac:dyDescent="0.2">
      <c r="C1175" s="236"/>
      <c r="D1175" s="236"/>
      <c r="E1175" s="236"/>
      <c r="F1175" s="236"/>
      <c r="G1175" s="236"/>
      <c r="H1175" s="236"/>
      <c r="I1175" s="236"/>
    </row>
    <row r="1176" spans="3:9" x14ac:dyDescent="0.2">
      <c r="C1176" s="236"/>
      <c r="D1176" s="236"/>
      <c r="E1176" s="236"/>
      <c r="F1176" s="236"/>
      <c r="G1176" s="236"/>
      <c r="H1176" s="236"/>
      <c r="I1176" s="236"/>
    </row>
    <row r="1177" spans="3:9" x14ac:dyDescent="0.2">
      <c r="C1177" s="236"/>
      <c r="D1177" s="236"/>
      <c r="E1177" s="236"/>
      <c r="F1177" s="236"/>
      <c r="G1177" s="236"/>
      <c r="H1177" s="236"/>
      <c r="I1177" s="236"/>
    </row>
    <row r="1178" spans="3:9" x14ac:dyDescent="0.2">
      <c r="C1178" s="236"/>
      <c r="D1178" s="236"/>
      <c r="E1178" s="236"/>
      <c r="F1178" s="236"/>
      <c r="G1178" s="236"/>
      <c r="H1178" s="236"/>
      <c r="I1178" s="236"/>
    </row>
    <row r="1179" spans="3:9" x14ac:dyDescent="0.2">
      <c r="C1179" s="236"/>
      <c r="D1179" s="236"/>
      <c r="E1179" s="236"/>
      <c r="F1179" s="236"/>
      <c r="G1179" s="236"/>
      <c r="H1179" s="236"/>
      <c r="I1179" s="236"/>
    </row>
    <row r="1180" spans="3:9" x14ac:dyDescent="0.2">
      <c r="C1180" s="236"/>
      <c r="D1180" s="236"/>
      <c r="E1180" s="236"/>
      <c r="F1180" s="236"/>
      <c r="G1180" s="236"/>
      <c r="H1180" s="236"/>
      <c r="I1180" s="236"/>
    </row>
    <row r="1181" spans="3:9" x14ac:dyDescent="0.2">
      <c r="C1181" s="236"/>
      <c r="D1181" s="236"/>
      <c r="E1181" s="236"/>
      <c r="F1181" s="236"/>
      <c r="G1181" s="236"/>
      <c r="H1181" s="236"/>
      <c r="I1181" s="236"/>
    </row>
    <row r="1182" spans="3:9" x14ac:dyDescent="0.2">
      <c r="C1182" s="236"/>
      <c r="D1182" s="236"/>
      <c r="E1182" s="236"/>
      <c r="F1182" s="236"/>
      <c r="G1182" s="236"/>
      <c r="H1182" s="236"/>
      <c r="I1182" s="236"/>
    </row>
    <row r="1183" spans="3:9" x14ac:dyDescent="0.2">
      <c r="C1183" s="236"/>
      <c r="D1183" s="236"/>
      <c r="E1183" s="236"/>
      <c r="F1183" s="236"/>
      <c r="G1183" s="236"/>
      <c r="H1183" s="236"/>
      <c r="I1183" s="236"/>
    </row>
    <row r="1184" spans="3:9" x14ac:dyDescent="0.2">
      <c r="C1184" s="236"/>
      <c r="D1184" s="236"/>
      <c r="E1184" s="236"/>
      <c r="F1184" s="236"/>
      <c r="G1184" s="236"/>
      <c r="H1184" s="236"/>
      <c r="I1184" s="236"/>
    </row>
    <row r="1185" spans="3:9" x14ac:dyDescent="0.2">
      <c r="C1185" s="236"/>
      <c r="D1185" s="236"/>
      <c r="E1185" s="236"/>
      <c r="F1185" s="236"/>
      <c r="G1185" s="236"/>
      <c r="H1185" s="236"/>
      <c r="I1185" s="236"/>
    </row>
    <row r="1186" spans="3:9" x14ac:dyDescent="0.2">
      <c r="C1186" s="236"/>
      <c r="D1186" s="236"/>
      <c r="E1186" s="236"/>
      <c r="F1186" s="236"/>
      <c r="G1186" s="236"/>
      <c r="H1186" s="236"/>
      <c r="I1186" s="236"/>
    </row>
    <row r="1187" spans="3:9" x14ac:dyDescent="0.2">
      <c r="C1187" s="236"/>
      <c r="D1187" s="236"/>
      <c r="E1187" s="236"/>
      <c r="F1187" s="236"/>
      <c r="G1187" s="236"/>
      <c r="H1187" s="236"/>
      <c r="I1187" s="236"/>
    </row>
    <row r="1188" spans="3:9" x14ac:dyDescent="0.2">
      <c r="C1188" s="236"/>
      <c r="D1188" s="236"/>
      <c r="E1188" s="236"/>
      <c r="F1188" s="236"/>
      <c r="G1188" s="236"/>
      <c r="H1188" s="236"/>
      <c r="I1188" s="236"/>
    </row>
    <row r="1189" spans="3:9" x14ac:dyDescent="0.2">
      <c r="C1189" s="236"/>
      <c r="D1189" s="236"/>
      <c r="E1189" s="236"/>
      <c r="F1189" s="236"/>
      <c r="G1189" s="236"/>
      <c r="H1189" s="236"/>
      <c r="I1189" s="236"/>
    </row>
    <row r="1190" spans="3:9" x14ac:dyDescent="0.2">
      <c r="C1190" s="236"/>
      <c r="D1190" s="236"/>
      <c r="E1190" s="236"/>
      <c r="F1190" s="236"/>
      <c r="G1190" s="236"/>
      <c r="H1190" s="236"/>
      <c r="I1190" s="236"/>
    </row>
    <row r="1191" spans="3:9" x14ac:dyDescent="0.2">
      <c r="C1191" s="236"/>
      <c r="D1191" s="236"/>
      <c r="E1191" s="236"/>
      <c r="F1191" s="236"/>
      <c r="G1191" s="236"/>
      <c r="H1191" s="236"/>
      <c r="I1191" s="236"/>
    </row>
    <row r="1192" spans="3:9" x14ac:dyDescent="0.2">
      <c r="C1192" s="236"/>
      <c r="D1192" s="236"/>
      <c r="E1192" s="236"/>
      <c r="F1192" s="236"/>
      <c r="G1192" s="236"/>
      <c r="H1192" s="236"/>
      <c r="I1192" s="236"/>
    </row>
    <row r="1193" spans="3:9" x14ac:dyDescent="0.2">
      <c r="C1193" s="236"/>
      <c r="D1193" s="236"/>
      <c r="E1193" s="236"/>
      <c r="F1193" s="236"/>
      <c r="G1193" s="236"/>
      <c r="H1193" s="236"/>
      <c r="I1193" s="236"/>
    </row>
    <row r="1194" spans="3:9" x14ac:dyDescent="0.2">
      <c r="C1194" s="236"/>
      <c r="D1194" s="236"/>
      <c r="E1194" s="236"/>
      <c r="F1194" s="236"/>
      <c r="G1194" s="236"/>
      <c r="H1194" s="236"/>
      <c r="I1194" s="236"/>
    </row>
    <row r="1195" spans="3:9" x14ac:dyDescent="0.2">
      <c r="C1195" s="236"/>
      <c r="D1195" s="236"/>
      <c r="E1195" s="236"/>
      <c r="F1195" s="236"/>
      <c r="G1195" s="236"/>
      <c r="H1195" s="236"/>
      <c r="I1195" s="236"/>
    </row>
    <row r="1196" spans="3:9" x14ac:dyDescent="0.2">
      <c r="C1196" s="236"/>
      <c r="D1196" s="236"/>
      <c r="E1196" s="236"/>
      <c r="F1196" s="236"/>
      <c r="G1196" s="236"/>
      <c r="H1196" s="236"/>
      <c r="I1196" s="236"/>
    </row>
    <row r="1197" spans="3:9" x14ac:dyDescent="0.2">
      <c r="C1197" s="236"/>
      <c r="D1197" s="236"/>
      <c r="E1197" s="236"/>
      <c r="F1197" s="236"/>
      <c r="G1197" s="236"/>
      <c r="H1197" s="236"/>
      <c r="I1197" s="236"/>
    </row>
    <row r="1198" spans="3:9" x14ac:dyDescent="0.2">
      <c r="C1198" s="236"/>
      <c r="D1198" s="236"/>
      <c r="E1198" s="236"/>
      <c r="F1198" s="236"/>
      <c r="G1198" s="236"/>
      <c r="H1198" s="236"/>
      <c r="I1198" s="236"/>
    </row>
    <row r="1199" spans="3:9" x14ac:dyDescent="0.2">
      <c r="C1199" s="236"/>
      <c r="D1199" s="236"/>
      <c r="E1199" s="236"/>
      <c r="F1199" s="236"/>
      <c r="G1199" s="236"/>
      <c r="H1199" s="236"/>
      <c r="I1199" s="236"/>
    </row>
    <row r="1200" spans="3:9" x14ac:dyDescent="0.2">
      <c r="C1200" s="236"/>
      <c r="D1200" s="236"/>
      <c r="E1200" s="236"/>
      <c r="F1200" s="236"/>
      <c r="G1200" s="236"/>
      <c r="H1200" s="236"/>
      <c r="I1200" s="236"/>
    </row>
    <row r="1201" spans="3:9" x14ac:dyDescent="0.2">
      <c r="C1201" s="236"/>
      <c r="D1201" s="236"/>
      <c r="E1201" s="236"/>
      <c r="F1201" s="236"/>
      <c r="G1201" s="236"/>
      <c r="H1201" s="236"/>
      <c r="I1201" s="236"/>
    </row>
    <row r="1202" spans="3:9" x14ac:dyDescent="0.2">
      <c r="C1202" s="236"/>
      <c r="D1202" s="236"/>
      <c r="E1202" s="236"/>
      <c r="F1202" s="236"/>
      <c r="G1202" s="236"/>
      <c r="H1202" s="236"/>
      <c r="I1202" s="236"/>
    </row>
    <row r="1203" spans="3:9" x14ac:dyDescent="0.2">
      <c r="C1203" s="236"/>
      <c r="D1203" s="236"/>
      <c r="E1203" s="236"/>
      <c r="F1203" s="236"/>
      <c r="G1203" s="236"/>
      <c r="H1203" s="236"/>
      <c r="I1203" s="236"/>
    </row>
    <row r="1204" spans="3:9" x14ac:dyDescent="0.2">
      <c r="C1204" s="236"/>
      <c r="D1204" s="236"/>
      <c r="E1204" s="236"/>
      <c r="F1204" s="236"/>
      <c r="G1204" s="236"/>
      <c r="H1204" s="236"/>
      <c r="I1204" s="236"/>
    </row>
    <row r="1205" spans="3:9" x14ac:dyDescent="0.2">
      <c r="C1205" s="236"/>
      <c r="D1205" s="236"/>
      <c r="E1205" s="236"/>
      <c r="F1205" s="236"/>
      <c r="G1205" s="236"/>
      <c r="H1205" s="236"/>
      <c r="I1205" s="236"/>
    </row>
    <row r="1206" spans="3:9" x14ac:dyDescent="0.2">
      <c r="C1206" s="236"/>
      <c r="D1206" s="236"/>
      <c r="E1206" s="236"/>
      <c r="F1206" s="236"/>
      <c r="G1206" s="236"/>
      <c r="H1206" s="236"/>
      <c r="I1206" s="236"/>
    </row>
    <row r="1207" spans="3:9" x14ac:dyDescent="0.2">
      <c r="C1207" s="236"/>
      <c r="D1207" s="236"/>
      <c r="E1207" s="236"/>
      <c r="F1207" s="236"/>
      <c r="G1207" s="236"/>
      <c r="H1207" s="236"/>
      <c r="I1207" s="236"/>
    </row>
    <row r="1208" spans="3:9" x14ac:dyDescent="0.2">
      <c r="C1208" s="236"/>
      <c r="D1208" s="236"/>
      <c r="E1208" s="236"/>
      <c r="F1208" s="236"/>
      <c r="G1208" s="236"/>
      <c r="H1208" s="236"/>
      <c r="I1208" s="236"/>
    </row>
    <row r="1209" spans="3:9" x14ac:dyDescent="0.2">
      <c r="C1209" s="236"/>
      <c r="D1209" s="236"/>
      <c r="E1209" s="236"/>
      <c r="F1209" s="236"/>
      <c r="G1209" s="236"/>
      <c r="H1209" s="236"/>
      <c r="I1209" s="236"/>
    </row>
    <row r="1210" spans="3:9" x14ac:dyDescent="0.2">
      <c r="C1210" s="236"/>
      <c r="D1210" s="236"/>
      <c r="E1210" s="236"/>
      <c r="F1210" s="236"/>
      <c r="G1210" s="236"/>
      <c r="H1210" s="236"/>
      <c r="I1210" s="236"/>
    </row>
    <row r="1211" spans="3:9" x14ac:dyDescent="0.2">
      <c r="C1211" s="236"/>
      <c r="D1211" s="236"/>
      <c r="E1211" s="236"/>
      <c r="F1211" s="236"/>
      <c r="G1211" s="236"/>
      <c r="H1211" s="236"/>
      <c r="I1211" s="236"/>
    </row>
    <row r="1212" spans="3:9" x14ac:dyDescent="0.2">
      <c r="C1212" s="236"/>
      <c r="D1212" s="236"/>
      <c r="E1212" s="236"/>
      <c r="F1212" s="236"/>
      <c r="G1212" s="236"/>
      <c r="H1212" s="236"/>
      <c r="I1212" s="236"/>
    </row>
    <row r="1213" spans="3:9" x14ac:dyDescent="0.2">
      <c r="C1213" s="236"/>
      <c r="D1213" s="236"/>
      <c r="E1213" s="236"/>
      <c r="F1213" s="236"/>
      <c r="G1213" s="236"/>
      <c r="H1213" s="236"/>
      <c r="I1213" s="236"/>
    </row>
    <row r="1214" spans="3:9" x14ac:dyDescent="0.2">
      <c r="C1214" s="236"/>
      <c r="D1214" s="236"/>
      <c r="E1214" s="236"/>
      <c r="F1214" s="236"/>
      <c r="G1214" s="236"/>
      <c r="H1214" s="236"/>
      <c r="I1214" s="236"/>
    </row>
    <row r="1215" spans="3:9" x14ac:dyDescent="0.2">
      <c r="C1215" s="236"/>
      <c r="D1215" s="236"/>
      <c r="E1215" s="236"/>
      <c r="F1215" s="236"/>
      <c r="G1215" s="236"/>
      <c r="H1215" s="236"/>
      <c r="I1215" s="236"/>
    </row>
    <row r="1216" spans="3:9" x14ac:dyDescent="0.2">
      <c r="C1216" s="236"/>
      <c r="D1216" s="236"/>
      <c r="E1216" s="236"/>
      <c r="F1216" s="236"/>
      <c r="G1216" s="236"/>
      <c r="H1216" s="236"/>
      <c r="I1216" s="236"/>
    </row>
    <row r="1217" spans="3:9" x14ac:dyDescent="0.2">
      <c r="C1217" s="236"/>
      <c r="D1217" s="236"/>
      <c r="E1217" s="236"/>
      <c r="F1217" s="236"/>
      <c r="G1217" s="236"/>
      <c r="H1217" s="236"/>
      <c r="I1217" s="236"/>
    </row>
    <row r="1218" spans="3:9" x14ac:dyDescent="0.2">
      <c r="C1218" s="236"/>
      <c r="D1218" s="236"/>
      <c r="E1218" s="236"/>
      <c r="F1218" s="236"/>
      <c r="G1218" s="236"/>
      <c r="H1218" s="236"/>
      <c r="I1218" s="236"/>
    </row>
    <row r="1219" spans="3:9" x14ac:dyDescent="0.2">
      <c r="C1219" s="236"/>
      <c r="D1219" s="236"/>
      <c r="E1219" s="236"/>
      <c r="F1219" s="236"/>
      <c r="G1219" s="236"/>
      <c r="H1219" s="236"/>
      <c r="I1219" s="236"/>
    </row>
    <row r="1220" spans="3:9" x14ac:dyDescent="0.2">
      <c r="C1220" s="236"/>
      <c r="D1220" s="236"/>
      <c r="E1220" s="236"/>
      <c r="F1220" s="236"/>
      <c r="G1220" s="236"/>
      <c r="H1220" s="236"/>
      <c r="I1220" s="236"/>
    </row>
    <row r="1221" spans="3:9" x14ac:dyDescent="0.2">
      <c r="C1221" s="236"/>
      <c r="D1221" s="236"/>
      <c r="E1221" s="236"/>
      <c r="F1221" s="236"/>
      <c r="G1221" s="236"/>
      <c r="H1221" s="236"/>
      <c r="I1221" s="236"/>
    </row>
    <row r="1222" spans="3:9" x14ac:dyDescent="0.2">
      <c r="C1222" s="236"/>
      <c r="D1222" s="236"/>
      <c r="E1222" s="236"/>
      <c r="F1222" s="236"/>
      <c r="G1222" s="236"/>
      <c r="H1222" s="236"/>
      <c r="I1222" s="236"/>
    </row>
    <row r="1223" spans="3:9" x14ac:dyDescent="0.2">
      <c r="C1223" s="236"/>
      <c r="D1223" s="236"/>
      <c r="E1223" s="236"/>
      <c r="F1223" s="236"/>
      <c r="G1223" s="236"/>
      <c r="H1223" s="236"/>
      <c r="I1223" s="236"/>
    </row>
    <row r="1224" spans="3:9" x14ac:dyDescent="0.2">
      <c r="C1224" s="236"/>
      <c r="D1224" s="236"/>
      <c r="E1224" s="236"/>
      <c r="F1224" s="236"/>
      <c r="G1224" s="236"/>
      <c r="H1224" s="236"/>
      <c r="I1224" s="236"/>
    </row>
    <row r="1225" spans="3:9" x14ac:dyDescent="0.2">
      <c r="C1225" s="236"/>
      <c r="D1225" s="236"/>
      <c r="E1225" s="236"/>
      <c r="F1225" s="236"/>
      <c r="G1225" s="236"/>
      <c r="H1225" s="236"/>
      <c r="I1225" s="236"/>
    </row>
    <row r="1226" spans="3:9" x14ac:dyDescent="0.2">
      <c r="C1226" s="236"/>
      <c r="D1226" s="236"/>
      <c r="E1226" s="236"/>
      <c r="F1226" s="236"/>
      <c r="G1226" s="236"/>
      <c r="H1226" s="236"/>
      <c r="I1226" s="236"/>
    </row>
    <row r="1227" spans="3:9" x14ac:dyDescent="0.2">
      <c r="C1227" s="236"/>
      <c r="D1227" s="236"/>
      <c r="E1227" s="236"/>
      <c r="F1227" s="236"/>
      <c r="G1227" s="236"/>
      <c r="H1227" s="236"/>
      <c r="I1227" s="236"/>
    </row>
    <row r="1228" spans="3:9" x14ac:dyDescent="0.2">
      <c r="C1228" s="236"/>
      <c r="D1228" s="236"/>
      <c r="E1228" s="236"/>
      <c r="F1228" s="236"/>
      <c r="G1228" s="236"/>
      <c r="H1228" s="236"/>
      <c r="I1228" s="236"/>
    </row>
    <row r="1229" spans="3:9" x14ac:dyDescent="0.2">
      <c r="C1229" s="236"/>
      <c r="D1229" s="236"/>
      <c r="E1229" s="236"/>
      <c r="F1229" s="236"/>
      <c r="G1229" s="236"/>
      <c r="H1229" s="236"/>
      <c r="I1229" s="236"/>
    </row>
    <row r="1230" spans="3:9" x14ac:dyDescent="0.2">
      <c r="C1230" s="236"/>
      <c r="D1230" s="236"/>
      <c r="E1230" s="236"/>
      <c r="F1230" s="236"/>
      <c r="G1230" s="236"/>
      <c r="H1230" s="236"/>
      <c r="I1230" s="236"/>
    </row>
    <row r="1231" spans="3:9" x14ac:dyDescent="0.2">
      <c r="C1231" s="236"/>
      <c r="D1231" s="236"/>
      <c r="E1231" s="236"/>
      <c r="F1231" s="236"/>
      <c r="G1231" s="236"/>
      <c r="H1231" s="236"/>
      <c r="I1231" s="236"/>
    </row>
    <row r="1232" spans="3:9" x14ac:dyDescent="0.2">
      <c r="C1232" s="236"/>
      <c r="D1232" s="236"/>
      <c r="E1232" s="236"/>
      <c r="F1232" s="236"/>
      <c r="G1232" s="236"/>
      <c r="H1232" s="236"/>
      <c r="I1232" s="236"/>
    </row>
    <row r="1233" spans="3:9" x14ac:dyDescent="0.2">
      <c r="C1233" s="236"/>
      <c r="D1233" s="236"/>
      <c r="E1233" s="236"/>
      <c r="F1233" s="236"/>
      <c r="G1233" s="236"/>
      <c r="H1233" s="236"/>
      <c r="I1233" s="236"/>
    </row>
    <row r="1234" spans="3:9" x14ac:dyDescent="0.2">
      <c r="C1234" s="236"/>
      <c r="D1234" s="236"/>
      <c r="E1234" s="236"/>
      <c r="F1234" s="236"/>
      <c r="G1234" s="236"/>
      <c r="H1234" s="236"/>
      <c r="I1234" s="236"/>
    </row>
    <row r="1235" spans="3:9" x14ac:dyDescent="0.2">
      <c r="C1235" s="236"/>
      <c r="D1235" s="236"/>
      <c r="E1235" s="236"/>
      <c r="F1235" s="236"/>
      <c r="G1235" s="236"/>
      <c r="H1235" s="236"/>
      <c r="I1235" s="236"/>
    </row>
    <row r="1236" spans="3:9" x14ac:dyDescent="0.2">
      <c r="C1236" s="236"/>
      <c r="D1236" s="236"/>
      <c r="E1236" s="236"/>
      <c r="F1236" s="236"/>
      <c r="G1236" s="236"/>
      <c r="H1236" s="236"/>
      <c r="I1236" s="236"/>
    </row>
    <row r="1237" spans="3:9" x14ac:dyDescent="0.2">
      <c r="C1237" s="236"/>
      <c r="D1237" s="236"/>
      <c r="E1237" s="236"/>
      <c r="F1237" s="236"/>
      <c r="G1237" s="236"/>
      <c r="H1237" s="236"/>
      <c r="I1237" s="236"/>
    </row>
    <row r="1238" spans="3:9" x14ac:dyDescent="0.2">
      <c r="C1238" s="236"/>
      <c r="D1238" s="236"/>
      <c r="E1238" s="236"/>
      <c r="F1238" s="236"/>
      <c r="G1238" s="236"/>
      <c r="H1238" s="236"/>
      <c r="I1238" s="236"/>
    </row>
    <row r="1239" spans="3:9" x14ac:dyDescent="0.2">
      <c r="C1239" s="236"/>
      <c r="D1239" s="236"/>
      <c r="E1239" s="236"/>
      <c r="F1239" s="236"/>
      <c r="G1239" s="236"/>
      <c r="H1239" s="236"/>
      <c r="I1239" s="236"/>
    </row>
    <row r="1240" spans="3:9" x14ac:dyDescent="0.2">
      <c r="C1240" s="236"/>
      <c r="D1240" s="236"/>
      <c r="E1240" s="236"/>
      <c r="F1240" s="236"/>
      <c r="G1240" s="236"/>
      <c r="H1240" s="236"/>
      <c r="I1240" s="236"/>
    </row>
    <row r="1241" spans="3:9" x14ac:dyDescent="0.2">
      <c r="C1241" s="236"/>
      <c r="D1241" s="236"/>
      <c r="E1241" s="236"/>
      <c r="F1241" s="236"/>
      <c r="G1241" s="236"/>
      <c r="H1241" s="236"/>
      <c r="I1241" s="236"/>
    </row>
    <row r="1242" spans="3:9" x14ac:dyDescent="0.2">
      <c r="C1242" s="236"/>
      <c r="D1242" s="236"/>
      <c r="E1242" s="236"/>
      <c r="F1242" s="236"/>
      <c r="G1242" s="236"/>
      <c r="H1242" s="236"/>
      <c r="I1242" s="236"/>
    </row>
    <row r="1243" spans="3:9" x14ac:dyDescent="0.2">
      <c r="C1243" s="236"/>
      <c r="D1243" s="236"/>
      <c r="E1243" s="236"/>
      <c r="F1243" s="236"/>
      <c r="G1243" s="236"/>
      <c r="H1243" s="236"/>
      <c r="I1243" s="236"/>
    </row>
    <row r="1244" spans="3:9" x14ac:dyDescent="0.2">
      <c r="C1244" s="236"/>
      <c r="D1244" s="236"/>
      <c r="E1244" s="236"/>
      <c r="F1244" s="236"/>
      <c r="G1244" s="236"/>
      <c r="H1244" s="236"/>
      <c r="I1244" s="236"/>
    </row>
    <row r="1245" spans="3:9" x14ac:dyDescent="0.2">
      <c r="C1245" s="236"/>
      <c r="D1245" s="236"/>
      <c r="E1245" s="236"/>
      <c r="F1245" s="236"/>
      <c r="G1245" s="236"/>
      <c r="H1245" s="236"/>
      <c r="I1245" s="236"/>
    </row>
    <row r="1246" spans="3:9" x14ac:dyDescent="0.2">
      <c r="C1246" s="236"/>
      <c r="D1246" s="236"/>
      <c r="E1246" s="236"/>
      <c r="F1246" s="236"/>
      <c r="G1246" s="236"/>
      <c r="H1246" s="236"/>
      <c r="I1246" s="236"/>
    </row>
    <row r="1247" spans="3:9" x14ac:dyDescent="0.2">
      <c r="C1247" s="236"/>
      <c r="D1247" s="236"/>
      <c r="E1247" s="236"/>
      <c r="F1247" s="236"/>
      <c r="G1247" s="236"/>
      <c r="H1247" s="236"/>
      <c r="I1247" s="236"/>
    </row>
    <row r="1248" spans="3:9" x14ac:dyDescent="0.2">
      <c r="C1248" s="236"/>
      <c r="D1248" s="236"/>
      <c r="E1248" s="236"/>
      <c r="F1248" s="236"/>
      <c r="G1248" s="236"/>
      <c r="H1248" s="236"/>
      <c r="I1248" s="236"/>
    </row>
    <row r="1249" spans="3:9" x14ac:dyDescent="0.2">
      <c r="C1249" s="236"/>
      <c r="D1249" s="236"/>
      <c r="E1249" s="236"/>
      <c r="F1249" s="236"/>
      <c r="G1249" s="236"/>
      <c r="H1249" s="236"/>
      <c r="I1249" s="236"/>
    </row>
    <row r="1250" spans="3:9" x14ac:dyDescent="0.2">
      <c r="C1250" s="236"/>
      <c r="D1250" s="236"/>
      <c r="E1250" s="236"/>
      <c r="F1250" s="236"/>
      <c r="G1250" s="236"/>
      <c r="H1250" s="236"/>
      <c r="I1250" s="236"/>
    </row>
    <row r="1251" spans="3:9" x14ac:dyDescent="0.2">
      <c r="C1251" s="236"/>
      <c r="D1251" s="236"/>
      <c r="E1251" s="236"/>
      <c r="F1251" s="236"/>
      <c r="G1251" s="236"/>
      <c r="H1251" s="236"/>
      <c r="I1251" s="236"/>
    </row>
    <row r="1252" spans="3:9" x14ac:dyDescent="0.2">
      <c r="C1252" s="236"/>
      <c r="D1252" s="236"/>
      <c r="E1252" s="236"/>
      <c r="F1252" s="236"/>
      <c r="G1252" s="236"/>
      <c r="H1252" s="236"/>
      <c r="I1252" s="236"/>
    </row>
    <row r="1253" spans="3:9" x14ac:dyDescent="0.2">
      <c r="C1253" s="236"/>
      <c r="D1253" s="236"/>
      <c r="E1253" s="236"/>
      <c r="F1253" s="236"/>
      <c r="G1253" s="236"/>
      <c r="H1253" s="236"/>
      <c r="I1253" s="236"/>
    </row>
    <row r="1254" spans="3:9" x14ac:dyDescent="0.2">
      <c r="C1254" s="236"/>
      <c r="D1254" s="236"/>
      <c r="E1254" s="236"/>
      <c r="F1254" s="236"/>
      <c r="G1254" s="236"/>
      <c r="H1254" s="236"/>
      <c r="I1254" s="236"/>
    </row>
    <row r="1255" spans="3:9" x14ac:dyDescent="0.2">
      <c r="C1255" s="236"/>
      <c r="D1255" s="236"/>
      <c r="E1255" s="236"/>
      <c r="F1255" s="236"/>
      <c r="G1255" s="236"/>
      <c r="H1255" s="236"/>
      <c r="I1255" s="236"/>
    </row>
    <row r="1256" spans="3:9" x14ac:dyDescent="0.2">
      <c r="C1256" s="236"/>
      <c r="D1256" s="236"/>
      <c r="E1256" s="236"/>
      <c r="F1256" s="236"/>
      <c r="G1256" s="236"/>
      <c r="H1256" s="236"/>
      <c r="I1256" s="236"/>
    </row>
    <row r="1257" spans="3:9" x14ac:dyDescent="0.2">
      <c r="C1257" s="236"/>
      <c r="D1257" s="236"/>
      <c r="E1257" s="236"/>
      <c r="F1257" s="236"/>
      <c r="G1257" s="236"/>
      <c r="H1257" s="236"/>
      <c r="I1257" s="236"/>
    </row>
    <row r="1258" spans="3:9" x14ac:dyDescent="0.2">
      <c r="C1258" s="236"/>
      <c r="D1258" s="236"/>
      <c r="E1258" s="236"/>
      <c r="F1258" s="236"/>
      <c r="G1258" s="236"/>
      <c r="H1258" s="236"/>
      <c r="I1258" s="236"/>
    </row>
    <row r="1259" spans="3:9" x14ac:dyDescent="0.2">
      <c r="C1259" s="236"/>
      <c r="D1259" s="236"/>
      <c r="E1259" s="236"/>
      <c r="F1259" s="236"/>
      <c r="G1259" s="236"/>
      <c r="H1259" s="236"/>
      <c r="I1259" s="236"/>
    </row>
    <row r="1260" spans="3:9" x14ac:dyDescent="0.2">
      <c r="C1260" s="236"/>
      <c r="D1260" s="236"/>
      <c r="E1260" s="236"/>
      <c r="F1260" s="236"/>
      <c r="G1260" s="236"/>
      <c r="H1260" s="236"/>
      <c r="I1260" s="236"/>
    </row>
    <row r="1261" spans="3:9" x14ac:dyDescent="0.2">
      <c r="C1261" s="236"/>
      <c r="D1261" s="236"/>
      <c r="E1261" s="236"/>
      <c r="F1261" s="236"/>
      <c r="G1261" s="236"/>
      <c r="H1261" s="236"/>
      <c r="I1261" s="236"/>
    </row>
    <row r="1262" spans="3:9" x14ac:dyDescent="0.2">
      <c r="C1262" s="236"/>
      <c r="D1262" s="236"/>
      <c r="E1262" s="236"/>
      <c r="F1262" s="236"/>
      <c r="G1262" s="236"/>
      <c r="H1262" s="236"/>
      <c r="I1262" s="236"/>
    </row>
    <row r="1263" spans="3:9" x14ac:dyDescent="0.2">
      <c r="C1263" s="236"/>
      <c r="D1263" s="236"/>
      <c r="E1263" s="236"/>
      <c r="F1263" s="236"/>
      <c r="G1263" s="236"/>
      <c r="H1263" s="236"/>
      <c r="I1263" s="236"/>
    </row>
    <row r="1264" spans="3:9" x14ac:dyDescent="0.2">
      <c r="C1264" s="236"/>
      <c r="D1264" s="236"/>
      <c r="E1264" s="236"/>
      <c r="F1264" s="236"/>
      <c r="G1264" s="236"/>
      <c r="H1264" s="236"/>
      <c r="I1264" s="236"/>
    </row>
    <row r="1265" spans="3:9" x14ac:dyDescent="0.2">
      <c r="C1265" s="236"/>
      <c r="D1265" s="236"/>
      <c r="E1265" s="236"/>
      <c r="F1265" s="236"/>
      <c r="G1265" s="236"/>
      <c r="H1265" s="236"/>
      <c r="I1265" s="236"/>
    </row>
    <row r="1266" spans="3:9" x14ac:dyDescent="0.2">
      <c r="C1266" s="236"/>
      <c r="D1266" s="236"/>
      <c r="E1266" s="236"/>
      <c r="F1266" s="236"/>
      <c r="G1266" s="236"/>
      <c r="H1266" s="236"/>
      <c r="I1266" s="236"/>
    </row>
    <row r="1267" spans="3:9" x14ac:dyDescent="0.2">
      <c r="C1267" s="236"/>
      <c r="D1267" s="236"/>
      <c r="E1267" s="236"/>
      <c r="F1267" s="236"/>
      <c r="G1267" s="236"/>
      <c r="H1267" s="236"/>
      <c r="I1267" s="236"/>
    </row>
    <row r="1268" spans="3:9" x14ac:dyDescent="0.2">
      <c r="C1268" s="236"/>
      <c r="D1268" s="236"/>
      <c r="E1268" s="236"/>
      <c r="F1268" s="236"/>
      <c r="G1268" s="236"/>
      <c r="H1268" s="236"/>
      <c r="I1268" s="236"/>
    </row>
    <row r="1269" spans="3:9" x14ac:dyDescent="0.2">
      <c r="C1269" s="236"/>
      <c r="D1269" s="236"/>
      <c r="E1269" s="236"/>
      <c r="F1269" s="236"/>
      <c r="G1269" s="236"/>
      <c r="H1269" s="236"/>
      <c r="I1269" s="236"/>
    </row>
    <row r="1270" spans="3:9" x14ac:dyDescent="0.2">
      <c r="C1270" s="236"/>
      <c r="D1270" s="236"/>
      <c r="E1270" s="236"/>
      <c r="F1270" s="236"/>
      <c r="G1270" s="236"/>
      <c r="H1270" s="236"/>
      <c r="I1270" s="236"/>
    </row>
    <row r="1271" spans="3:9" x14ac:dyDescent="0.2">
      <c r="C1271" s="236"/>
      <c r="D1271" s="236"/>
      <c r="E1271" s="236"/>
      <c r="F1271" s="236"/>
      <c r="G1271" s="236"/>
      <c r="H1271" s="236"/>
      <c r="I1271" s="236"/>
    </row>
    <row r="1272" spans="3:9" x14ac:dyDescent="0.2">
      <c r="C1272" s="236"/>
      <c r="D1272" s="236"/>
      <c r="E1272" s="236"/>
      <c r="F1272" s="236"/>
      <c r="G1272" s="236"/>
      <c r="H1272" s="236"/>
      <c r="I1272" s="236"/>
    </row>
    <row r="1273" spans="3:9" x14ac:dyDescent="0.2">
      <c r="C1273" s="236"/>
      <c r="D1273" s="236"/>
      <c r="E1273" s="236"/>
      <c r="F1273" s="236"/>
      <c r="G1273" s="236"/>
      <c r="H1273" s="236"/>
      <c r="I1273" s="236"/>
    </row>
    <row r="1274" spans="3:9" x14ac:dyDescent="0.2">
      <c r="C1274" s="236"/>
      <c r="D1274" s="236"/>
      <c r="E1274" s="236"/>
      <c r="F1274" s="236"/>
      <c r="G1274" s="236"/>
      <c r="H1274" s="236"/>
      <c r="I1274" s="236"/>
    </row>
    <row r="1275" spans="3:9" x14ac:dyDescent="0.2">
      <c r="C1275" s="236"/>
      <c r="D1275" s="236"/>
      <c r="E1275" s="236"/>
      <c r="F1275" s="236"/>
      <c r="G1275" s="236"/>
      <c r="H1275" s="236"/>
      <c r="I1275" s="236"/>
    </row>
    <row r="1276" spans="3:9" x14ac:dyDescent="0.2">
      <c r="C1276" s="236"/>
      <c r="D1276" s="236"/>
      <c r="E1276" s="236"/>
      <c r="F1276" s="236"/>
      <c r="G1276" s="236"/>
      <c r="H1276" s="236"/>
      <c r="I1276" s="236"/>
    </row>
    <row r="1277" spans="3:9" x14ac:dyDescent="0.2">
      <c r="C1277" s="236"/>
      <c r="D1277" s="236"/>
      <c r="E1277" s="236"/>
      <c r="F1277" s="236"/>
      <c r="G1277" s="236"/>
      <c r="H1277" s="236"/>
      <c r="I1277" s="236"/>
    </row>
    <row r="1278" spans="3:9" x14ac:dyDescent="0.2">
      <c r="C1278" s="236"/>
      <c r="D1278" s="236"/>
      <c r="E1278" s="236"/>
      <c r="F1278" s="236"/>
      <c r="G1278" s="236"/>
      <c r="H1278" s="236"/>
      <c r="I1278" s="236"/>
    </row>
    <row r="1279" spans="3:9" x14ac:dyDescent="0.2">
      <c r="C1279" s="236"/>
      <c r="D1279" s="236"/>
      <c r="E1279" s="236"/>
      <c r="F1279" s="236"/>
      <c r="G1279" s="236"/>
      <c r="H1279" s="236"/>
      <c r="I1279" s="236"/>
    </row>
    <row r="1280" spans="3:9" x14ac:dyDescent="0.2">
      <c r="C1280" s="236"/>
      <c r="D1280" s="236"/>
      <c r="E1280" s="236"/>
      <c r="F1280" s="236"/>
      <c r="G1280" s="236"/>
      <c r="H1280" s="236"/>
      <c r="I1280" s="236"/>
    </row>
    <row r="1281" spans="3:9" x14ac:dyDescent="0.2">
      <c r="C1281" s="236"/>
      <c r="D1281" s="236"/>
      <c r="E1281" s="236"/>
      <c r="F1281" s="236"/>
      <c r="G1281" s="236"/>
      <c r="H1281" s="236"/>
      <c r="I1281" s="236"/>
    </row>
    <row r="1282" spans="3:9" x14ac:dyDescent="0.2">
      <c r="C1282" s="236"/>
      <c r="D1282" s="236"/>
      <c r="E1282" s="236"/>
      <c r="F1282" s="236"/>
      <c r="G1282" s="236"/>
      <c r="H1282" s="236"/>
      <c r="I1282" s="236"/>
    </row>
    <row r="1283" spans="3:9" x14ac:dyDescent="0.2">
      <c r="C1283" s="236"/>
      <c r="D1283" s="236"/>
      <c r="E1283" s="236"/>
      <c r="F1283" s="236"/>
      <c r="G1283" s="236"/>
      <c r="H1283" s="236"/>
      <c r="I1283" s="236"/>
    </row>
    <row r="1284" spans="3:9" x14ac:dyDescent="0.2">
      <c r="C1284" s="236"/>
      <c r="D1284" s="236"/>
      <c r="E1284" s="236"/>
      <c r="F1284" s="236"/>
      <c r="G1284" s="236"/>
      <c r="H1284" s="236"/>
      <c r="I1284" s="236"/>
    </row>
    <row r="1285" spans="3:9" x14ac:dyDescent="0.2">
      <c r="C1285" s="236"/>
      <c r="D1285" s="236"/>
      <c r="E1285" s="236"/>
      <c r="F1285" s="236"/>
      <c r="G1285" s="236"/>
      <c r="H1285" s="236"/>
      <c r="I1285" s="236"/>
    </row>
    <row r="1286" spans="3:9" x14ac:dyDescent="0.2">
      <c r="C1286" s="236"/>
      <c r="D1286" s="236"/>
      <c r="E1286" s="236"/>
      <c r="F1286" s="236"/>
      <c r="G1286" s="236"/>
      <c r="H1286" s="236"/>
      <c r="I1286" s="236"/>
    </row>
    <row r="1287" spans="3:9" x14ac:dyDescent="0.2">
      <c r="C1287" s="236"/>
      <c r="D1287" s="236"/>
      <c r="E1287" s="236"/>
      <c r="F1287" s="236"/>
      <c r="G1287" s="236"/>
      <c r="H1287" s="236"/>
      <c r="I1287" s="236"/>
    </row>
    <row r="1288" spans="3:9" x14ac:dyDescent="0.2">
      <c r="C1288" s="236"/>
      <c r="D1288" s="236"/>
      <c r="E1288" s="236"/>
      <c r="F1288" s="236"/>
      <c r="G1288" s="236"/>
      <c r="H1288" s="236"/>
      <c r="I1288" s="236"/>
    </row>
    <row r="1289" spans="3:9" x14ac:dyDescent="0.2">
      <c r="C1289" s="236"/>
      <c r="D1289" s="236"/>
      <c r="E1289" s="236"/>
      <c r="F1289" s="236"/>
      <c r="G1289" s="236"/>
      <c r="H1289" s="236"/>
      <c r="I1289" s="236"/>
    </row>
    <row r="1290" spans="3:9" x14ac:dyDescent="0.2">
      <c r="C1290" s="236"/>
      <c r="D1290" s="236"/>
      <c r="E1290" s="236"/>
      <c r="F1290" s="236"/>
      <c r="G1290" s="236"/>
      <c r="H1290" s="236"/>
      <c r="I1290" s="236"/>
    </row>
    <row r="1291" spans="3:9" x14ac:dyDescent="0.2">
      <c r="C1291" s="236"/>
      <c r="D1291" s="236"/>
      <c r="E1291" s="236"/>
      <c r="F1291" s="236"/>
      <c r="G1291" s="236"/>
      <c r="H1291" s="236"/>
      <c r="I1291" s="236"/>
    </row>
    <row r="1292" spans="3:9" x14ac:dyDescent="0.2">
      <c r="C1292" s="236"/>
      <c r="D1292" s="236"/>
      <c r="E1292" s="236"/>
      <c r="F1292" s="236"/>
      <c r="G1292" s="236"/>
      <c r="H1292" s="236"/>
      <c r="I1292" s="236"/>
    </row>
    <row r="1293" spans="3:9" x14ac:dyDescent="0.2">
      <c r="C1293" s="236"/>
      <c r="D1293" s="236"/>
      <c r="E1293" s="236"/>
      <c r="F1293" s="236"/>
      <c r="G1293" s="236"/>
      <c r="H1293" s="236"/>
      <c r="I1293" s="236"/>
    </row>
    <row r="1294" spans="3:9" x14ac:dyDescent="0.2">
      <c r="C1294" s="236"/>
      <c r="D1294" s="236"/>
      <c r="E1294" s="236"/>
      <c r="F1294" s="236"/>
      <c r="G1294" s="236"/>
      <c r="H1294" s="236"/>
      <c r="I1294" s="236"/>
    </row>
    <row r="1295" spans="3:9" x14ac:dyDescent="0.2">
      <c r="C1295" s="236"/>
      <c r="D1295" s="236"/>
      <c r="E1295" s="236"/>
      <c r="F1295" s="236"/>
      <c r="G1295" s="236"/>
      <c r="H1295" s="236"/>
      <c r="I1295" s="236"/>
    </row>
    <row r="1296" spans="3:9" x14ac:dyDescent="0.2">
      <c r="C1296" s="236"/>
      <c r="D1296" s="236"/>
      <c r="E1296" s="236"/>
      <c r="F1296" s="236"/>
      <c r="G1296" s="236"/>
      <c r="H1296" s="236"/>
      <c r="I1296" s="236"/>
    </row>
    <row r="1297" spans="3:9" x14ac:dyDescent="0.2">
      <c r="C1297" s="236"/>
      <c r="D1297" s="236"/>
      <c r="E1297" s="236"/>
      <c r="F1297" s="236"/>
      <c r="G1297" s="236"/>
      <c r="H1297" s="236"/>
      <c r="I1297" s="236"/>
    </row>
    <row r="1298" spans="3:9" x14ac:dyDescent="0.2">
      <c r="C1298" s="236"/>
      <c r="D1298" s="236"/>
      <c r="E1298" s="236"/>
      <c r="F1298" s="236"/>
      <c r="G1298" s="236"/>
      <c r="H1298" s="236"/>
      <c r="I1298" s="236"/>
    </row>
    <row r="1299" spans="3:9" x14ac:dyDescent="0.2">
      <c r="C1299" s="236"/>
      <c r="D1299" s="236"/>
      <c r="E1299" s="236"/>
      <c r="F1299" s="236"/>
      <c r="G1299" s="236"/>
      <c r="H1299" s="236"/>
      <c r="I1299" s="236"/>
    </row>
    <row r="1300" spans="3:9" x14ac:dyDescent="0.2">
      <c r="C1300" s="236"/>
      <c r="D1300" s="236"/>
      <c r="E1300" s="236"/>
      <c r="F1300" s="236"/>
      <c r="G1300" s="236"/>
      <c r="H1300" s="236"/>
      <c r="I1300" s="236"/>
    </row>
    <row r="1301" spans="3:9" x14ac:dyDescent="0.2">
      <c r="C1301" s="236"/>
      <c r="D1301" s="236"/>
      <c r="E1301" s="236"/>
      <c r="F1301" s="236"/>
      <c r="G1301" s="236"/>
      <c r="H1301" s="236"/>
      <c r="I1301" s="236"/>
    </row>
    <row r="1302" spans="3:9" x14ac:dyDescent="0.2">
      <c r="C1302" s="236"/>
      <c r="D1302" s="236"/>
      <c r="E1302" s="236"/>
      <c r="F1302" s="236"/>
      <c r="G1302" s="236"/>
      <c r="H1302" s="236"/>
      <c r="I1302" s="236"/>
    </row>
    <row r="1303" spans="3:9" x14ac:dyDescent="0.2">
      <c r="C1303" s="236"/>
      <c r="D1303" s="236"/>
      <c r="E1303" s="236"/>
      <c r="F1303" s="236"/>
      <c r="G1303" s="236"/>
      <c r="H1303" s="236"/>
      <c r="I1303" s="236"/>
    </row>
    <row r="1304" spans="3:9" x14ac:dyDescent="0.2">
      <c r="C1304" s="236"/>
      <c r="D1304" s="236"/>
      <c r="E1304" s="236"/>
      <c r="F1304" s="236"/>
      <c r="G1304" s="236"/>
      <c r="H1304" s="236"/>
      <c r="I1304" s="236"/>
    </row>
    <row r="1305" spans="3:9" x14ac:dyDescent="0.2">
      <c r="C1305" s="236"/>
      <c r="D1305" s="236"/>
      <c r="E1305" s="236"/>
      <c r="F1305" s="236"/>
      <c r="G1305" s="236"/>
      <c r="H1305" s="236"/>
      <c r="I1305" s="236"/>
    </row>
    <row r="1306" spans="3:9" x14ac:dyDescent="0.2">
      <c r="C1306" s="236"/>
      <c r="D1306" s="236"/>
      <c r="E1306" s="236"/>
      <c r="F1306" s="236"/>
      <c r="G1306" s="236"/>
      <c r="H1306" s="236"/>
      <c r="I1306" s="236"/>
    </row>
    <row r="1307" spans="3:9" x14ac:dyDescent="0.2">
      <c r="C1307" s="236"/>
      <c r="D1307" s="236"/>
      <c r="E1307" s="236"/>
      <c r="F1307" s="236"/>
      <c r="G1307" s="236"/>
      <c r="H1307" s="236"/>
      <c r="I1307" s="236"/>
    </row>
    <row r="1308" spans="3:9" x14ac:dyDescent="0.2">
      <c r="C1308" s="236"/>
      <c r="D1308" s="236"/>
      <c r="E1308" s="236"/>
      <c r="F1308" s="236"/>
      <c r="G1308" s="236"/>
      <c r="H1308" s="236"/>
      <c r="I1308" s="236"/>
    </row>
    <row r="1309" spans="3:9" x14ac:dyDescent="0.2">
      <c r="C1309" s="236"/>
      <c r="D1309" s="236"/>
      <c r="E1309" s="236"/>
      <c r="F1309" s="236"/>
      <c r="G1309" s="236"/>
      <c r="H1309" s="236"/>
      <c r="I1309" s="236"/>
    </row>
    <row r="1310" spans="3:9" x14ac:dyDescent="0.2">
      <c r="C1310" s="236"/>
      <c r="D1310" s="236"/>
      <c r="E1310" s="236"/>
      <c r="F1310" s="236"/>
      <c r="G1310" s="236"/>
      <c r="H1310" s="236"/>
      <c r="I1310" s="236"/>
    </row>
    <row r="1311" spans="3:9" x14ac:dyDescent="0.2">
      <c r="C1311" s="236"/>
      <c r="D1311" s="236"/>
      <c r="E1311" s="236"/>
      <c r="F1311" s="236"/>
      <c r="G1311" s="236"/>
      <c r="H1311" s="236"/>
      <c r="I1311" s="236"/>
    </row>
    <row r="1312" spans="3:9" x14ac:dyDescent="0.2">
      <c r="C1312" s="236"/>
      <c r="D1312" s="236"/>
      <c r="E1312" s="236"/>
      <c r="F1312" s="236"/>
      <c r="G1312" s="236"/>
      <c r="H1312" s="236"/>
      <c r="I1312" s="236"/>
    </row>
    <row r="1313" spans="3:9" x14ac:dyDescent="0.2">
      <c r="C1313" s="236"/>
      <c r="D1313" s="236"/>
      <c r="E1313" s="236"/>
      <c r="F1313" s="236"/>
      <c r="G1313" s="236"/>
      <c r="H1313" s="236"/>
      <c r="I1313" s="236"/>
    </row>
    <row r="1314" spans="3:9" x14ac:dyDescent="0.2">
      <c r="C1314" s="236"/>
      <c r="D1314" s="236"/>
      <c r="E1314" s="236"/>
      <c r="F1314" s="236"/>
      <c r="G1314" s="236"/>
      <c r="H1314" s="236"/>
      <c r="I1314" s="236"/>
    </row>
    <row r="1315" spans="3:9" x14ac:dyDescent="0.2">
      <c r="C1315" s="236"/>
      <c r="D1315" s="236"/>
      <c r="E1315" s="236"/>
      <c r="F1315" s="236"/>
      <c r="G1315" s="236"/>
      <c r="H1315" s="236"/>
      <c r="I1315" s="236"/>
    </row>
    <row r="1316" spans="3:9" x14ac:dyDescent="0.2">
      <c r="C1316" s="236"/>
      <c r="D1316" s="236"/>
      <c r="E1316" s="236"/>
      <c r="F1316" s="236"/>
      <c r="G1316" s="236"/>
      <c r="H1316" s="236"/>
      <c r="I1316" s="236"/>
    </row>
    <row r="1317" spans="3:9" x14ac:dyDescent="0.2">
      <c r="C1317" s="236"/>
      <c r="D1317" s="236"/>
      <c r="E1317" s="236"/>
      <c r="F1317" s="236"/>
      <c r="G1317" s="236"/>
      <c r="H1317" s="236"/>
      <c r="I1317" s="236"/>
    </row>
    <row r="1318" spans="3:9" x14ac:dyDescent="0.2">
      <c r="C1318" s="236"/>
      <c r="D1318" s="236"/>
      <c r="E1318" s="236"/>
      <c r="F1318" s="236"/>
      <c r="G1318" s="236"/>
      <c r="H1318" s="236"/>
      <c r="I1318" s="236"/>
    </row>
    <row r="1319" spans="3:9" x14ac:dyDescent="0.2">
      <c r="C1319" s="236"/>
      <c r="D1319" s="236"/>
      <c r="E1319" s="236"/>
      <c r="F1319" s="236"/>
      <c r="G1319" s="236"/>
      <c r="H1319" s="236"/>
      <c r="I1319" s="236"/>
    </row>
    <row r="1320" spans="3:9" x14ac:dyDescent="0.2">
      <c r="C1320" s="236"/>
      <c r="D1320" s="236"/>
      <c r="E1320" s="236"/>
      <c r="F1320" s="236"/>
      <c r="G1320" s="236"/>
      <c r="H1320" s="236"/>
      <c r="I1320" s="236"/>
    </row>
    <row r="1321" spans="3:9" x14ac:dyDescent="0.2">
      <c r="C1321" s="236"/>
      <c r="D1321" s="236"/>
      <c r="E1321" s="236"/>
      <c r="F1321" s="236"/>
      <c r="G1321" s="236"/>
      <c r="H1321" s="236"/>
      <c r="I1321" s="236"/>
    </row>
    <row r="1322" spans="3:9" x14ac:dyDescent="0.2">
      <c r="C1322" s="236"/>
      <c r="D1322" s="236"/>
      <c r="E1322" s="236"/>
      <c r="F1322" s="236"/>
      <c r="G1322" s="236"/>
      <c r="H1322" s="236"/>
      <c r="I1322" s="236"/>
    </row>
    <row r="1323" spans="3:9" x14ac:dyDescent="0.2">
      <c r="C1323" s="236"/>
      <c r="D1323" s="236"/>
      <c r="E1323" s="236"/>
      <c r="F1323" s="236"/>
      <c r="G1323" s="236"/>
      <c r="H1323" s="236"/>
      <c r="I1323" s="236"/>
    </row>
    <row r="1324" spans="3:9" x14ac:dyDescent="0.2">
      <c r="C1324" s="236"/>
      <c r="D1324" s="236"/>
      <c r="E1324" s="236"/>
      <c r="F1324" s="236"/>
      <c r="G1324" s="236"/>
      <c r="H1324" s="236"/>
      <c r="I1324" s="236"/>
    </row>
    <row r="1325" spans="3:9" x14ac:dyDescent="0.2">
      <c r="C1325" s="236"/>
      <c r="D1325" s="236"/>
      <c r="E1325" s="236"/>
      <c r="F1325" s="236"/>
      <c r="G1325" s="236"/>
      <c r="H1325" s="236"/>
      <c r="I1325" s="236"/>
    </row>
    <row r="1326" spans="3:9" x14ac:dyDescent="0.2">
      <c r="C1326" s="236"/>
      <c r="D1326" s="236"/>
      <c r="E1326" s="236"/>
      <c r="F1326" s="236"/>
      <c r="G1326" s="236"/>
      <c r="H1326" s="236"/>
      <c r="I1326" s="236"/>
    </row>
    <row r="1327" spans="3:9" x14ac:dyDescent="0.2">
      <c r="C1327" s="236"/>
      <c r="D1327" s="236"/>
      <c r="E1327" s="236"/>
      <c r="F1327" s="236"/>
      <c r="G1327" s="236"/>
      <c r="H1327" s="236"/>
      <c r="I1327" s="236"/>
    </row>
    <row r="1328" spans="3:9" x14ac:dyDescent="0.2">
      <c r="C1328" s="236"/>
      <c r="D1328" s="236"/>
      <c r="E1328" s="236"/>
      <c r="F1328" s="236"/>
      <c r="G1328" s="236"/>
      <c r="H1328" s="236"/>
      <c r="I1328" s="236"/>
    </row>
    <row r="1329" spans="3:9" x14ac:dyDescent="0.2">
      <c r="C1329" s="236"/>
      <c r="D1329" s="236"/>
      <c r="E1329" s="236"/>
      <c r="F1329" s="236"/>
      <c r="G1329" s="236"/>
      <c r="H1329" s="236"/>
      <c r="I1329" s="236"/>
    </row>
    <row r="1330" spans="3:9" x14ac:dyDescent="0.2">
      <c r="C1330" s="236"/>
      <c r="D1330" s="236"/>
      <c r="E1330" s="236"/>
      <c r="F1330" s="236"/>
      <c r="G1330" s="236"/>
      <c r="H1330" s="236"/>
      <c r="I1330" s="236"/>
    </row>
    <row r="1331" spans="3:9" x14ac:dyDescent="0.2">
      <c r="C1331" s="236"/>
      <c r="D1331" s="236"/>
      <c r="E1331" s="236"/>
      <c r="F1331" s="236"/>
      <c r="G1331" s="236"/>
      <c r="H1331" s="236"/>
      <c r="I1331" s="236"/>
    </row>
    <row r="1332" spans="3:9" x14ac:dyDescent="0.2">
      <c r="C1332" s="236"/>
      <c r="D1332" s="236"/>
      <c r="E1332" s="236"/>
      <c r="F1332" s="236"/>
      <c r="G1332" s="236"/>
      <c r="H1332" s="236"/>
      <c r="I1332" s="236"/>
    </row>
    <row r="1333" spans="3:9" x14ac:dyDescent="0.2">
      <c r="C1333" s="236"/>
      <c r="D1333" s="236"/>
      <c r="E1333" s="236"/>
      <c r="F1333" s="236"/>
      <c r="G1333" s="236"/>
      <c r="H1333" s="236"/>
      <c r="I1333" s="236"/>
    </row>
    <row r="1334" spans="3:9" x14ac:dyDescent="0.2">
      <c r="C1334" s="236"/>
      <c r="D1334" s="236"/>
      <c r="E1334" s="236"/>
      <c r="F1334" s="236"/>
      <c r="G1334" s="236"/>
      <c r="H1334" s="236"/>
      <c r="I1334" s="236"/>
    </row>
    <row r="1335" spans="3:9" x14ac:dyDescent="0.2">
      <c r="C1335" s="236"/>
      <c r="D1335" s="236"/>
      <c r="E1335" s="236"/>
      <c r="F1335" s="236"/>
      <c r="G1335" s="236"/>
      <c r="H1335" s="236"/>
      <c r="I1335" s="236"/>
    </row>
    <row r="1336" spans="3:9" x14ac:dyDescent="0.2">
      <c r="C1336" s="236"/>
      <c r="D1336" s="236"/>
      <c r="E1336" s="236"/>
      <c r="F1336" s="236"/>
      <c r="G1336" s="236"/>
      <c r="H1336" s="236"/>
      <c r="I1336" s="236"/>
    </row>
    <row r="1337" spans="3:9" x14ac:dyDescent="0.2">
      <c r="C1337" s="236"/>
      <c r="D1337" s="236"/>
      <c r="E1337" s="236"/>
      <c r="F1337" s="236"/>
      <c r="G1337" s="236"/>
      <c r="H1337" s="236"/>
      <c r="I1337" s="236"/>
    </row>
    <row r="1338" spans="3:9" x14ac:dyDescent="0.2">
      <c r="C1338" s="236"/>
      <c r="D1338" s="236"/>
      <c r="E1338" s="236"/>
      <c r="F1338" s="236"/>
      <c r="G1338" s="236"/>
      <c r="H1338" s="236"/>
      <c r="I1338" s="236"/>
    </row>
    <row r="1339" spans="3:9" x14ac:dyDescent="0.2">
      <c r="C1339" s="236"/>
      <c r="D1339" s="236"/>
      <c r="E1339" s="236"/>
      <c r="F1339" s="236"/>
      <c r="G1339" s="236"/>
      <c r="H1339" s="236"/>
      <c r="I1339" s="236"/>
    </row>
    <row r="1340" spans="3:9" x14ac:dyDescent="0.2">
      <c r="C1340" s="236"/>
      <c r="D1340" s="236"/>
      <c r="E1340" s="236"/>
      <c r="F1340" s="236"/>
      <c r="G1340" s="236"/>
      <c r="H1340" s="236"/>
      <c r="I1340" s="236"/>
    </row>
    <row r="1341" spans="3:9" x14ac:dyDescent="0.2">
      <c r="C1341" s="236"/>
      <c r="D1341" s="236"/>
      <c r="E1341" s="236"/>
      <c r="F1341" s="236"/>
      <c r="G1341" s="236"/>
      <c r="H1341" s="236"/>
      <c r="I1341" s="236"/>
    </row>
    <row r="1342" spans="3:9" x14ac:dyDescent="0.2">
      <c r="C1342" s="236"/>
      <c r="D1342" s="236"/>
      <c r="E1342" s="236"/>
      <c r="F1342" s="236"/>
      <c r="G1342" s="236"/>
      <c r="H1342" s="236"/>
      <c r="I1342" s="236"/>
    </row>
    <row r="1343" spans="3:9" x14ac:dyDescent="0.2">
      <c r="C1343" s="236"/>
      <c r="D1343" s="236"/>
      <c r="E1343" s="236"/>
      <c r="F1343" s="236"/>
      <c r="G1343" s="236"/>
      <c r="H1343" s="236"/>
      <c r="I1343" s="236"/>
    </row>
    <row r="1344" spans="3:9" x14ac:dyDescent="0.2">
      <c r="C1344" s="236"/>
      <c r="D1344" s="236"/>
      <c r="E1344" s="236"/>
      <c r="F1344" s="236"/>
      <c r="G1344" s="236"/>
      <c r="H1344" s="236"/>
      <c r="I1344" s="236"/>
    </row>
    <row r="1345" spans="3:9" x14ac:dyDescent="0.2">
      <c r="C1345" s="236"/>
      <c r="D1345" s="236"/>
      <c r="E1345" s="236"/>
      <c r="F1345" s="236"/>
      <c r="G1345" s="236"/>
      <c r="H1345" s="236"/>
      <c r="I1345" s="236"/>
    </row>
    <row r="1346" spans="3:9" x14ac:dyDescent="0.2">
      <c r="C1346" s="236"/>
      <c r="D1346" s="236"/>
      <c r="E1346" s="236"/>
      <c r="F1346" s="236"/>
      <c r="G1346" s="236"/>
      <c r="H1346" s="236"/>
      <c r="I1346" s="236"/>
    </row>
    <row r="1347" spans="3:9" x14ac:dyDescent="0.2">
      <c r="C1347" s="236"/>
      <c r="D1347" s="236"/>
      <c r="E1347" s="236"/>
      <c r="F1347" s="236"/>
      <c r="G1347" s="236"/>
      <c r="H1347" s="236"/>
      <c r="I1347" s="236"/>
    </row>
    <row r="1348" spans="3:9" x14ac:dyDescent="0.2">
      <c r="C1348" s="236"/>
      <c r="D1348" s="236"/>
      <c r="E1348" s="236"/>
      <c r="F1348" s="236"/>
      <c r="G1348" s="236"/>
      <c r="H1348" s="236"/>
      <c r="I1348" s="236"/>
    </row>
    <row r="1349" spans="3:9" x14ac:dyDescent="0.2">
      <c r="C1349" s="236"/>
      <c r="D1349" s="236"/>
      <c r="E1349" s="236"/>
      <c r="F1349" s="236"/>
      <c r="G1349" s="236"/>
      <c r="H1349" s="236"/>
      <c r="I1349" s="236"/>
    </row>
    <row r="1350" spans="3:9" x14ac:dyDescent="0.2">
      <c r="C1350" s="236"/>
      <c r="D1350" s="236"/>
      <c r="E1350" s="236"/>
      <c r="F1350" s="236"/>
      <c r="G1350" s="236"/>
      <c r="H1350" s="236"/>
      <c r="I1350" s="236"/>
    </row>
    <row r="1351" spans="3:9" x14ac:dyDescent="0.2">
      <c r="C1351" s="236"/>
      <c r="D1351" s="236"/>
      <c r="E1351" s="236"/>
      <c r="F1351" s="236"/>
      <c r="G1351" s="236"/>
      <c r="H1351" s="236"/>
      <c r="I1351" s="236"/>
    </row>
    <row r="1352" spans="3:9" x14ac:dyDescent="0.2">
      <c r="C1352" s="236"/>
      <c r="D1352" s="236"/>
      <c r="E1352" s="236"/>
      <c r="F1352" s="236"/>
      <c r="G1352" s="236"/>
      <c r="H1352" s="236"/>
      <c r="I1352" s="236"/>
    </row>
    <row r="1353" spans="3:9" x14ac:dyDescent="0.2">
      <c r="C1353" s="236"/>
      <c r="D1353" s="236"/>
      <c r="E1353" s="236"/>
      <c r="F1353" s="236"/>
      <c r="G1353" s="236"/>
      <c r="H1353" s="236"/>
      <c r="I1353" s="236"/>
    </row>
    <row r="1354" spans="3:9" x14ac:dyDescent="0.2">
      <c r="C1354" s="236"/>
      <c r="D1354" s="236"/>
      <c r="E1354" s="236"/>
      <c r="F1354" s="236"/>
      <c r="G1354" s="236"/>
      <c r="H1354" s="236"/>
      <c r="I1354" s="236"/>
    </row>
    <row r="1355" spans="3:9" x14ac:dyDescent="0.2">
      <c r="C1355" s="236"/>
      <c r="D1355" s="236"/>
      <c r="E1355" s="236"/>
      <c r="F1355" s="236"/>
      <c r="G1355" s="236"/>
      <c r="H1355" s="236"/>
      <c r="I1355" s="236"/>
    </row>
    <row r="1356" spans="3:9" x14ac:dyDescent="0.2">
      <c r="C1356" s="236"/>
      <c r="D1356" s="236"/>
      <c r="E1356" s="236"/>
      <c r="F1356" s="236"/>
      <c r="G1356" s="236"/>
      <c r="H1356" s="236"/>
      <c r="I1356" s="236"/>
    </row>
    <row r="1357" spans="3:9" x14ac:dyDescent="0.2">
      <c r="C1357" s="236"/>
      <c r="D1357" s="236"/>
      <c r="E1357" s="236"/>
      <c r="F1357" s="236"/>
      <c r="G1357" s="236"/>
      <c r="H1357" s="236"/>
      <c r="I1357" s="236"/>
    </row>
    <row r="1358" spans="3:9" x14ac:dyDescent="0.2">
      <c r="C1358" s="236"/>
      <c r="D1358" s="236"/>
      <c r="E1358" s="236"/>
      <c r="F1358" s="236"/>
      <c r="G1358" s="236"/>
      <c r="H1358" s="236"/>
      <c r="I1358" s="236"/>
    </row>
    <row r="1359" spans="3:9" x14ac:dyDescent="0.2">
      <c r="C1359" s="236"/>
      <c r="D1359" s="236"/>
      <c r="E1359" s="236"/>
      <c r="F1359" s="236"/>
      <c r="G1359" s="236"/>
      <c r="H1359" s="236"/>
      <c r="I1359" s="236"/>
    </row>
    <row r="1360" spans="3:9" x14ac:dyDescent="0.2">
      <c r="C1360" s="236"/>
      <c r="D1360" s="236"/>
      <c r="E1360" s="236"/>
      <c r="F1360" s="236"/>
      <c r="G1360" s="236"/>
      <c r="H1360" s="236"/>
      <c r="I1360" s="236"/>
    </row>
    <row r="1361" spans="3:9" x14ac:dyDescent="0.2">
      <c r="C1361" s="236"/>
      <c r="D1361" s="236"/>
      <c r="E1361" s="236"/>
      <c r="F1361" s="236"/>
      <c r="G1361" s="236"/>
      <c r="H1361" s="236"/>
      <c r="I1361" s="236"/>
    </row>
    <row r="1362" spans="3:9" x14ac:dyDescent="0.2">
      <c r="C1362" s="236"/>
      <c r="D1362" s="236"/>
      <c r="E1362" s="236"/>
      <c r="F1362" s="236"/>
      <c r="G1362" s="236"/>
      <c r="H1362" s="236"/>
      <c r="I1362" s="236"/>
    </row>
    <row r="1363" spans="3:9" x14ac:dyDescent="0.2">
      <c r="C1363" s="236"/>
      <c r="D1363" s="236"/>
      <c r="E1363" s="236"/>
      <c r="F1363" s="236"/>
      <c r="G1363" s="236"/>
      <c r="H1363" s="236"/>
      <c r="I1363" s="236"/>
    </row>
    <row r="1364" spans="3:9" x14ac:dyDescent="0.2">
      <c r="C1364" s="236"/>
      <c r="D1364" s="236"/>
      <c r="E1364" s="236"/>
      <c r="F1364" s="236"/>
      <c r="G1364" s="236"/>
      <c r="H1364" s="236"/>
      <c r="I1364" s="236"/>
    </row>
    <row r="1365" spans="3:9" x14ac:dyDescent="0.2">
      <c r="C1365" s="236"/>
      <c r="D1365" s="236"/>
      <c r="E1365" s="236"/>
      <c r="F1365" s="236"/>
      <c r="G1365" s="236"/>
      <c r="H1365" s="236"/>
      <c r="I1365" s="236"/>
    </row>
    <row r="1366" spans="3:9" x14ac:dyDescent="0.2">
      <c r="C1366" s="236"/>
      <c r="D1366" s="236"/>
      <c r="E1366" s="236"/>
      <c r="F1366" s="236"/>
      <c r="G1366" s="236"/>
      <c r="H1366" s="236"/>
      <c r="I1366" s="236"/>
    </row>
    <row r="1367" spans="3:9" x14ac:dyDescent="0.2">
      <c r="C1367" s="236"/>
      <c r="D1367" s="236"/>
      <c r="E1367" s="236"/>
      <c r="F1367" s="236"/>
      <c r="G1367" s="236"/>
      <c r="H1367" s="236"/>
      <c r="I1367" s="236"/>
    </row>
    <row r="1368" spans="3:9" x14ac:dyDescent="0.2">
      <c r="C1368" s="236"/>
      <c r="D1368" s="236"/>
      <c r="E1368" s="236"/>
      <c r="F1368" s="236"/>
      <c r="G1368" s="236"/>
      <c r="H1368" s="236"/>
      <c r="I1368" s="236"/>
    </row>
    <row r="1369" spans="3:9" x14ac:dyDescent="0.2">
      <c r="C1369" s="236"/>
      <c r="D1369" s="236"/>
      <c r="E1369" s="236"/>
      <c r="F1369" s="236"/>
      <c r="G1369" s="236"/>
      <c r="H1369" s="236"/>
      <c r="I1369" s="236"/>
    </row>
    <row r="1370" spans="3:9" x14ac:dyDescent="0.2">
      <c r="C1370" s="236"/>
      <c r="D1370" s="236"/>
      <c r="E1370" s="236"/>
      <c r="F1370" s="236"/>
      <c r="G1370" s="236"/>
      <c r="H1370" s="236"/>
      <c r="I1370" s="236"/>
    </row>
    <row r="1371" spans="3:9" x14ac:dyDescent="0.2">
      <c r="C1371" s="236"/>
      <c r="D1371" s="236"/>
      <c r="E1371" s="236"/>
      <c r="F1371" s="236"/>
      <c r="G1371" s="236"/>
      <c r="H1371" s="236"/>
      <c r="I1371" s="236"/>
    </row>
    <row r="1372" spans="3:9" x14ac:dyDescent="0.2">
      <c r="C1372" s="236"/>
      <c r="D1372" s="236"/>
      <c r="E1372" s="236"/>
      <c r="F1372" s="236"/>
      <c r="G1372" s="236"/>
      <c r="H1372" s="236"/>
      <c r="I1372" s="236"/>
    </row>
    <row r="1373" spans="3:9" x14ac:dyDescent="0.2">
      <c r="C1373" s="236"/>
      <c r="D1373" s="236"/>
      <c r="E1373" s="236"/>
      <c r="F1373" s="236"/>
      <c r="G1373" s="236"/>
      <c r="H1373" s="236"/>
      <c r="I1373" s="236"/>
    </row>
    <row r="1374" spans="3:9" x14ac:dyDescent="0.2">
      <c r="C1374" s="236"/>
      <c r="D1374" s="236"/>
      <c r="E1374" s="236"/>
      <c r="F1374" s="236"/>
      <c r="G1374" s="236"/>
      <c r="H1374" s="236"/>
      <c r="I1374" s="236"/>
    </row>
    <row r="1375" spans="3:9" x14ac:dyDescent="0.2">
      <c r="C1375" s="236"/>
      <c r="D1375" s="236"/>
      <c r="E1375" s="236"/>
      <c r="F1375" s="236"/>
      <c r="G1375" s="236"/>
      <c r="H1375" s="236"/>
      <c r="I1375" s="236"/>
    </row>
    <row r="1376" spans="3:9" x14ac:dyDescent="0.2">
      <c r="C1376" s="236"/>
      <c r="D1376" s="236"/>
      <c r="E1376" s="236"/>
      <c r="F1376" s="236"/>
      <c r="G1376" s="236"/>
      <c r="H1376" s="236"/>
      <c r="I1376" s="236"/>
    </row>
    <row r="1377" spans="3:9" x14ac:dyDescent="0.2">
      <c r="C1377" s="236"/>
      <c r="D1377" s="236"/>
      <c r="E1377" s="236"/>
      <c r="F1377" s="236"/>
      <c r="G1377" s="236"/>
      <c r="H1377" s="236"/>
      <c r="I1377" s="236"/>
    </row>
    <row r="1378" spans="3:9" x14ac:dyDescent="0.2">
      <c r="C1378" s="236"/>
      <c r="D1378" s="236"/>
      <c r="E1378" s="236"/>
      <c r="F1378" s="236"/>
      <c r="G1378" s="236"/>
      <c r="H1378" s="236"/>
      <c r="I1378" s="236"/>
    </row>
    <row r="1379" spans="3:9" x14ac:dyDescent="0.2">
      <c r="C1379" s="236"/>
      <c r="D1379" s="236"/>
      <c r="E1379" s="236"/>
      <c r="F1379" s="236"/>
      <c r="G1379" s="236"/>
      <c r="H1379" s="236"/>
      <c r="I1379" s="236"/>
    </row>
    <row r="1380" spans="3:9" x14ac:dyDescent="0.2">
      <c r="C1380" s="236"/>
      <c r="D1380" s="236"/>
      <c r="E1380" s="236"/>
      <c r="F1380" s="236"/>
      <c r="G1380" s="236"/>
      <c r="H1380" s="236"/>
      <c r="I1380" s="236"/>
    </row>
    <row r="1381" spans="3:9" x14ac:dyDescent="0.2">
      <c r="C1381" s="236"/>
      <c r="D1381" s="236"/>
      <c r="E1381" s="236"/>
      <c r="F1381" s="236"/>
      <c r="G1381" s="236"/>
      <c r="H1381" s="236"/>
      <c r="I1381" s="236"/>
    </row>
    <row r="1382" spans="3:9" x14ac:dyDescent="0.2">
      <c r="C1382" s="236"/>
      <c r="D1382" s="236"/>
      <c r="E1382" s="236"/>
      <c r="F1382" s="236"/>
      <c r="G1382" s="236"/>
      <c r="H1382" s="236"/>
      <c r="I1382" s="236"/>
    </row>
    <row r="1383" spans="3:9" x14ac:dyDescent="0.2">
      <c r="C1383" s="236"/>
      <c r="D1383" s="236"/>
      <c r="E1383" s="236"/>
      <c r="F1383" s="236"/>
      <c r="G1383" s="236"/>
      <c r="H1383" s="236"/>
      <c r="I1383" s="236"/>
    </row>
    <row r="1384" spans="3:9" x14ac:dyDescent="0.2">
      <c r="C1384" s="236"/>
      <c r="D1384" s="236"/>
      <c r="E1384" s="236"/>
      <c r="F1384" s="236"/>
      <c r="G1384" s="236"/>
      <c r="H1384" s="236"/>
      <c r="I1384" s="236"/>
    </row>
    <row r="1385" spans="3:9" x14ac:dyDescent="0.2">
      <c r="C1385" s="236"/>
      <c r="D1385" s="236"/>
      <c r="E1385" s="236"/>
      <c r="F1385" s="236"/>
      <c r="G1385" s="236"/>
      <c r="H1385" s="236"/>
      <c r="I1385" s="236"/>
    </row>
    <row r="1386" spans="3:9" x14ac:dyDescent="0.2">
      <c r="C1386" s="236"/>
      <c r="D1386" s="236"/>
      <c r="E1386" s="236"/>
      <c r="F1386" s="236"/>
      <c r="G1386" s="236"/>
      <c r="H1386" s="236"/>
      <c r="I1386" s="236"/>
    </row>
    <row r="1387" spans="3:9" x14ac:dyDescent="0.2">
      <c r="C1387" s="236"/>
      <c r="D1387" s="236"/>
      <c r="E1387" s="236"/>
      <c r="F1387" s="236"/>
      <c r="G1387" s="236"/>
      <c r="H1387" s="236"/>
      <c r="I1387" s="236"/>
    </row>
    <row r="1388" spans="3:9" x14ac:dyDescent="0.2">
      <c r="C1388" s="236"/>
      <c r="D1388" s="236"/>
      <c r="E1388" s="236"/>
      <c r="F1388" s="236"/>
      <c r="G1388" s="236"/>
      <c r="H1388" s="236"/>
      <c r="I1388" s="236"/>
    </row>
    <row r="1389" spans="3:9" x14ac:dyDescent="0.2">
      <c r="C1389" s="236"/>
      <c r="D1389" s="236"/>
      <c r="E1389" s="236"/>
      <c r="F1389" s="236"/>
      <c r="G1389" s="236"/>
      <c r="H1389" s="236"/>
      <c r="I1389" s="236"/>
    </row>
    <row r="1390" spans="3:9" x14ac:dyDescent="0.2">
      <c r="C1390" s="236"/>
      <c r="D1390" s="236"/>
      <c r="E1390" s="236"/>
      <c r="F1390" s="236"/>
      <c r="G1390" s="236"/>
      <c r="H1390" s="236"/>
      <c r="I1390" s="236"/>
    </row>
    <row r="1391" spans="3:9" x14ac:dyDescent="0.2">
      <c r="C1391" s="236"/>
      <c r="D1391" s="236"/>
      <c r="E1391" s="236"/>
      <c r="F1391" s="236"/>
      <c r="G1391" s="236"/>
      <c r="H1391" s="236"/>
      <c r="I1391" s="236"/>
    </row>
    <row r="1392" spans="3:9" x14ac:dyDescent="0.2">
      <c r="C1392" s="236"/>
      <c r="D1392" s="236"/>
      <c r="E1392" s="236"/>
      <c r="F1392" s="236"/>
      <c r="G1392" s="236"/>
      <c r="H1392" s="236"/>
      <c r="I1392" s="236"/>
    </row>
    <row r="1393" spans="3:9" x14ac:dyDescent="0.2">
      <c r="C1393" s="236"/>
      <c r="D1393" s="236"/>
      <c r="E1393" s="236"/>
      <c r="F1393" s="236"/>
      <c r="G1393" s="236"/>
      <c r="H1393" s="236"/>
      <c r="I1393" s="236"/>
    </row>
    <row r="1394" spans="3:9" x14ac:dyDescent="0.2">
      <c r="C1394" s="236"/>
      <c r="D1394" s="236"/>
      <c r="E1394" s="236"/>
      <c r="F1394" s="236"/>
      <c r="G1394" s="236"/>
      <c r="H1394" s="236"/>
      <c r="I1394" s="236"/>
    </row>
    <row r="1395" spans="3:9" x14ac:dyDescent="0.2">
      <c r="C1395" s="236"/>
      <c r="D1395" s="236"/>
      <c r="E1395" s="236"/>
      <c r="F1395" s="236"/>
      <c r="G1395" s="236"/>
      <c r="H1395" s="236"/>
      <c r="I1395" s="236"/>
    </row>
    <row r="1396" spans="3:9" x14ac:dyDescent="0.2">
      <c r="C1396" s="236"/>
      <c r="D1396" s="236"/>
      <c r="E1396" s="236"/>
      <c r="F1396" s="236"/>
      <c r="G1396" s="236"/>
      <c r="H1396" s="236"/>
      <c r="I1396" s="236"/>
    </row>
    <row r="1397" spans="3:9" x14ac:dyDescent="0.2">
      <c r="C1397" s="236"/>
      <c r="D1397" s="236"/>
      <c r="E1397" s="236"/>
      <c r="F1397" s="236"/>
      <c r="G1397" s="236"/>
      <c r="H1397" s="236"/>
      <c r="I1397" s="236"/>
    </row>
    <row r="1398" spans="3:9" x14ac:dyDescent="0.2">
      <c r="C1398" s="236"/>
      <c r="D1398" s="236"/>
      <c r="E1398" s="236"/>
      <c r="F1398" s="236"/>
      <c r="G1398" s="236"/>
      <c r="H1398" s="236"/>
      <c r="I1398" s="236"/>
    </row>
    <row r="1399" spans="3:9" x14ac:dyDescent="0.2">
      <c r="C1399" s="236"/>
      <c r="D1399" s="236"/>
      <c r="E1399" s="236"/>
      <c r="F1399" s="236"/>
      <c r="G1399" s="236"/>
      <c r="H1399" s="236"/>
      <c r="I1399" s="236"/>
    </row>
    <row r="1400" spans="3:9" x14ac:dyDescent="0.2">
      <c r="C1400" s="236"/>
      <c r="D1400" s="236"/>
      <c r="E1400" s="236"/>
      <c r="F1400" s="236"/>
      <c r="G1400" s="236"/>
      <c r="H1400" s="236"/>
      <c r="I1400" s="236"/>
    </row>
    <row r="1401" spans="3:9" x14ac:dyDescent="0.2">
      <c r="C1401" s="236"/>
      <c r="D1401" s="236"/>
      <c r="E1401" s="236"/>
      <c r="F1401" s="236"/>
      <c r="G1401" s="236"/>
      <c r="H1401" s="236"/>
      <c r="I1401" s="236"/>
    </row>
    <row r="1402" spans="3:9" x14ac:dyDescent="0.2">
      <c r="C1402" s="236"/>
      <c r="D1402" s="236"/>
      <c r="E1402" s="236"/>
      <c r="F1402" s="236"/>
      <c r="G1402" s="236"/>
      <c r="H1402" s="236"/>
      <c r="I1402" s="236"/>
    </row>
    <row r="1403" spans="3:9" x14ac:dyDescent="0.2">
      <c r="C1403" s="236"/>
      <c r="D1403" s="236"/>
      <c r="E1403" s="236"/>
      <c r="F1403" s="236"/>
      <c r="G1403" s="236"/>
      <c r="H1403" s="236"/>
      <c r="I1403" s="236"/>
    </row>
    <row r="1404" spans="3:9" x14ac:dyDescent="0.2">
      <c r="C1404" s="236"/>
      <c r="D1404" s="236"/>
      <c r="E1404" s="236"/>
      <c r="F1404" s="236"/>
      <c r="G1404" s="236"/>
      <c r="H1404" s="236"/>
      <c r="I1404" s="236"/>
    </row>
    <row r="1405" spans="3:9" x14ac:dyDescent="0.2">
      <c r="C1405" s="236"/>
      <c r="D1405" s="236"/>
      <c r="E1405" s="236"/>
      <c r="F1405" s="236"/>
      <c r="G1405" s="236"/>
      <c r="H1405" s="236"/>
      <c r="I1405" s="236"/>
    </row>
    <row r="1406" spans="3:9" x14ac:dyDescent="0.2">
      <c r="C1406" s="236"/>
      <c r="D1406" s="236"/>
      <c r="E1406" s="236"/>
      <c r="F1406" s="236"/>
      <c r="G1406" s="236"/>
      <c r="H1406" s="236"/>
      <c r="I1406" s="236"/>
    </row>
    <row r="1407" spans="3:9" x14ac:dyDescent="0.2">
      <c r="C1407" s="236"/>
      <c r="D1407" s="236"/>
      <c r="E1407" s="236"/>
      <c r="F1407" s="236"/>
      <c r="G1407" s="236"/>
      <c r="H1407" s="236"/>
      <c r="I1407" s="236"/>
    </row>
    <row r="1408" spans="3:9" x14ac:dyDescent="0.2">
      <c r="C1408" s="236"/>
      <c r="D1408" s="236"/>
      <c r="E1408" s="236"/>
      <c r="F1408" s="236"/>
      <c r="G1408" s="236"/>
      <c r="H1408" s="236"/>
      <c r="I1408" s="236"/>
    </row>
    <row r="1409" spans="3:9" x14ac:dyDescent="0.2">
      <c r="C1409" s="236"/>
      <c r="D1409" s="236"/>
      <c r="E1409" s="236"/>
      <c r="F1409" s="236"/>
      <c r="G1409" s="236"/>
      <c r="H1409" s="236"/>
      <c r="I1409" s="236"/>
    </row>
    <row r="1410" spans="3:9" x14ac:dyDescent="0.2">
      <c r="C1410" s="236"/>
      <c r="D1410" s="236"/>
      <c r="E1410" s="236"/>
      <c r="F1410" s="236"/>
      <c r="G1410" s="236"/>
      <c r="H1410" s="236"/>
      <c r="I1410" s="236"/>
    </row>
    <row r="1411" spans="3:9" x14ac:dyDescent="0.2">
      <c r="C1411" s="236"/>
      <c r="D1411" s="236"/>
      <c r="E1411" s="236"/>
      <c r="F1411" s="236"/>
      <c r="G1411" s="236"/>
      <c r="H1411" s="236"/>
      <c r="I1411" s="236"/>
    </row>
    <row r="1412" spans="3:9" x14ac:dyDescent="0.2">
      <c r="C1412" s="236"/>
      <c r="D1412" s="236"/>
      <c r="E1412" s="236"/>
      <c r="F1412" s="236"/>
      <c r="G1412" s="236"/>
      <c r="H1412" s="236"/>
      <c r="I1412" s="236"/>
    </row>
    <row r="1413" spans="3:9" x14ac:dyDescent="0.2">
      <c r="C1413" s="236"/>
      <c r="D1413" s="236"/>
      <c r="E1413" s="236"/>
      <c r="F1413" s="236"/>
      <c r="G1413" s="236"/>
      <c r="H1413" s="236"/>
      <c r="I1413" s="236"/>
    </row>
    <row r="1414" spans="3:9" x14ac:dyDescent="0.2">
      <c r="C1414" s="236"/>
      <c r="D1414" s="236"/>
      <c r="E1414" s="236"/>
      <c r="F1414" s="236"/>
      <c r="G1414" s="236"/>
      <c r="H1414" s="236"/>
      <c r="I1414" s="236"/>
    </row>
    <row r="1415" spans="3:9" x14ac:dyDescent="0.2">
      <c r="C1415" s="236"/>
      <c r="D1415" s="236"/>
      <c r="E1415" s="236"/>
      <c r="F1415" s="236"/>
      <c r="G1415" s="236"/>
      <c r="H1415" s="236"/>
      <c r="I1415" s="236"/>
    </row>
    <row r="1416" spans="3:9" x14ac:dyDescent="0.2">
      <c r="C1416" s="236"/>
      <c r="D1416" s="236"/>
      <c r="E1416" s="236"/>
      <c r="F1416" s="236"/>
      <c r="G1416" s="236"/>
      <c r="H1416" s="236"/>
      <c r="I1416" s="236"/>
    </row>
    <row r="1417" spans="3:9" x14ac:dyDescent="0.2">
      <c r="C1417" s="236"/>
      <c r="D1417" s="236"/>
      <c r="E1417" s="236"/>
      <c r="F1417" s="236"/>
      <c r="G1417" s="236"/>
      <c r="H1417" s="236"/>
      <c r="I1417" s="236"/>
    </row>
    <row r="1418" spans="3:9" x14ac:dyDescent="0.2">
      <c r="C1418" s="236"/>
      <c r="D1418" s="236"/>
      <c r="E1418" s="236"/>
      <c r="F1418" s="236"/>
      <c r="G1418" s="236"/>
      <c r="H1418" s="236"/>
      <c r="I1418" s="236"/>
    </row>
    <row r="1419" spans="3:9" x14ac:dyDescent="0.2">
      <c r="C1419" s="236"/>
      <c r="D1419" s="236"/>
      <c r="E1419" s="236"/>
      <c r="F1419" s="236"/>
      <c r="G1419" s="236"/>
      <c r="H1419" s="236"/>
      <c r="I1419" s="236"/>
    </row>
    <row r="1420" spans="3:9" x14ac:dyDescent="0.2">
      <c r="C1420" s="236"/>
      <c r="D1420" s="236"/>
      <c r="E1420" s="236"/>
      <c r="F1420" s="236"/>
      <c r="G1420" s="236"/>
      <c r="H1420" s="236"/>
      <c r="I1420" s="236"/>
    </row>
    <row r="1421" spans="3:9" x14ac:dyDescent="0.2">
      <c r="C1421" s="236"/>
      <c r="D1421" s="236"/>
      <c r="E1421" s="236"/>
      <c r="F1421" s="236"/>
      <c r="G1421" s="236"/>
      <c r="H1421" s="236"/>
      <c r="I1421" s="236"/>
    </row>
    <row r="1422" spans="3:9" x14ac:dyDescent="0.2">
      <c r="C1422" s="236"/>
      <c r="D1422" s="236"/>
      <c r="E1422" s="236"/>
      <c r="F1422" s="236"/>
      <c r="G1422" s="236"/>
      <c r="H1422" s="236"/>
      <c r="I1422" s="236"/>
    </row>
    <row r="1423" spans="3:9" x14ac:dyDescent="0.2">
      <c r="C1423" s="236"/>
      <c r="D1423" s="236"/>
      <c r="E1423" s="236"/>
      <c r="F1423" s="236"/>
      <c r="G1423" s="236"/>
      <c r="H1423" s="236"/>
      <c r="I1423" s="236"/>
    </row>
    <row r="1424" spans="3:9" x14ac:dyDescent="0.2">
      <c r="C1424" s="236"/>
      <c r="D1424" s="236"/>
      <c r="E1424" s="236"/>
      <c r="F1424" s="236"/>
      <c r="G1424" s="236"/>
      <c r="H1424" s="236"/>
      <c r="I1424" s="236"/>
    </row>
    <row r="1425" spans="3:9" x14ac:dyDescent="0.2">
      <c r="C1425" s="236"/>
      <c r="D1425" s="236"/>
      <c r="E1425" s="236"/>
      <c r="F1425" s="236"/>
      <c r="G1425" s="236"/>
      <c r="H1425" s="236"/>
      <c r="I1425" s="236"/>
    </row>
    <row r="1426" spans="3:9" x14ac:dyDescent="0.2">
      <c r="C1426" s="236"/>
      <c r="D1426" s="236"/>
      <c r="E1426" s="236"/>
      <c r="F1426" s="236"/>
      <c r="G1426" s="236"/>
      <c r="H1426" s="236"/>
      <c r="I1426" s="236"/>
    </row>
    <row r="1427" spans="3:9" x14ac:dyDescent="0.2">
      <c r="C1427" s="236"/>
      <c r="D1427" s="236"/>
      <c r="E1427" s="236"/>
      <c r="F1427" s="236"/>
      <c r="G1427" s="236"/>
      <c r="H1427" s="236"/>
      <c r="I1427" s="236"/>
    </row>
    <row r="1428" spans="3:9" x14ac:dyDescent="0.2">
      <c r="C1428" s="236"/>
      <c r="D1428" s="236"/>
      <c r="E1428" s="236"/>
      <c r="F1428" s="236"/>
      <c r="G1428" s="236"/>
      <c r="H1428" s="236"/>
      <c r="I1428" s="236"/>
    </row>
    <row r="1429" spans="3:9" x14ac:dyDescent="0.2">
      <c r="C1429" s="236"/>
      <c r="D1429" s="236"/>
      <c r="E1429" s="236"/>
      <c r="F1429" s="236"/>
      <c r="G1429" s="236"/>
      <c r="H1429" s="236"/>
      <c r="I1429" s="236"/>
    </row>
    <row r="1430" spans="3:9" x14ac:dyDescent="0.2">
      <c r="C1430" s="236"/>
      <c r="D1430" s="236"/>
      <c r="E1430" s="236"/>
      <c r="F1430" s="236"/>
      <c r="G1430" s="236"/>
      <c r="H1430" s="236"/>
      <c r="I1430" s="236"/>
    </row>
    <row r="1431" spans="3:9" x14ac:dyDescent="0.2">
      <c r="C1431" s="236"/>
      <c r="D1431" s="236"/>
      <c r="E1431" s="236"/>
      <c r="F1431" s="236"/>
      <c r="G1431" s="236"/>
      <c r="H1431" s="236"/>
      <c r="I1431" s="236"/>
    </row>
    <row r="1432" spans="3:9" x14ac:dyDescent="0.2">
      <c r="C1432" s="236"/>
      <c r="D1432" s="236"/>
      <c r="E1432" s="236"/>
      <c r="F1432" s="236"/>
      <c r="G1432" s="236"/>
      <c r="H1432" s="236"/>
      <c r="I1432" s="236"/>
    </row>
    <row r="1433" spans="3:9" x14ac:dyDescent="0.2">
      <c r="C1433" s="236"/>
      <c r="D1433" s="236"/>
      <c r="E1433" s="236"/>
      <c r="F1433" s="236"/>
      <c r="G1433" s="236"/>
      <c r="H1433" s="236"/>
      <c r="I1433" s="236"/>
    </row>
    <row r="1434" spans="3:9" x14ac:dyDescent="0.2">
      <c r="C1434" s="236"/>
      <c r="D1434" s="236"/>
      <c r="E1434" s="236"/>
      <c r="F1434" s="236"/>
      <c r="G1434" s="236"/>
      <c r="H1434" s="236"/>
      <c r="I1434" s="236"/>
    </row>
    <row r="1435" spans="3:9" x14ac:dyDescent="0.2">
      <c r="C1435" s="236"/>
      <c r="D1435" s="236"/>
      <c r="E1435" s="236"/>
      <c r="F1435" s="236"/>
      <c r="G1435" s="236"/>
      <c r="H1435" s="236"/>
      <c r="I1435" s="236"/>
    </row>
    <row r="1436" spans="3:9" x14ac:dyDescent="0.2">
      <c r="C1436" s="236"/>
      <c r="D1436" s="236"/>
      <c r="E1436" s="236"/>
      <c r="F1436" s="236"/>
      <c r="G1436" s="236"/>
      <c r="H1436" s="236"/>
      <c r="I1436" s="236"/>
    </row>
    <row r="1437" spans="3:9" x14ac:dyDescent="0.2">
      <c r="C1437" s="236"/>
      <c r="D1437" s="236"/>
      <c r="E1437" s="236"/>
      <c r="F1437" s="236"/>
      <c r="G1437" s="236"/>
      <c r="H1437" s="236"/>
      <c r="I1437" s="236"/>
    </row>
    <row r="1438" spans="3:9" x14ac:dyDescent="0.2">
      <c r="C1438" s="236"/>
      <c r="D1438" s="236"/>
      <c r="E1438" s="236"/>
      <c r="F1438" s="236"/>
      <c r="G1438" s="236"/>
      <c r="H1438" s="236"/>
      <c r="I1438" s="236"/>
    </row>
    <row r="1439" spans="3:9" x14ac:dyDescent="0.2">
      <c r="C1439" s="236"/>
      <c r="D1439" s="236"/>
      <c r="E1439" s="236"/>
      <c r="F1439" s="236"/>
      <c r="G1439" s="236"/>
      <c r="H1439" s="236"/>
      <c r="I1439" s="236"/>
    </row>
    <row r="1440" spans="3:9" x14ac:dyDescent="0.2">
      <c r="C1440" s="236"/>
      <c r="D1440" s="236"/>
      <c r="E1440" s="236"/>
      <c r="F1440" s="236"/>
      <c r="G1440" s="236"/>
      <c r="H1440" s="236"/>
      <c r="I1440" s="236"/>
    </row>
    <row r="1441" spans="3:9" x14ac:dyDescent="0.2">
      <c r="C1441" s="236"/>
      <c r="D1441" s="236"/>
      <c r="E1441" s="236"/>
      <c r="F1441" s="236"/>
      <c r="G1441" s="236"/>
      <c r="H1441" s="236"/>
      <c r="I1441" s="236"/>
    </row>
    <row r="1442" spans="3:9" x14ac:dyDescent="0.2">
      <c r="C1442" s="236"/>
      <c r="D1442" s="236"/>
      <c r="E1442" s="236"/>
      <c r="F1442" s="236"/>
      <c r="G1442" s="236"/>
      <c r="H1442" s="236"/>
      <c r="I1442" s="236"/>
    </row>
    <row r="1443" spans="3:9" x14ac:dyDescent="0.2">
      <c r="C1443" s="236"/>
      <c r="D1443" s="236"/>
      <c r="E1443" s="236"/>
      <c r="F1443" s="236"/>
      <c r="G1443" s="236"/>
      <c r="H1443" s="236"/>
      <c r="I1443" s="236"/>
    </row>
    <row r="1444" spans="3:9" x14ac:dyDescent="0.2">
      <c r="C1444" s="236"/>
      <c r="D1444" s="236"/>
      <c r="E1444" s="236"/>
      <c r="F1444" s="236"/>
      <c r="G1444" s="236"/>
      <c r="H1444" s="236"/>
      <c r="I1444" s="236"/>
    </row>
    <row r="1445" spans="3:9" x14ac:dyDescent="0.2">
      <c r="C1445" s="236"/>
      <c r="D1445" s="236"/>
      <c r="E1445" s="236"/>
      <c r="F1445" s="236"/>
      <c r="G1445" s="236"/>
      <c r="H1445" s="236"/>
      <c r="I1445" s="236"/>
    </row>
    <row r="1446" spans="3:9" x14ac:dyDescent="0.2">
      <c r="C1446" s="236"/>
      <c r="D1446" s="236"/>
      <c r="E1446" s="236"/>
      <c r="F1446" s="236"/>
      <c r="G1446" s="236"/>
      <c r="H1446" s="236"/>
      <c r="I1446" s="236"/>
    </row>
    <row r="1447" spans="3:9" x14ac:dyDescent="0.2">
      <c r="C1447" s="236"/>
      <c r="D1447" s="236"/>
      <c r="E1447" s="236"/>
      <c r="F1447" s="236"/>
      <c r="G1447" s="236"/>
      <c r="H1447" s="236"/>
      <c r="I1447" s="236"/>
    </row>
    <row r="1448" spans="3:9" x14ac:dyDescent="0.2">
      <c r="C1448" s="236"/>
      <c r="D1448" s="236"/>
      <c r="E1448" s="236"/>
      <c r="F1448" s="236"/>
      <c r="G1448" s="236"/>
      <c r="H1448" s="236"/>
      <c r="I1448" s="236"/>
    </row>
    <row r="1449" spans="3:9" x14ac:dyDescent="0.2">
      <c r="C1449" s="236"/>
      <c r="D1449" s="236"/>
      <c r="E1449" s="236"/>
      <c r="F1449" s="236"/>
      <c r="G1449" s="236"/>
      <c r="H1449" s="236"/>
      <c r="I1449" s="236"/>
    </row>
    <row r="1450" spans="3:9" x14ac:dyDescent="0.2">
      <c r="C1450" s="236"/>
      <c r="D1450" s="236"/>
      <c r="E1450" s="236"/>
      <c r="F1450" s="236"/>
      <c r="G1450" s="236"/>
      <c r="H1450" s="236"/>
      <c r="I1450" s="236"/>
    </row>
    <row r="1451" spans="3:9" x14ac:dyDescent="0.2">
      <c r="C1451" s="236"/>
      <c r="D1451" s="236"/>
      <c r="E1451" s="236"/>
      <c r="F1451" s="236"/>
      <c r="G1451" s="236"/>
      <c r="H1451" s="236"/>
      <c r="I1451" s="236"/>
    </row>
    <row r="1452" spans="3:9" x14ac:dyDescent="0.2">
      <c r="C1452" s="236"/>
      <c r="D1452" s="236"/>
      <c r="E1452" s="236"/>
      <c r="F1452" s="236"/>
      <c r="G1452" s="236"/>
      <c r="H1452" s="236"/>
      <c r="I1452" s="236"/>
    </row>
    <row r="1453" spans="3:9" x14ac:dyDescent="0.2">
      <c r="C1453" s="236"/>
      <c r="D1453" s="236"/>
      <c r="E1453" s="236"/>
      <c r="F1453" s="236"/>
      <c r="G1453" s="236"/>
      <c r="H1453" s="236"/>
      <c r="I1453" s="236"/>
    </row>
    <row r="1454" spans="3:9" x14ac:dyDescent="0.2">
      <c r="C1454" s="236"/>
      <c r="D1454" s="236"/>
      <c r="E1454" s="236"/>
      <c r="F1454" s="236"/>
      <c r="G1454" s="236"/>
      <c r="H1454" s="236"/>
      <c r="I1454" s="236"/>
    </row>
    <row r="1455" spans="3:9" x14ac:dyDescent="0.2">
      <c r="C1455" s="236"/>
      <c r="D1455" s="236"/>
      <c r="E1455" s="236"/>
      <c r="F1455" s="236"/>
      <c r="G1455" s="236"/>
      <c r="H1455" s="236"/>
      <c r="I1455" s="236"/>
    </row>
    <row r="1456" spans="3:9" x14ac:dyDescent="0.2">
      <c r="C1456" s="236"/>
      <c r="D1456" s="236"/>
      <c r="E1456" s="236"/>
      <c r="F1456" s="236"/>
      <c r="G1456" s="236"/>
      <c r="H1456" s="236"/>
      <c r="I1456" s="236"/>
    </row>
    <row r="1457" spans="3:9" x14ac:dyDescent="0.2">
      <c r="C1457" s="236"/>
      <c r="D1457" s="236"/>
      <c r="E1457" s="236"/>
      <c r="F1457" s="236"/>
      <c r="G1457" s="236"/>
      <c r="H1457" s="236"/>
      <c r="I1457" s="236"/>
    </row>
    <row r="1458" spans="3:9" x14ac:dyDescent="0.2">
      <c r="C1458" s="236"/>
      <c r="D1458" s="236"/>
      <c r="E1458" s="236"/>
      <c r="F1458" s="236"/>
      <c r="G1458" s="236"/>
      <c r="H1458" s="236"/>
      <c r="I1458" s="236"/>
    </row>
    <row r="1459" spans="3:9" x14ac:dyDescent="0.2">
      <c r="C1459" s="236"/>
      <c r="D1459" s="236"/>
      <c r="E1459" s="236"/>
      <c r="F1459" s="236"/>
      <c r="G1459" s="236"/>
      <c r="H1459" s="236"/>
      <c r="I1459" s="236"/>
    </row>
    <row r="1460" spans="3:9" x14ac:dyDescent="0.2">
      <c r="C1460" s="236"/>
      <c r="D1460" s="236"/>
      <c r="E1460" s="236"/>
      <c r="F1460" s="236"/>
      <c r="G1460" s="236"/>
      <c r="H1460" s="236"/>
      <c r="I1460" s="236"/>
    </row>
    <row r="1461" spans="3:9" x14ac:dyDescent="0.2">
      <c r="C1461" s="236"/>
      <c r="D1461" s="236"/>
      <c r="E1461" s="236"/>
      <c r="F1461" s="236"/>
      <c r="G1461" s="236"/>
      <c r="H1461" s="236"/>
      <c r="I1461" s="236"/>
    </row>
    <row r="1462" spans="3:9" x14ac:dyDescent="0.2">
      <c r="C1462" s="236"/>
      <c r="D1462" s="236"/>
      <c r="E1462" s="236"/>
      <c r="F1462" s="236"/>
      <c r="G1462" s="236"/>
      <c r="H1462" s="236"/>
      <c r="I1462" s="236"/>
    </row>
    <row r="1463" spans="3:9" x14ac:dyDescent="0.2">
      <c r="C1463" s="236"/>
      <c r="D1463" s="236"/>
      <c r="E1463" s="236"/>
      <c r="F1463" s="236"/>
      <c r="G1463" s="236"/>
      <c r="H1463" s="236"/>
      <c r="I1463" s="236"/>
    </row>
    <row r="1464" spans="3:9" x14ac:dyDescent="0.2">
      <c r="C1464" s="236"/>
      <c r="D1464" s="236"/>
      <c r="E1464" s="236"/>
      <c r="F1464" s="236"/>
      <c r="G1464" s="236"/>
      <c r="H1464" s="236"/>
      <c r="I1464" s="236"/>
    </row>
    <row r="1465" spans="3:9" x14ac:dyDescent="0.2">
      <c r="C1465" s="236"/>
      <c r="D1465" s="236"/>
      <c r="E1465" s="236"/>
      <c r="F1465" s="236"/>
      <c r="G1465" s="236"/>
      <c r="H1465" s="236"/>
      <c r="I1465" s="236"/>
    </row>
    <row r="1466" spans="3:9" x14ac:dyDescent="0.2">
      <c r="C1466" s="236"/>
      <c r="D1466" s="236"/>
      <c r="E1466" s="236"/>
      <c r="F1466" s="236"/>
      <c r="G1466" s="236"/>
      <c r="H1466" s="236"/>
      <c r="I1466" s="236"/>
    </row>
    <row r="1467" spans="3:9" x14ac:dyDescent="0.2">
      <c r="C1467" s="236"/>
      <c r="D1467" s="236"/>
      <c r="E1467" s="236"/>
      <c r="F1467" s="236"/>
      <c r="G1467" s="236"/>
      <c r="H1467" s="236"/>
      <c r="I1467" s="236"/>
    </row>
    <row r="1468" spans="3:9" x14ac:dyDescent="0.2">
      <c r="C1468" s="236"/>
      <c r="D1468" s="236"/>
      <c r="E1468" s="236"/>
      <c r="F1468" s="236"/>
      <c r="G1468" s="236"/>
      <c r="H1468" s="236"/>
      <c r="I1468" s="236"/>
    </row>
    <row r="1469" spans="3:9" x14ac:dyDescent="0.2">
      <c r="C1469" s="236"/>
      <c r="D1469" s="236"/>
      <c r="E1469" s="236"/>
      <c r="F1469" s="236"/>
      <c r="G1469" s="236"/>
      <c r="H1469" s="236"/>
      <c r="I1469" s="236"/>
    </row>
    <row r="1470" spans="3:9" x14ac:dyDescent="0.2">
      <c r="C1470" s="236"/>
      <c r="D1470" s="236"/>
      <c r="E1470" s="236"/>
      <c r="F1470" s="236"/>
      <c r="G1470" s="236"/>
      <c r="H1470" s="236"/>
      <c r="I1470" s="236"/>
    </row>
    <row r="1471" spans="3:9" x14ac:dyDescent="0.2">
      <c r="C1471" s="236"/>
      <c r="D1471" s="236"/>
      <c r="E1471" s="236"/>
      <c r="F1471" s="236"/>
      <c r="G1471" s="236"/>
      <c r="H1471" s="236"/>
      <c r="I1471" s="236"/>
    </row>
    <row r="1472" spans="3:9" x14ac:dyDescent="0.2">
      <c r="C1472" s="236"/>
      <c r="D1472" s="236"/>
      <c r="E1472" s="236"/>
      <c r="F1472" s="236"/>
      <c r="G1472" s="236"/>
      <c r="H1472" s="236"/>
      <c r="I1472" s="236"/>
    </row>
    <row r="1473" spans="3:9" x14ac:dyDescent="0.2">
      <c r="C1473" s="236"/>
      <c r="D1473" s="236"/>
      <c r="E1473" s="236"/>
      <c r="F1473" s="236"/>
      <c r="G1473" s="236"/>
      <c r="H1473" s="236"/>
      <c r="I1473" s="236"/>
    </row>
    <row r="1474" spans="3:9" x14ac:dyDescent="0.2">
      <c r="C1474" s="236"/>
      <c r="D1474" s="236"/>
      <c r="E1474" s="236"/>
      <c r="F1474" s="236"/>
      <c r="G1474" s="236"/>
      <c r="H1474" s="236"/>
      <c r="I1474" s="236"/>
    </row>
    <row r="1475" spans="3:9" x14ac:dyDescent="0.2">
      <c r="C1475" s="236"/>
      <c r="D1475" s="236"/>
      <c r="E1475" s="236"/>
      <c r="F1475" s="236"/>
      <c r="G1475" s="236"/>
      <c r="H1475" s="236"/>
      <c r="I1475" s="236"/>
    </row>
    <row r="1476" spans="3:9" x14ac:dyDescent="0.2">
      <c r="C1476" s="236"/>
      <c r="D1476" s="236"/>
      <c r="E1476" s="236"/>
      <c r="F1476" s="236"/>
      <c r="G1476" s="236"/>
      <c r="H1476" s="236"/>
      <c r="I1476" s="236"/>
    </row>
    <row r="1477" spans="3:9" x14ac:dyDescent="0.2">
      <c r="C1477" s="236"/>
      <c r="D1477" s="236"/>
      <c r="E1477" s="236"/>
      <c r="F1477" s="236"/>
      <c r="G1477" s="236"/>
      <c r="H1477" s="236"/>
      <c r="I1477" s="236"/>
    </row>
    <row r="1478" spans="3:9" x14ac:dyDescent="0.2">
      <c r="C1478" s="236"/>
      <c r="D1478" s="236"/>
      <c r="E1478" s="236"/>
      <c r="F1478" s="236"/>
      <c r="G1478" s="236"/>
      <c r="H1478" s="236"/>
      <c r="I1478" s="236"/>
    </row>
    <row r="1479" spans="3:9" x14ac:dyDescent="0.2">
      <c r="C1479" s="236"/>
      <c r="D1479" s="236"/>
      <c r="E1479" s="236"/>
      <c r="F1479" s="236"/>
      <c r="G1479" s="236"/>
      <c r="H1479" s="236"/>
      <c r="I1479" s="236"/>
    </row>
    <row r="1480" spans="3:9" x14ac:dyDescent="0.2">
      <c r="C1480" s="236"/>
      <c r="D1480" s="236"/>
      <c r="E1480" s="236"/>
      <c r="F1480" s="236"/>
      <c r="G1480" s="236"/>
      <c r="H1480" s="236"/>
      <c r="I1480" s="236"/>
    </row>
    <row r="1481" spans="3:9" x14ac:dyDescent="0.2">
      <c r="C1481" s="236"/>
      <c r="D1481" s="236"/>
      <c r="E1481" s="236"/>
      <c r="F1481" s="236"/>
      <c r="G1481" s="236"/>
      <c r="H1481" s="236"/>
      <c r="I1481" s="236"/>
    </row>
    <row r="1482" spans="3:9" x14ac:dyDescent="0.2">
      <c r="C1482" s="236"/>
      <c r="D1482" s="236"/>
      <c r="E1482" s="236"/>
      <c r="F1482" s="236"/>
      <c r="G1482" s="236"/>
      <c r="H1482" s="236"/>
      <c r="I1482" s="236"/>
    </row>
    <row r="1483" spans="3:9" x14ac:dyDescent="0.2">
      <c r="C1483" s="236"/>
      <c r="D1483" s="236"/>
      <c r="E1483" s="236"/>
      <c r="F1483" s="236"/>
      <c r="G1483" s="236"/>
      <c r="H1483" s="236"/>
      <c r="I1483" s="236"/>
    </row>
    <row r="1484" spans="3:9" x14ac:dyDescent="0.2">
      <c r="C1484" s="236"/>
      <c r="D1484" s="236"/>
      <c r="E1484" s="236"/>
      <c r="F1484" s="236"/>
      <c r="G1484" s="236"/>
      <c r="H1484" s="236"/>
      <c r="I1484" s="236"/>
    </row>
    <row r="1485" spans="3:9" x14ac:dyDescent="0.2">
      <c r="C1485" s="236"/>
      <c r="D1485" s="236"/>
      <c r="E1485" s="236"/>
      <c r="F1485" s="236"/>
      <c r="G1485" s="236"/>
      <c r="H1485" s="236"/>
      <c r="I1485" s="236"/>
    </row>
    <row r="1486" spans="3:9" x14ac:dyDescent="0.2">
      <c r="C1486" s="236"/>
      <c r="D1486" s="236"/>
      <c r="E1486" s="236"/>
      <c r="F1486" s="236"/>
      <c r="G1486" s="236"/>
      <c r="H1486" s="236"/>
      <c r="I1486" s="236"/>
    </row>
    <row r="1487" spans="3:9" x14ac:dyDescent="0.2">
      <c r="C1487" s="236"/>
      <c r="D1487" s="236"/>
      <c r="E1487" s="236"/>
      <c r="F1487" s="236"/>
      <c r="G1487" s="236"/>
      <c r="H1487" s="236"/>
      <c r="I1487" s="236"/>
    </row>
    <row r="1488" spans="3:9" x14ac:dyDescent="0.2">
      <c r="C1488" s="236"/>
      <c r="D1488" s="236"/>
      <c r="E1488" s="236"/>
      <c r="F1488" s="236"/>
      <c r="G1488" s="236"/>
      <c r="H1488" s="236"/>
      <c r="I1488" s="236"/>
    </row>
    <row r="1489" spans="3:9" x14ac:dyDescent="0.2">
      <c r="C1489" s="236"/>
      <c r="D1489" s="236"/>
      <c r="E1489" s="236"/>
      <c r="F1489" s="236"/>
      <c r="G1489" s="236"/>
      <c r="H1489" s="236"/>
      <c r="I1489" s="236"/>
    </row>
    <row r="1490" spans="3:9" x14ac:dyDescent="0.2">
      <c r="C1490" s="236"/>
      <c r="D1490" s="236"/>
      <c r="E1490" s="236"/>
      <c r="F1490" s="236"/>
      <c r="G1490" s="236"/>
      <c r="H1490" s="236"/>
      <c r="I1490" s="236"/>
    </row>
    <row r="1491" spans="3:9" x14ac:dyDescent="0.2">
      <c r="C1491" s="236"/>
      <c r="D1491" s="236"/>
      <c r="E1491" s="236"/>
      <c r="F1491" s="236"/>
      <c r="G1491" s="236"/>
      <c r="H1491" s="236"/>
      <c r="I1491" s="236"/>
    </row>
    <row r="1492" spans="3:9" x14ac:dyDescent="0.2">
      <c r="C1492" s="236"/>
      <c r="D1492" s="236"/>
      <c r="E1492" s="236"/>
      <c r="F1492" s="236"/>
      <c r="G1492" s="236"/>
      <c r="H1492" s="236"/>
      <c r="I1492" s="236"/>
    </row>
    <row r="1493" spans="3:9" x14ac:dyDescent="0.2">
      <c r="C1493" s="236"/>
      <c r="D1493" s="236"/>
      <c r="E1493" s="236"/>
      <c r="F1493" s="236"/>
      <c r="G1493" s="236"/>
      <c r="H1493" s="236"/>
      <c r="I1493" s="236"/>
    </row>
    <row r="1494" spans="3:9" x14ac:dyDescent="0.2">
      <c r="C1494" s="236"/>
      <c r="D1494" s="236"/>
      <c r="E1494" s="236"/>
      <c r="F1494" s="236"/>
      <c r="G1494" s="236"/>
      <c r="H1494" s="236"/>
      <c r="I1494" s="236"/>
    </row>
    <row r="1495" spans="3:9" x14ac:dyDescent="0.2">
      <c r="C1495" s="236"/>
      <c r="D1495" s="236"/>
      <c r="E1495" s="236"/>
      <c r="F1495" s="236"/>
      <c r="G1495" s="236"/>
      <c r="H1495" s="236"/>
      <c r="I1495" s="236"/>
    </row>
    <row r="1496" spans="3:9" x14ac:dyDescent="0.2">
      <c r="C1496" s="236"/>
      <c r="D1496" s="236"/>
      <c r="E1496" s="236"/>
      <c r="F1496" s="236"/>
      <c r="G1496" s="236"/>
      <c r="H1496" s="236"/>
      <c r="I1496" s="236"/>
    </row>
    <row r="1497" spans="3:9" x14ac:dyDescent="0.2">
      <c r="C1497" s="236"/>
      <c r="D1497" s="236"/>
      <c r="E1497" s="236"/>
      <c r="F1497" s="236"/>
      <c r="G1497" s="236"/>
      <c r="H1497" s="236"/>
      <c r="I1497" s="236"/>
    </row>
    <row r="1498" spans="3:9" x14ac:dyDescent="0.2">
      <c r="C1498" s="236"/>
      <c r="D1498" s="236"/>
      <c r="E1498" s="236"/>
      <c r="F1498" s="236"/>
      <c r="G1498" s="236"/>
      <c r="H1498" s="236"/>
      <c r="I1498" s="236"/>
    </row>
    <row r="1499" spans="3:9" x14ac:dyDescent="0.2">
      <c r="C1499" s="236"/>
      <c r="D1499" s="236"/>
      <c r="E1499" s="236"/>
      <c r="F1499" s="236"/>
      <c r="G1499" s="236"/>
      <c r="H1499" s="236"/>
      <c r="I1499" s="236"/>
    </row>
    <row r="1500" spans="3:9" x14ac:dyDescent="0.2">
      <c r="C1500" s="236"/>
      <c r="D1500" s="236"/>
      <c r="E1500" s="236"/>
      <c r="F1500" s="236"/>
      <c r="G1500" s="236"/>
      <c r="H1500" s="236"/>
      <c r="I1500" s="236"/>
    </row>
    <row r="1501" spans="3:9" x14ac:dyDescent="0.2">
      <c r="C1501" s="236"/>
      <c r="D1501" s="236"/>
      <c r="E1501" s="236"/>
      <c r="F1501" s="236"/>
      <c r="G1501" s="236"/>
      <c r="H1501" s="236"/>
      <c r="I1501" s="236"/>
    </row>
    <row r="1502" spans="3:9" x14ac:dyDescent="0.2">
      <c r="C1502" s="236"/>
      <c r="D1502" s="236"/>
      <c r="E1502" s="236"/>
      <c r="F1502" s="236"/>
      <c r="G1502" s="236"/>
      <c r="H1502" s="236"/>
      <c r="I1502" s="236"/>
    </row>
    <row r="1503" spans="3:9" x14ac:dyDescent="0.2">
      <c r="C1503" s="236"/>
      <c r="D1503" s="236"/>
      <c r="E1503" s="236"/>
      <c r="F1503" s="236"/>
      <c r="G1503" s="236"/>
      <c r="H1503" s="236"/>
      <c r="I1503" s="236"/>
    </row>
    <row r="1504" spans="3:9" x14ac:dyDescent="0.2">
      <c r="C1504" s="236"/>
      <c r="D1504" s="236"/>
      <c r="E1504" s="236"/>
      <c r="F1504" s="236"/>
      <c r="G1504" s="236"/>
      <c r="H1504" s="236"/>
      <c r="I1504" s="236"/>
    </row>
    <row r="1505" spans="3:9" x14ac:dyDescent="0.2">
      <c r="C1505" s="236"/>
      <c r="D1505" s="236"/>
      <c r="E1505" s="236"/>
      <c r="F1505" s="236"/>
      <c r="G1505" s="236"/>
      <c r="H1505" s="236"/>
      <c r="I1505" s="236"/>
    </row>
    <row r="1506" spans="3:9" x14ac:dyDescent="0.2">
      <c r="C1506" s="236"/>
      <c r="D1506" s="236"/>
      <c r="E1506" s="236"/>
      <c r="F1506" s="236"/>
      <c r="G1506" s="236"/>
      <c r="H1506" s="236"/>
      <c r="I1506" s="236"/>
    </row>
    <row r="1507" spans="3:9" x14ac:dyDescent="0.2">
      <c r="C1507" s="236"/>
      <c r="D1507" s="236"/>
      <c r="E1507" s="236"/>
      <c r="F1507" s="236"/>
      <c r="G1507" s="236"/>
      <c r="H1507" s="236"/>
      <c r="I1507" s="236"/>
    </row>
    <row r="1508" spans="3:9" x14ac:dyDescent="0.2">
      <c r="C1508" s="236"/>
      <c r="D1508" s="236"/>
      <c r="E1508" s="236"/>
      <c r="F1508" s="236"/>
      <c r="G1508" s="236"/>
      <c r="H1508" s="236"/>
      <c r="I1508" s="236"/>
    </row>
    <row r="1509" spans="3:9" x14ac:dyDescent="0.2">
      <c r="C1509" s="236"/>
      <c r="D1509" s="236"/>
      <c r="E1509" s="236"/>
      <c r="F1509" s="236"/>
      <c r="G1509" s="236"/>
      <c r="H1509" s="236"/>
      <c r="I1509" s="236"/>
    </row>
    <row r="1510" spans="3:9" x14ac:dyDescent="0.2">
      <c r="C1510" s="236"/>
      <c r="D1510" s="236"/>
      <c r="E1510" s="236"/>
      <c r="F1510" s="236"/>
      <c r="G1510" s="236"/>
      <c r="H1510" s="236"/>
      <c r="I1510" s="236"/>
    </row>
    <row r="1511" spans="3:9" x14ac:dyDescent="0.2">
      <c r="C1511" s="236"/>
      <c r="D1511" s="236"/>
      <c r="E1511" s="236"/>
      <c r="F1511" s="236"/>
      <c r="G1511" s="236"/>
      <c r="H1511" s="236"/>
      <c r="I1511" s="236"/>
    </row>
    <row r="1512" spans="3:9" x14ac:dyDescent="0.2">
      <c r="C1512" s="236"/>
      <c r="D1512" s="236"/>
      <c r="E1512" s="236"/>
      <c r="F1512" s="236"/>
      <c r="G1512" s="236"/>
      <c r="H1512" s="236"/>
      <c r="I1512" s="236"/>
    </row>
    <row r="1513" spans="3:9" x14ac:dyDescent="0.2">
      <c r="C1513" s="236"/>
      <c r="D1513" s="236"/>
      <c r="E1513" s="236"/>
      <c r="F1513" s="236"/>
      <c r="G1513" s="236"/>
      <c r="H1513" s="236"/>
      <c r="I1513" s="236"/>
    </row>
    <row r="1514" spans="3:9" x14ac:dyDescent="0.2">
      <c r="C1514" s="236"/>
      <c r="D1514" s="236"/>
      <c r="E1514" s="236"/>
      <c r="F1514" s="236"/>
      <c r="G1514" s="236"/>
      <c r="H1514" s="236"/>
      <c r="I1514" s="236"/>
    </row>
    <row r="1515" spans="3:9" x14ac:dyDescent="0.2">
      <c r="C1515" s="236"/>
      <c r="D1515" s="236"/>
      <c r="E1515" s="236"/>
      <c r="F1515" s="236"/>
      <c r="G1515" s="236"/>
      <c r="H1515" s="236"/>
      <c r="I1515" s="236"/>
    </row>
    <row r="1516" spans="3:9" x14ac:dyDescent="0.2">
      <c r="C1516" s="236"/>
      <c r="D1516" s="236"/>
      <c r="E1516" s="236"/>
      <c r="F1516" s="236"/>
      <c r="G1516" s="236"/>
      <c r="H1516" s="236"/>
      <c r="I1516" s="236"/>
    </row>
    <row r="1517" spans="3:9" x14ac:dyDescent="0.2">
      <c r="C1517" s="236"/>
      <c r="D1517" s="236"/>
      <c r="E1517" s="236"/>
      <c r="F1517" s="236"/>
      <c r="G1517" s="236"/>
      <c r="H1517" s="236"/>
      <c r="I1517" s="236"/>
    </row>
    <row r="1518" spans="3:9" x14ac:dyDescent="0.2">
      <c r="C1518" s="236"/>
      <c r="D1518" s="236"/>
      <c r="E1518" s="236"/>
      <c r="F1518" s="236"/>
      <c r="G1518" s="236"/>
      <c r="H1518" s="236"/>
      <c r="I1518" s="236"/>
    </row>
    <row r="1519" spans="3:9" x14ac:dyDescent="0.2">
      <c r="C1519" s="236"/>
      <c r="D1519" s="236"/>
      <c r="E1519" s="236"/>
      <c r="F1519" s="236"/>
      <c r="G1519" s="236"/>
      <c r="H1519" s="236"/>
      <c r="I1519" s="236"/>
    </row>
    <row r="1520" spans="3:9" x14ac:dyDescent="0.2">
      <c r="C1520" s="236"/>
      <c r="D1520" s="236"/>
      <c r="E1520" s="236"/>
      <c r="F1520" s="236"/>
      <c r="G1520" s="236"/>
      <c r="H1520" s="236"/>
      <c r="I1520" s="236"/>
    </row>
    <row r="1521" spans="3:9" x14ac:dyDescent="0.2">
      <c r="C1521" s="236"/>
      <c r="D1521" s="236"/>
      <c r="E1521" s="236"/>
      <c r="F1521" s="236"/>
      <c r="G1521" s="236"/>
      <c r="H1521" s="236"/>
      <c r="I1521" s="236"/>
    </row>
    <row r="1522" spans="3:9" x14ac:dyDescent="0.2">
      <c r="C1522" s="236"/>
      <c r="D1522" s="236"/>
      <c r="E1522" s="236"/>
      <c r="F1522" s="236"/>
      <c r="G1522" s="236"/>
      <c r="H1522" s="236"/>
      <c r="I1522" s="236"/>
    </row>
    <row r="1523" spans="3:9" x14ac:dyDescent="0.2">
      <c r="C1523" s="236"/>
      <c r="D1523" s="236"/>
      <c r="E1523" s="236"/>
      <c r="F1523" s="236"/>
      <c r="G1523" s="236"/>
      <c r="H1523" s="236"/>
      <c r="I1523" s="236"/>
    </row>
    <row r="1524" spans="3:9" x14ac:dyDescent="0.2">
      <c r="C1524" s="236"/>
      <c r="D1524" s="236"/>
      <c r="E1524" s="236"/>
      <c r="F1524" s="236"/>
      <c r="G1524" s="236"/>
      <c r="H1524" s="236"/>
      <c r="I1524" s="236"/>
    </row>
    <row r="1525" spans="3:9" x14ac:dyDescent="0.2">
      <c r="C1525" s="236"/>
      <c r="D1525" s="236"/>
      <c r="E1525" s="236"/>
      <c r="F1525" s="236"/>
      <c r="G1525" s="236"/>
      <c r="H1525" s="236"/>
      <c r="I1525" s="236"/>
    </row>
    <row r="1526" spans="3:9" x14ac:dyDescent="0.2">
      <c r="C1526" s="236"/>
      <c r="D1526" s="236"/>
      <c r="E1526" s="236"/>
      <c r="F1526" s="236"/>
      <c r="G1526" s="236"/>
      <c r="H1526" s="236"/>
      <c r="I1526" s="236"/>
    </row>
    <row r="1527" spans="3:9" x14ac:dyDescent="0.2">
      <c r="C1527" s="236"/>
      <c r="D1527" s="236"/>
      <c r="E1527" s="236"/>
      <c r="F1527" s="236"/>
      <c r="G1527" s="236"/>
      <c r="H1527" s="236"/>
      <c r="I1527" s="236"/>
    </row>
    <row r="1528" spans="3:9" x14ac:dyDescent="0.2">
      <c r="C1528" s="236"/>
      <c r="D1528" s="236"/>
      <c r="E1528" s="236"/>
      <c r="F1528" s="236"/>
      <c r="G1528" s="236"/>
      <c r="H1528" s="236"/>
      <c r="I1528" s="236"/>
    </row>
    <row r="1529" spans="3:9" x14ac:dyDescent="0.2">
      <c r="C1529" s="236"/>
      <c r="D1529" s="236"/>
      <c r="E1529" s="236"/>
      <c r="F1529" s="236"/>
      <c r="G1529" s="236"/>
      <c r="H1529" s="236"/>
      <c r="I1529" s="236"/>
    </row>
    <row r="1530" spans="3:9" x14ac:dyDescent="0.2">
      <c r="C1530" s="236"/>
      <c r="D1530" s="236"/>
      <c r="E1530" s="236"/>
      <c r="F1530" s="236"/>
      <c r="G1530" s="236"/>
      <c r="H1530" s="236"/>
      <c r="I1530" s="236"/>
    </row>
    <row r="1531" spans="3:9" x14ac:dyDescent="0.2">
      <c r="C1531" s="236"/>
      <c r="D1531" s="236"/>
      <c r="E1531" s="236"/>
      <c r="F1531" s="236"/>
      <c r="G1531" s="236"/>
      <c r="H1531" s="236"/>
      <c r="I1531" s="236"/>
    </row>
    <row r="1532" spans="3:9" x14ac:dyDescent="0.2">
      <c r="C1532" s="236"/>
      <c r="D1532" s="236"/>
      <c r="E1532" s="236"/>
      <c r="F1532" s="236"/>
      <c r="G1532" s="236"/>
      <c r="H1532" s="236"/>
      <c r="I1532" s="236"/>
    </row>
    <row r="1533" spans="3:9" x14ac:dyDescent="0.2">
      <c r="C1533" s="236"/>
      <c r="D1533" s="236"/>
      <c r="E1533" s="236"/>
      <c r="F1533" s="236"/>
      <c r="G1533" s="236"/>
      <c r="H1533" s="236"/>
      <c r="I1533" s="236"/>
    </row>
    <row r="1534" spans="3:9" x14ac:dyDescent="0.2">
      <c r="C1534" s="236"/>
      <c r="D1534" s="236"/>
      <c r="E1534" s="236"/>
      <c r="F1534" s="236"/>
      <c r="G1534" s="236"/>
      <c r="H1534" s="236"/>
      <c r="I1534" s="236"/>
    </row>
    <row r="1535" spans="3:9" x14ac:dyDescent="0.2">
      <c r="C1535" s="236"/>
      <c r="D1535" s="236"/>
      <c r="E1535" s="236"/>
      <c r="F1535" s="236"/>
      <c r="G1535" s="236"/>
      <c r="H1535" s="236"/>
      <c r="I1535" s="236"/>
    </row>
    <row r="1536" spans="3:9" x14ac:dyDescent="0.2">
      <c r="C1536" s="236"/>
      <c r="D1536" s="236"/>
      <c r="E1536" s="236"/>
      <c r="F1536" s="236"/>
      <c r="G1536" s="236"/>
      <c r="H1536" s="236"/>
      <c r="I1536" s="236"/>
    </row>
    <row r="1537" spans="3:9" x14ac:dyDescent="0.2">
      <c r="C1537" s="236"/>
      <c r="D1537" s="236"/>
      <c r="E1537" s="236"/>
      <c r="F1537" s="236"/>
      <c r="G1537" s="236"/>
      <c r="H1537" s="236"/>
      <c r="I1537" s="236"/>
    </row>
    <row r="1538" spans="3:9" x14ac:dyDescent="0.2">
      <c r="C1538" s="236"/>
      <c r="D1538" s="236"/>
      <c r="E1538" s="236"/>
      <c r="F1538" s="236"/>
      <c r="G1538" s="236"/>
      <c r="H1538" s="236"/>
      <c r="I1538" s="236"/>
    </row>
    <row r="1539" spans="3:9" x14ac:dyDescent="0.2">
      <c r="C1539" s="236"/>
      <c r="D1539" s="236"/>
      <c r="E1539" s="236"/>
      <c r="F1539" s="236"/>
      <c r="G1539" s="236"/>
      <c r="H1539" s="236"/>
      <c r="I1539" s="236"/>
    </row>
    <row r="1540" spans="3:9" x14ac:dyDescent="0.2">
      <c r="C1540" s="236"/>
      <c r="D1540" s="236"/>
      <c r="E1540" s="236"/>
      <c r="F1540" s="236"/>
      <c r="G1540" s="236"/>
      <c r="H1540" s="236"/>
      <c r="I1540" s="236"/>
    </row>
    <row r="1541" spans="3:9" x14ac:dyDescent="0.2">
      <c r="C1541" s="236"/>
      <c r="D1541" s="236"/>
      <c r="E1541" s="236"/>
      <c r="F1541" s="236"/>
      <c r="G1541" s="236"/>
      <c r="H1541" s="236"/>
      <c r="I1541" s="236"/>
    </row>
    <row r="1542" spans="3:9" x14ac:dyDescent="0.2">
      <c r="C1542" s="236"/>
      <c r="D1542" s="236"/>
      <c r="E1542" s="236"/>
      <c r="F1542" s="236"/>
      <c r="G1542" s="236"/>
      <c r="H1542" s="236"/>
      <c r="I1542" s="236"/>
    </row>
    <row r="1543" spans="3:9" x14ac:dyDescent="0.2">
      <c r="C1543" s="236"/>
      <c r="D1543" s="236"/>
      <c r="E1543" s="236"/>
      <c r="F1543" s="236"/>
      <c r="G1543" s="236"/>
      <c r="H1543" s="236"/>
      <c r="I1543" s="236"/>
    </row>
    <row r="1544" spans="3:9" x14ac:dyDescent="0.2">
      <c r="C1544" s="236"/>
      <c r="D1544" s="236"/>
      <c r="E1544" s="236"/>
      <c r="F1544" s="236"/>
      <c r="G1544" s="236"/>
      <c r="H1544" s="236"/>
      <c r="I1544" s="236"/>
    </row>
    <row r="1545" spans="3:9" x14ac:dyDescent="0.2">
      <c r="C1545" s="236"/>
      <c r="D1545" s="236"/>
      <c r="E1545" s="236"/>
      <c r="F1545" s="236"/>
      <c r="G1545" s="236"/>
      <c r="H1545" s="236"/>
      <c r="I1545" s="236"/>
    </row>
    <row r="1546" spans="3:9" x14ac:dyDescent="0.2">
      <c r="C1546" s="236"/>
      <c r="D1546" s="236"/>
      <c r="E1546" s="236"/>
      <c r="F1546" s="236"/>
      <c r="G1546" s="236"/>
      <c r="H1546" s="236"/>
      <c r="I1546" s="236"/>
    </row>
    <row r="1547" spans="3:9" x14ac:dyDescent="0.2">
      <c r="C1547" s="236"/>
      <c r="D1547" s="236"/>
      <c r="E1547" s="236"/>
      <c r="F1547" s="236"/>
      <c r="G1547" s="236"/>
      <c r="H1547" s="236"/>
      <c r="I1547" s="236"/>
    </row>
    <row r="1548" spans="3:9" x14ac:dyDescent="0.2">
      <c r="C1548" s="236"/>
      <c r="D1548" s="236"/>
      <c r="E1548" s="236"/>
      <c r="F1548" s="236"/>
      <c r="G1548" s="236"/>
      <c r="H1548" s="236"/>
      <c r="I1548" s="236"/>
    </row>
    <row r="1549" spans="3:9" x14ac:dyDescent="0.2">
      <c r="C1549" s="236"/>
      <c r="D1549" s="236"/>
      <c r="E1549" s="236"/>
      <c r="F1549" s="236"/>
      <c r="G1549" s="236"/>
      <c r="H1549" s="236"/>
      <c r="I1549" s="236"/>
    </row>
    <row r="1550" spans="3:9" x14ac:dyDescent="0.2">
      <c r="C1550" s="236"/>
      <c r="D1550" s="236"/>
      <c r="E1550" s="236"/>
      <c r="F1550" s="236"/>
      <c r="G1550" s="236"/>
      <c r="H1550" s="236"/>
      <c r="I1550" s="236"/>
    </row>
    <row r="1551" spans="3:9" x14ac:dyDescent="0.2">
      <c r="C1551" s="236"/>
      <c r="D1551" s="236"/>
      <c r="E1551" s="236"/>
      <c r="F1551" s="236"/>
      <c r="G1551" s="236"/>
      <c r="H1551" s="236"/>
      <c r="I1551" s="236"/>
    </row>
    <row r="1552" spans="3:9" x14ac:dyDescent="0.2">
      <c r="C1552" s="236"/>
      <c r="D1552" s="236"/>
      <c r="E1552" s="236"/>
      <c r="F1552" s="236"/>
      <c r="G1552" s="236"/>
      <c r="H1552" s="236"/>
      <c r="I1552" s="236"/>
    </row>
    <row r="1553" spans="3:9" x14ac:dyDescent="0.2">
      <c r="C1553" s="236"/>
      <c r="D1553" s="236"/>
      <c r="E1553" s="236"/>
      <c r="F1553" s="236"/>
      <c r="G1553" s="236"/>
      <c r="H1553" s="236"/>
      <c r="I1553" s="236"/>
    </row>
    <row r="1554" spans="3:9" x14ac:dyDescent="0.2">
      <c r="C1554" s="236"/>
      <c r="D1554" s="236"/>
      <c r="E1554" s="236"/>
      <c r="F1554" s="236"/>
      <c r="G1554" s="236"/>
      <c r="H1554" s="236"/>
      <c r="I1554" s="236"/>
    </row>
    <row r="1555" spans="3:9" x14ac:dyDescent="0.2">
      <c r="C1555" s="236"/>
      <c r="D1555" s="236"/>
      <c r="E1555" s="236"/>
      <c r="F1555" s="236"/>
      <c r="G1555" s="236"/>
      <c r="H1555" s="236"/>
      <c r="I1555" s="236"/>
    </row>
    <row r="1556" spans="3:9" x14ac:dyDescent="0.2">
      <c r="C1556" s="236"/>
      <c r="D1556" s="236"/>
      <c r="E1556" s="236"/>
      <c r="F1556" s="236"/>
      <c r="G1556" s="236"/>
      <c r="H1556" s="236"/>
      <c r="I1556" s="236"/>
    </row>
    <row r="1557" spans="3:9" x14ac:dyDescent="0.2">
      <c r="C1557" s="236"/>
      <c r="D1557" s="236"/>
      <c r="E1557" s="236"/>
      <c r="F1557" s="236"/>
      <c r="G1557" s="236"/>
      <c r="H1557" s="236"/>
      <c r="I1557" s="236"/>
    </row>
    <row r="1558" spans="3:9" x14ac:dyDescent="0.2">
      <c r="C1558" s="236"/>
      <c r="D1558" s="236"/>
      <c r="E1558" s="236"/>
      <c r="F1558" s="236"/>
      <c r="G1558" s="236"/>
      <c r="H1558" s="236"/>
      <c r="I1558" s="236"/>
    </row>
    <row r="1559" spans="3:9" x14ac:dyDescent="0.2">
      <c r="C1559" s="236"/>
      <c r="D1559" s="236"/>
      <c r="E1559" s="236"/>
      <c r="F1559" s="236"/>
      <c r="G1559" s="236"/>
      <c r="H1559" s="236"/>
      <c r="I1559" s="236"/>
    </row>
    <row r="1560" spans="3:9" x14ac:dyDescent="0.2">
      <c r="C1560" s="236"/>
      <c r="D1560" s="236"/>
      <c r="E1560" s="236"/>
      <c r="F1560" s="236"/>
      <c r="G1560" s="236"/>
      <c r="H1560" s="236"/>
      <c r="I1560" s="236"/>
    </row>
    <row r="1561" spans="3:9" x14ac:dyDescent="0.2">
      <c r="C1561" s="236"/>
      <c r="D1561" s="236"/>
      <c r="E1561" s="236"/>
      <c r="F1561" s="236"/>
      <c r="G1561" s="236"/>
      <c r="H1561" s="236"/>
      <c r="I1561" s="236"/>
    </row>
    <row r="1562" spans="3:9" x14ac:dyDescent="0.2">
      <c r="C1562" s="236"/>
      <c r="D1562" s="236"/>
      <c r="E1562" s="236"/>
      <c r="F1562" s="236"/>
      <c r="G1562" s="236"/>
      <c r="H1562" s="236"/>
      <c r="I1562" s="236"/>
    </row>
    <row r="1563" spans="3:9" x14ac:dyDescent="0.2">
      <c r="C1563" s="236"/>
      <c r="D1563" s="236"/>
      <c r="E1563" s="236"/>
      <c r="F1563" s="236"/>
      <c r="G1563" s="236"/>
      <c r="H1563" s="236"/>
      <c r="I1563" s="236"/>
    </row>
    <row r="1564" spans="3:9" x14ac:dyDescent="0.2">
      <c r="C1564" s="236"/>
      <c r="D1564" s="236"/>
      <c r="E1564" s="236"/>
      <c r="F1564" s="236"/>
      <c r="G1564" s="236"/>
      <c r="H1564" s="236"/>
      <c r="I1564" s="236"/>
    </row>
    <row r="1565" spans="3:9" x14ac:dyDescent="0.2">
      <c r="C1565" s="236"/>
      <c r="D1565" s="236"/>
      <c r="E1565" s="236"/>
      <c r="F1565" s="236"/>
      <c r="G1565" s="236"/>
      <c r="H1565" s="236"/>
      <c r="I1565" s="236"/>
    </row>
    <row r="1566" spans="3:9" x14ac:dyDescent="0.2">
      <c r="C1566" s="236"/>
      <c r="D1566" s="236"/>
      <c r="E1566" s="236"/>
      <c r="F1566" s="236"/>
      <c r="G1566" s="236"/>
      <c r="H1566" s="236"/>
      <c r="I1566" s="236"/>
    </row>
    <row r="1567" spans="3:9" x14ac:dyDescent="0.2">
      <c r="C1567" s="236"/>
      <c r="D1567" s="236"/>
      <c r="E1567" s="236"/>
      <c r="F1567" s="236"/>
      <c r="G1567" s="236"/>
      <c r="H1567" s="236"/>
      <c r="I1567" s="236"/>
    </row>
    <row r="1568" spans="3:9" x14ac:dyDescent="0.2">
      <c r="C1568" s="236"/>
      <c r="D1568" s="236"/>
      <c r="E1568" s="236"/>
      <c r="F1568" s="236"/>
      <c r="G1568" s="236"/>
      <c r="H1568" s="236"/>
      <c r="I1568" s="236"/>
    </row>
    <row r="1569" spans="3:9" x14ac:dyDescent="0.2">
      <c r="C1569" s="236"/>
      <c r="D1569" s="236"/>
      <c r="E1569" s="236"/>
      <c r="F1569" s="236"/>
      <c r="G1569" s="236"/>
      <c r="H1569" s="236"/>
      <c r="I1569" s="236"/>
    </row>
    <row r="1570" spans="3:9" x14ac:dyDescent="0.2">
      <c r="C1570" s="236"/>
      <c r="D1570" s="236"/>
      <c r="E1570" s="236"/>
      <c r="F1570" s="236"/>
      <c r="G1570" s="236"/>
      <c r="H1570" s="236"/>
      <c r="I1570" s="236"/>
    </row>
    <row r="1571" spans="3:9" x14ac:dyDescent="0.2">
      <c r="C1571" s="236"/>
      <c r="D1571" s="236"/>
      <c r="E1571" s="236"/>
      <c r="F1571" s="236"/>
      <c r="G1571" s="236"/>
      <c r="H1571" s="236"/>
      <c r="I1571" s="236"/>
    </row>
    <row r="1572" spans="3:9" x14ac:dyDescent="0.2">
      <c r="C1572" s="236"/>
      <c r="D1572" s="236"/>
      <c r="E1572" s="236"/>
      <c r="F1572" s="236"/>
      <c r="G1572" s="236"/>
      <c r="H1572" s="236"/>
      <c r="I1572" s="236"/>
    </row>
    <row r="1573" spans="3:9" x14ac:dyDescent="0.2">
      <c r="C1573" s="236"/>
      <c r="D1573" s="236"/>
      <c r="E1573" s="236"/>
      <c r="F1573" s="236"/>
      <c r="G1573" s="236"/>
      <c r="H1573" s="236"/>
      <c r="I1573" s="236"/>
    </row>
    <row r="1574" spans="3:9" x14ac:dyDescent="0.2">
      <c r="C1574" s="236"/>
      <c r="D1574" s="236"/>
      <c r="E1574" s="236"/>
      <c r="F1574" s="236"/>
      <c r="G1574" s="236"/>
      <c r="H1574" s="236"/>
      <c r="I1574" s="236"/>
    </row>
    <row r="1575" spans="3:9" x14ac:dyDescent="0.2">
      <c r="C1575" s="236"/>
      <c r="D1575" s="236"/>
      <c r="E1575" s="236"/>
      <c r="F1575" s="236"/>
      <c r="G1575" s="236"/>
      <c r="H1575" s="236"/>
      <c r="I1575" s="236"/>
    </row>
    <row r="1576" spans="3:9" x14ac:dyDescent="0.2">
      <c r="C1576" s="236"/>
      <c r="D1576" s="236"/>
      <c r="E1576" s="236"/>
      <c r="F1576" s="236"/>
      <c r="G1576" s="236"/>
      <c r="H1576" s="236"/>
      <c r="I1576" s="236"/>
    </row>
    <row r="1577" spans="3:9" x14ac:dyDescent="0.2">
      <c r="C1577" s="236"/>
      <c r="D1577" s="236"/>
      <c r="E1577" s="236"/>
      <c r="F1577" s="236"/>
      <c r="G1577" s="236"/>
      <c r="H1577" s="236"/>
      <c r="I1577" s="236"/>
    </row>
    <row r="1578" spans="3:9" x14ac:dyDescent="0.2">
      <c r="C1578" s="236"/>
      <c r="D1578" s="236"/>
      <c r="E1578" s="236"/>
      <c r="F1578" s="236"/>
      <c r="G1578" s="236"/>
      <c r="H1578" s="236"/>
      <c r="I1578" s="236"/>
    </row>
    <row r="1579" spans="3:9" x14ac:dyDescent="0.2">
      <c r="C1579" s="236"/>
      <c r="D1579" s="236"/>
      <c r="E1579" s="236"/>
      <c r="F1579" s="236"/>
      <c r="G1579" s="236"/>
      <c r="H1579" s="236"/>
      <c r="I1579" s="236"/>
    </row>
    <row r="1580" spans="3:9" x14ac:dyDescent="0.2">
      <c r="C1580" s="236"/>
      <c r="D1580" s="236"/>
      <c r="E1580" s="236"/>
      <c r="F1580" s="236"/>
      <c r="G1580" s="236"/>
      <c r="H1580" s="236"/>
      <c r="I1580" s="236"/>
    </row>
    <row r="1581" spans="3:9" x14ac:dyDescent="0.2">
      <c r="C1581" s="236"/>
      <c r="D1581" s="236"/>
      <c r="E1581" s="236"/>
      <c r="F1581" s="236"/>
      <c r="G1581" s="236"/>
      <c r="H1581" s="236"/>
      <c r="I1581" s="236"/>
    </row>
    <row r="1582" spans="3:9" x14ac:dyDescent="0.2">
      <c r="C1582" s="236"/>
      <c r="D1582" s="236"/>
      <c r="E1582" s="236"/>
      <c r="F1582" s="236"/>
      <c r="G1582" s="236"/>
      <c r="H1582" s="236"/>
      <c r="I1582" s="236"/>
    </row>
    <row r="1583" spans="3:9" x14ac:dyDescent="0.2">
      <c r="C1583" s="236"/>
      <c r="D1583" s="236"/>
      <c r="E1583" s="236"/>
      <c r="F1583" s="236"/>
      <c r="G1583" s="236"/>
      <c r="H1583" s="236"/>
      <c r="I1583" s="236"/>
    </row>
    <row r="1584" spans="3:9" x14ac:dyDescent="0.2">
      <c r="C1584" s="236"/>
      <c r="D1584" s="236"/>
      <c r="E1584" s="236"/>
      <c r="F1584" s="236"/>
      <c r="G1584" s="236"/>
      <c r="H1584" s="236"/>
      <c r="I1584" s="236"/>
    </row>
    <row r="1585" spans="3:9" x14ac:dyDescent="0.2">
      <c r="C1585" s="236"/>
      <c r="D1585" s="236"/>
      <c r="E1585" s="236"/>
      <c r="F1585" s="236"/>
      <c r="G1585" s="236"/>
      <c r="H1585" s="236"/>
      <c r="I1585" s="236"/>
    </row>
    <row r="1586" spans="3:9" x14ac:dyDescent="0.2">
      <c r="C1586" s="236"/>
      <c r="D1586" s="236"/>
      <c r="E1586" s="236"/>
      <c r="F1586" s="236"/>
      <c r="G1586" s="236"/>
      <c r="H1586" s="236"/>
      <c r="I1586" s="236"/>
    </row>
    <row r="1587" spans="3:9" x14ac:dyDescent="0.2">
      <c r="C1587" s="236"/>
      <c r="D1587" s="236"/>
      <c r="E1587" s="236"/>
      <c r="F1587" s="236"/>
      <c r="G1587" s="236"/>
      <c r="H1587" s="236"/>
      <c r="I1587" s="236"/>
    </row>
    <row r="1588" spans="3:9" x14ac:dyDescent="0.2">
      <c r="C1588" s="236"/>
      <c r="D1588" s="236"/>
      <c r="E1588" s="236"/>
      <c r="F1588" s="236"/>
      <c r="G1588" s="236"/>
      <c r="H1588" s="236"/>
      <c r="I1588" s="236"/>
    </row>
    <row r="1589" spans="3:9" x14ac:dyDescent="0.2">
      <c r="C1589" s="236"/>
      <c r="D1589" s="236"/>
      <c r="E1589" s="236"/>
      <c r="F1589" s="236"/>
      <c r="G1589" s="236"/>
      <c r="H1589" s="236"/>
      <c r="I1589" s="236"/>
    </row>
    <row r="1590" spans="3:9" x14ac:dyDescent="0.2">
      <c r="C1590" s="236"/>
      <c r="D1590" s="236"/>
      <c r="E1590" s="236"/>
      <c r="F1590" s="236"/>
      <c r="G1590" s="236"/>
      <c r="H1590" s="236"/>
      <c r="I1590" s="236"/>
    </row>
    <row r="1591" spans="3:9" x14ac:dyDescent="0.2">
      <c r="C1591" s="236"/>
      <c r="D1591" s="236"/>
      <c r="E1591" s="236"/>
      <c r="F1591" s="236"/>
      <c r="G1591" s="236"/>
      <c r="H1591" s="236"/>
      <c r="I1591" s="236"/>
    </row>
    <row r="1592" spans="3:9" x14ac:dyDescent="0.2">
      <c r="C1592" s="236"/>
      <c r="D1592" s="236"/>
      <c r="E1592" s="236"/>
      <c r="F1592" s="236"/>
      <c r="G1592" s="236"/>
      <c r="H1592" s="236"/>
      <c r="I1592" s="236"/>
    </row>
    <row r="1593" spans="3:9" x14ac:dyDescent="0.2">
      <c r="C1593" s="236"/>
      <c r="D1593" s="236"/>
      <c r="E1593" s="236"/>
      <c r="F1593" s="236"/>
      <c r="G1593" s="236"/>
      <c r="H1593" s="236"/>
      <c r="I1593" s="236"/>
    </row>
    <row r="1594" spans="3:9" x14ac:dyDescent="0.2">
      <c r="C1594" s="236"/>
      <c r="D1594" s="236"/>
      <c r="E1594" s="236"/>
      <c r="F1594" s="236"/>
      <c r="G1594" s="236"/>
      <c r="H1594" s="236"/>
      <c r="I1594" s="236"/>
    </row>
    <row r="1595" spans="3:9" x14ac:dyDescent="0.2">
      <c r="C1595" s="236"/>
      <c r="D1595" s="236"/>
      <c r="E1595" s="236"/>
      <c r="F1595" s="236"/>
      <c r="G1595" s="236"/>
      <c r="H1595" s="236"/>
      <c r="I1595" s="236"/>
    </row>
    <row r="1596" spans="3:9" x14ac:dyDescent="0.2">
      <c r="C1596" s="236"/>
      <c r="D1596" s="236"/>
      <c r="E1596" s="236"/>
      <c r="F1596" s="236"/>
      <c r="G1596" s="236"/>
      <c r="H1596" s="236"/>
      <c r="I1596" s="236"/>
    </row>
    <row r="1597" spans="3:9" x14ac:dyDescent="0.2">
      <c r="C1597" s="236"/>
      <c r="D1597" s="236"/>
      <c r="E1597" s="236"/>
      <c r="F1597" s="236"/>
      <c r="G1597" s="236"/>
      <c r="H1597" s="236"/>
      <c r="I1597" s="236"/>
    </row>
    <row r="1598" spans="3:9" x14ac:dyDescent="0.2">
      <c r="C1598" s="236"/>
      <c r="D1598" s="236"/>
      <c r="E1598" s="236"/>
      <c r="F1598" s="236"/>
      <c r="G1598" s="236"/>
      <c r="H1598" s="236"/>
      <c r="I1598" s="236"/>
    </row>
    <row r="1599" spans="3:9" x14ac:dyDescent="0.2">
      <c r="C1599" s="236"/>
      <c r="D1599" s="236"/>
      <c r="E1599" s="236"/>
      <c r="F1599" s="236"/>
      <c r="G1599" s="236"/>
      <c r="H1599" s="236"/>
      <c r="I1599" s="236"/>
    </row>
    <row r="1600" spans="3:9" x14ac:dyDescent="0.2">
      <c r="C1600" s="236"/>
      <c r="D1600" s="236"/>
      <c r="E1600" s="236"/>
      <c r="F1600" s="236"/>
      <c r="G1600" s="236"/>
      <c r="H1600" s="236"/>
      <c r="I1600" s="236"/>
    </row>
    <row r="1601" spans="3:9" x14ac:dyDescent="0.2">
      <c r="C1601" s="236"/>
      <c r="D1601" s="236"/>
      <c r="E1601" s="236"/>
      <c r="F1601" s="236"/>
      <c r="G1601" s="236"/>
      <c r="H1601" s="236"/>
      <c r="I1601" s="236"/>
    </row>
    <row r="1602" spans="3:9" x14ac:dyDescent="0.2">
      <c r="C1602" s="236"/>
      <c r="D1602" s="236"/>
      <c r="E1602" s="236"/>
      <c r="F1602" s="236"/>
      <c r="G1602" s="236"/>
      <c r="H1602" s="236"/>
      <c r="I1602" s="236"/>
    </row>
    <row r="1603" spans="3:9" x14ac:dyDescent="0.2">
      <c r="C1603" s="236"/>
      <c r="D1603" s="236"/>
      <c r="E1603" s="236"/>
      <c r="F1603" s="236"/>
      <c r="G1603" s="236"/>
      <c r="H1603" s="236"/>
      <c r="I1603" s="236"/>
    </row>
    <row r="1604" spans="3:9" x14ac:dyDescent="0.2">
      <c r="C1604" s="236"/>
      <c r="D1604" s="236"/>
      <c r="E1604" s="236"/>
      <c r="F1604" s="236"/>
      <c r="G1604" s="236"/>
      <c r="H1604" s="236"/>
      <c r="I1604" s="236"/>
    </row>
    <row r="1605" spans="3:9" x14ac:dyDescent="0.2">
      <c r="C1605" s="236"/>
      <c r="D1605" s="236"/>
      <c r="E1605" s="236"/>
      <c r="F1605" s="236"/>
      <c r="G1605" s="236"/>
      <c r="H1605" s="236"/>
      <c r="I1605" s="236"/>
    </row>
    <row r="1606" spans="3:9" x14ac:dyDescent="0.2">
      <c r="C1606" s="236"/>
      <c r="D1606" s="236"/>
      <c r="E1606" s="236"/>
      <c r="F1606" s="236"/>
      <c r="G1606" s="236"/>
      <c r="H1606" s="236"/>
      <c r="I1606" s="236"/>
    </row>
    <row r="1607" spans="3:9" x14ac:dyDescent="0.2">
      <c r="C1607" s="236"/>
      <c r="D1607" s="236"/>
      <c r="E1607" s="236"/>
      <c r="F1607" s="236"/>
      <c r="G1607" s="236"/>
      <c r="H1607" s="236"/>
      <c r="I1607" s="236"/>
    </row>
    <row r="1608" spans="3:9" x14ac:dyDescent="0.2">
      <c r="C1608" s="236"/>
      <c r="D1608" s="236"/>
      <c r="E1608" s="236"/>
      <c r="F1608" s="236"/>
      <c r="G1608" s="236"/>
      <c r="H1608" s="236"/>
      <c r="I1608" s="236"/>
    </row>
    <row r="1609" spans="3:9" x14ac:dyDescent="0.2">
      <c r="C1609" s="236"/>
      <c r="D1609" s="236"/>
      <c r="E1609" s="236"/>
      <c r="F1609" s="236"/>
      <c r="G1609" s="236"/>
      <c r="H1609" s="236"/>
      <c r="I1609" s="236"/>
    </row>
    <row r="1610" spans="3:9" x14ac:dyDescent="0.2">
      <c r="C1610" s="236"/>
      <c r="D1610" s="236"/>
      <c r="E1610" s="236"/>
      <c r="F1610" s="236"/>
      <c r="G1610" s="236"/>
      <c r="H1610" s="236"/>
      <c r="I1610" s="236"/>
    </row>
    <row r="1611" spans="3:9" x14ac:dyDescent="0.2">
      <c r="C1611" s="236"/>
      <c r="D1611" s="236"/>
      <c r="E1611" s="236"/>
      <c r="F1611" s="236"/>
      <c r="G1611" s="236"/>
      <c r="H1611" s="236"/>
      <c r="I1611" s="236"/>
    </row>
    <row r="1612" spans="3:9" x14ac:dyDescent="0.2">
      <c r="C1612" s="236"/>
      <c r="D1612" s="236"/>
      <c r="E1612" s="236"/>
      <c r="F1612" s="236"/>
      <c r="G1612" s="236"/>
      <c r="H1612" s="236"/>
      <c r="I1612" s="236"/>
    </row>
    <row r="1613" spans="3:9" x14ac:dyDescent="0.2">
      <c r="C1613" s="236"/>
      <c r="D1613" s="236"/>
      <c r="E1613" s="236"/>
      <c r="F1613" s="236"/>
      <c r="G1613" s="236"/>
      <c r="H1613" s="236"/>
      <c r="I1613" s="236"/>
    </row>
    <row r="1614" spans="3:9" x14ac:dyDescent="0.2">
      <c r="C1614" s="236"/>
      <c r="D1614" s="236"/>
      <c r="E1614" s="236"/>
      <c r="F1614" s="236"/>
      <c r="G1614" s="236"/>
      <c r="H1614" s="236"/>
      <c r="I1614" s="236"/>
    </row>
    <row r="1615" spans="3:9" x14ac:dyDescent="0.2">
      <c r="C1615" s="236"/>
      <c r="D1615" s="236"/>
      <c r="E1615" s="236"/>
      <c r="F1615" s="236"/>
      <c r="G1615" s="236"/>
      <c r="H1615" s="236"/>
      <c r="I1615" s="236"/>
    </row>
    <row r="1616" spans="3:9" x14ac:dyDescent="0.2">
      <c r="C1616" s="236"/>
      <c r="D1616" s="236"/>
      <c r="E1616" s="236"/>
      <c r="F1616" s="236"/>
      <c r="G1616" s="236"/>
      <c r="H1616" s="236"/>
      <c r="I1616" s="236"/>
    </row>
    <row r="1617" spans="3:9" x14ac:dyDescent="0.2">
      <c r="C1617" s="236"/>
      <c r="D1617" s="236"/>
      <c r="E1617" s="236"/>
      <c r="F1617" s="236"/>
      <c r="G1617" s="236"/>
      <c r="H1617" s="236"/>
      <c r="I1617" s="236"/>
    </row>
    <row r="1618" spans="3:9" x14ac:dyDescent="0.2">
      <c r="C1618" s="236"/>
      <c r="D1618" s="236"/>
      <c r="E1618" s="236"/>
      <c r="F1618" s="236"/>
      <c r="G1618" s="236"/>
      <c r="H1618" s="236"/>
      <c r="I1618" s="236"/>
    </row>
    <row r="1619" spans="3:9" x14ac:dyDescent="0.2">
      <c r="C1619" s="236"/>
      <c r="D1619" s="236"/>
      <c r="E1619" s="236"/>
      <c r="F1619" s="236"/>
      <c r="G1619" s="236"/>
      <c r="H1619" s="236"/>
      <c r="I1619" s="236"/>
    </row>
    <row r="1620" spans="3:9" x14ac:dyDescent="0.2">
      <c r="C1620" s="236"/>
      <c r="D1620" s="236"/>
      <c r="E1620" s="236"/>
      <c r="F1620" s="236"/>
      <c r="G1620" s="236"/>
      <c r="H1620" s="236"/>
      <c r="I1620" s="236"/>
    </row>
    <row r="1621" spans="3:9" x14ac:dyDescent="0.2">
      <c r="C1621" s="236"/>
      <c r="D1621" s="236"/>
      <c r="E1621" s="236"/>
      <c r="F1621" s="236"/>
      <c r="G1621" s="236"/>
      <c r="H1621" s="236"/>
      <c r="I1621" s="236"/>
    </row>
    <row r="1622" spans="3:9" x14ac:dyDescent="0.2">
      <c r="C1622" s="236"/>
      <c r="D1622" s="236"/>
      <c r="E1622" s="236"/>
      <c r="F1622" s="236"/>
      <c r="G1622" s="236"/>
      <c r="H1622" s="236"/>
      <c r="I1622" s="236"/>
    </row>
    <row r="1623" spans="3:9" x14ac:dyDescent="0.2">
      <c r="C1623" s="236"/>
      <c r="D1623" s="236"/>
      <c r="E1623" s="236"/>
      <c r="F1623" s="236"/>
      <c r="G1623" s="236"/>
      <c r="H1623" s="236"/>
      <c r="I1623" s="236"/>
    </row>
    <row r="1624" spans="3:9" x14ac:dyDescent="0.2">
      <c r="C1624" s="236"/>
      <c r="D1624" s="236"/>
      <c r="E1624" s="236"/>
      <c r="F1624" s="236"/>
      <c r="G1624" s="236"/>
      <c r="H1624" s="236"/>
      <c r="I1624" s="236"/>
    </row>
    <row r="1625" spans="3:9" x14ac:dyDescent="0.2">
      <c r="C1625" s="236"/>
      <c r="D1625" s="236"/>
      <c r="E1625" s="236"/>
      <c r="F1625" s="236"/>
      <c r="G1625" s="236"/>
      <c r="H1625" s="236"/>
      <c r="I1625" s="236"/>
    </row>
    <row r="1626" spans="3:9" x14ac:dyDescent="0.2">
      <c r="C1626" s="236"/>
      <c r="D1626" s="236"/>
      <c r="E1626" s="236"/>
      <c r="F1626" s="236"/>
      <c r="G1626" s="236"/>
      <c r="H1626" s="236"/>
      <c r="I1626" s="236"/>
    </row>
    <row r="1627" spans="3:9" x14ac:dyDescent="0.2">
      <c r="C1627" s="236"/>
      <c r="D1627" s="236"/>
      <c r="E1627" s="236"/>
      <c r="F1627" s="236"/>
      <c r="G1627" s="236"/>
      <c r="H1627" s="236"/>
      <c r="I1627" s="236"/>
    </row>
    <row r="1628" spans="3:9" x14ac:dyDescent="0.2">
      <c r="C1628" s="236"/>
      <c r="D1628" s="236"/>
      <c r="E1628" s="236"/>
      <c r="F1628" s="236"/>
      <c r="G1628" s="236"/>
      <c r="H1628" s="236"/>
      <c r="I1628" s="236"/>
    </row>
    <row r="1629" spans="3:9" x14ac:dyDescent="0.2">
      <c r="C1629" s="236"/>
      <c r="D1629" s="236"/>
      <c r="E1629" s="236"/>
      <c r="F1629" s="236"/>
      <c r="G1629" s="236"/>
      <c r="H1629" s="236"/>
      <c r="I1629" s="236"/>
    </row>
    <row r="1630" spans="3:9" x14ac:dyDescent="0.2">
      <c r="C1630" s="236"/>
      <c r="D1630" s="236"/>
      <c r="E1630" s="236"/>
      <c r="F1630" s="236"/>
      <c r="G1630" s="236"/>
      <c r="H1630" s="236"/>
      <c r="I1630" s="236"/>
    </row>
    <row r="1631" spans="3:9" x14ac:dyDescent="0.2">
      <c r="C1631" s="236"/>
      <c r="D1631" s="236"/>
      <c r="E1631" s="236"/>
      <c r="F1631" s="236"/>
      <c r="G1631" s="236"/>
      <c r="H1631" s="236"/>
      <c r="I1631" s="236"/>
    </row>
    <row r="1632" spans="3:9" x14ac:dyDescent="0.2">
      <c r="C1632" s="236"/>
      <c r="D1632" s="236"/>
      <c r="E1632" s="236"/>
      <c r="F1632" s="236"/>
      <c r="G1632" s="236"/>
      <c r="H1632" s="236"/>
      <c r="I1632" s="236"/>
    </row>
    <row r="1633" spans="3:9" x14ac:dyDescent="0.2">
      <c r="C1633" s="236"/>
      <c r="D1633" s="236"/>
      <c r="E1633" s="236"/>
      <c r="F1633" s="236"/>
      <c r="G1633" s="236"/>
      <c r="H1633" s="236"/>
      <c r="I1633" s="236"/>
    </row>
    <row r="1634" spans="3:9" x14ac:dyDescent="0.2">
      <c r="C1634" s="236"/>
      <c r="D1634" s="236"/>
      <c r="E1634" s="236"/>
      <c r="F1634" s="236"/>
      <c r="G1634" s="236"/>
      <c r="H1634" s="236"/>
      <c r="I1634" s="236"/>
    </row>
    <row r="1635" spans="3:9" x14ac:dyDescent="0.2">
      <c r="C1635" s="236"/>
      <c r="D1635" s="236"/>
      <c r="E1635" s="236"/>
      <c r="F1635" s="236"/>
      <c r="G1635" s="236"/>
      <c r="H1635" s="236"/>
      <c r="I1635" s="236"/>
    </row>
    <row r="1636" spans="3:9" x14ac:dyDescent="0.2">
      <c r="C1636" s="236"/>
      <c r="D1636" s="236"/>
      <c r="E1636" s="236"/>
      <c r="F1636" s="236"/>
      <c r="G1636" s="236"/>
      <c r="H1636" s="236"/>
      <c r="I1636" s="236"/>
    </row>
    <row r="1637" spans="3:9" x14ac:dyDescent="0.2">
      <c r="C1637" s="236"/>
      <c r="D1637" s="236"/>
      <c r="E1637" s="236"/>
      <c r="F1637" s="236"/>
      <c r="G1637" s="236"/>
      <c r="H1637" s="236"/>
      <c r="I1637" s="236"/>
    </row>
    <row r="1638" spans="3:9" x14ac:dyDescent="0.2">
      <c r="C1638" s="236"/>
      <c r="D1638" s="236"/>
      <c r="E1638" s="236"/>
      <c r="F1638" s="236"/>
      <c r="G1638" s="236"/>
      <c r="H1638" s="236"/>
      <c r="I1638" s="236"/>
    </row>
    <row r="1639" spans="3:9" x14ac:dyDescent="0.2">
      <c r="C1639" s="236"/>
      <c r="D1639" s="236"/>
      <c r="E1639" s="236"/>
      <c r="F1639" s="236"/>
      <c r="G1639" s="236"/>
      <c r="H1639" s="236"/>
      <c r="I1639" s="236"/>
    </row>
    <row r="1640" spans="3:9" x14ac:dyDescent="0.2">
      <c r="C1640" s="236"/>
      <c r="D1640" s="236"/>
      <c r="E1640" s="236"/>
      <c r="F1640" s="236"/>
      <c r="G1640" s="236"/>
      <c r="H1640" s="236"/>
      <c r="I1640" s="236"/>
    </row>
    <row r="1641" spans="3:9" x14ac:dyDescent="0.2">
      <c r="C1641" s="236"/>
      <c r="D1641" s="236"/>
      <c r="E1641" s="236"/>
      <c r="F1641" s="236"/>
      <c r="G1641" s="236"/>
      <c r="H1641" s="236"/>
      <c r="I1641" s="236"/>
    </row>
    <row r="1642" spans="3:9" x14ac:dyDescent="0.2">
      <c r="C1642" s="236"/>
      <c r="D1642" s="236"/>
      <c r="E1642" s="236"/>
      <c r="F1642" s="236"/>
      <c r="G1642" s="236"/>
      <c r="H1642" s="236"/>
      <c r="I1642" s="236"/>
    </row>
    <row r="1643" spans="3:9" x14ac:dyDescent="0.2">
      <c r="C1643" s="236"/>
      <c r="D1643" s="236"/>
      <c r="E1643" s="236"/>
      <c r="F1643" s="236"/>
      <c r="G1643" s="236"/>
      <c r="H1643" s="236"/>
      <c r="I1643" s="236"/>
    </row>
    <row r="1644" spans="3:9" x14ac:dyDescent="0.2">
      <c r="C1644" s="236"/>
      <c r="D1644" s="236"/>
      <c r="E1644" s="236"/>
      <c r="F1644" s="236"/>
      <c r="G1644" s="236"/>
      <c r="H1644" s="236"/>
      <c r="I1644" s="236"/>
    </row>
    <row r="1645" spans="3:9" x14ac:dyDescent="0.2">
      <c r="C1645" s="236"/>
      <c r="D1645" s="236"/>
      <c r="E1645" s="236"/>
      <c r="F1645" s="236"/>
      <c r="G1645" s="236"/>
      <c r="H1645" s="236"/>
      <c r="I1645" s="236"/>
    </row>
    <row r="1646" spans="3:9" x14ac:dyDescent="0.2">
      <c r="C1646" s="236"/>
      <c r="D1646" s="236"/>
      <c r="E1646" s="236"/>
      <c r="F1646" s="236"/>
      <c r="G1646" s="236"/>
      <c r="H1646" s="236"/>
      <c r="I1646" s="236"/>
    </row>
    <row r="1647" spans="3:9" x14ac:dyDescent="0.2">
      <c r="C1647" s="236"/>
      <c r="D1647" s="236"/>
      <c r="E1647" s="236"/>
      <c r="F1647" s="236"/>
      <c r="G1647" s="236"/>
      <c r="H1647" s="236"/>
      <c r="I1647" s="236"/>
    </row>
    <row r="1648" spans="3:9" x14ac:dyDescent="0.2">
      <c r="C1648" s="236"/>
      <c r="D1648" s="236"/>
      <c r="E1648" s="236"/>
      <c r="F1648" s="236"/>
      <c r="G1648" s="236"/>
      <c r="H1648" s="236"/>
      <c r="I1648" s="236"/>
    </row>
    <row r="1649" spans="3:9" x14ac:dyDescent="0.2">
      <c r="C1649" s="236"/>
      <c r="D1649" s="236"/>
      <c r="E1649" s="236"/>
      <c r="F1649" s="236"/>
      <c r="G1649" s="236"/>
      <c r="H1649" s="236"/>
      <c r="I1649" s="236"/>
    </row>
    <row r="1650" spans="3:9" x14ac:dyDescent="0.2">
      <c r="C1650" s="236"/>
      <c r="D1650" s="236"/>
      <c r="E1650" s="236"/>
      <c r="F1650" s="236"/>
      <c r="G1650" s="236"/>
      <c r="H1650" s="236"/>
      <c r="I1650" s="236"/>
    </row>
    <row r="1651" spans="3:9" x14ac:dyDescent="0.2">
      <c r="C1651" s="236"/>
      <c r="D1651" s="236"/>
      <c r="E1651" s="236"/>
      <c r="F1651" s="236"/>
      <c r="G1651" s="236"/>
      <c r="H1651" s="236"/>
      <c r="I1651" s="236"/>
    </row>
    <row r="1652" spans="3:9" x14ac:dyDescent="0.2">
      <c r="C1652" s="236"/>
      <c r="D1652" s="236"/>
      <c r="E1652" s="236"/>
      <c r="F1652" s="236"/>
      <c r="G1652" s="236"/>
      <c r="H1652" s="236"/>
      <c r="I1652" s="236"/>
    </row>
    <row r="1653" spans="3:9" x14ac:dyDescent="0.2">
      <c r="C1653" s="236"/>
      <c r="D1653" s="236"/>
      <c r="E1653" s="236"/>
      <c r="F1653" s="236"/>
      <c r="G1653" s="236"/>
      <c r="H1653" s="236"/>
      <c r="I1653" s="236"/>
    </row>
    <row r="1654" spans="3:9" x14ac:dyDescent="0.2">
      <c r="C1654" s="236"/>
      <c r="D1654" s="236"/>
      <c r="E1654" s="236"/>
      <c r="F1654" s="236"/>
      <c r="G1654" s="236"/>
      <c r="H1654" s="236"/>
      <c r="I1654" s="236"/>
    </row>
    <row r="1655" spans="3:9" x14ac:dyDescent="0.2">
      <c r="C1655" s="236"/>
      <c r="D1655" s="236"/>
      <c r="E1655" s="236"/>
      <c r="F1655" s="236"/>
      <c r="G1655" s="236"/>
      <c r="H1655" s="236"/>
      <c r="I1655" s="236"/>
    </row>
    <row r="1656" spans="3:9" x14ac:dyDescent="0.2">
      <c r="C1656" s="236"/>
      <c r="D1656" s="236"/>
      <c r="E1656" s="236"/>
      <c r="F1656" s="236"/>
      <c r="G1656" s="236"/>
      <c r="H1656" s="236"/>
      <c r="I1656" s="236"/>
    </row>
    <row r="1657" spans="3:9" x14ac:dyDescent="0.2">
      <c r="C1657" s="236"/>
      <c r="D1657" s="236"/>
      <c r="E1657" s="236"/>
      <c r="F1657" s="236"/>
      <c r="G1657" s="236"/>
      <c r="H1657" s="236"/>
      <c r="I1657" s="236"/>
    </row>
    <row r="1658" spans="3:9" x14ac:dyDescent="0.2">
      <c r="C1658" s="236"/>
      <c r="D1658" s="236"/>
      <c r="E1658" s="236"/>
      <c r="F1658" s="236"/>
      <c r="G1658" s="236"/>
      <c r="H1658" s="236"/>
      <c r="I1658" s="236"/>
    </row>
    <row r="1659" spans="3:9" x14ac:dyDescent="0.2">
      <c r="C1659" s="236"/>
      <c r="D1659" s="236"/>
      <c r="E1659" s="236"/>
      <c r="F1659" s="236"/>
      <c r="G1659" s="236"/>
      <c r="H1659" s="236"/>
      <c r="I1659" s="236"/>
    </row>
    <row r="1660" spans="3:9" x14ac:dyDescent="0.2">
      <c r="C1660" s="236"/>
      <c r="D1660" s="236"/>
      <c r="E1660" s="236"/>
      <c r="F1660" s="236"/>
      <c r="G1660" s="236"/>
      <c r="H1660" s="236"/>
      <c r="I1660" s="236"/>
    </row>
    <row r="1661" spans="3:9" x14ac:dyDescent="0.2">
      <c r="C1661" s="236"/>
      <c r="D1661" s="236"/>
      <c r="E1661" s="236"/>
      <c r="F1661" s="236"/>
      <c r="G1661" s="236"/>
      <c r="H1661" s="236"/>
      <c r="I1661" s="236"/>
    </row>
    <row r="1662" spans="3:9" x14ac:dyDescent="0.2">
      <c r="C1662" s="236"/>
      <c r="D1662" s="236"/>
      <c r="E1662" s="236"/>
      <c r="F1662" s="236"/>
      <c r="G1662" s="236"/>
      <c r="H1662" s="236"/>
      <c r="I1662" s="236"/>
    </row>
    <row r="1663" spans="3:9" x14ac:dyDescent="0.2">
      <c r="C1663" s="236"/>
      <c r="D1663" s="236"/>
      <c r="E1663" s="236"/>
      <c r="F1663" s="236"/>
      <c r="G1663" s="236"/>
      <c r="H1663" s="236"/>
      <c r="I1663" s="236"/>
    </row>
    <row r="1664" spans="3:9" x14ac:dyDescent="0.2">
      <c r="C1664" s="236"/>
      <c r="D1664" s="236"/>
      <c r="E1664" s="236"/>
      <c r="F1664" s="236"/>
      <c r="G1664" s="236"/>
      <c r="H1664" s="236"/>
      <c r="I1664" s="236"/>
    </row>
    <row r="1665" spans="3:9" x14ac:dyDescent="0.2">
      <c r="C1665" s="236"/>
      <c r="D1665" s="236"/>
      <c r="E1665" s="236"/>
      <c r="F1665" s="236"/>
      <c r="G1665" s="236"/>
      <c r="H1665" s="236"/>
      <c r="I1665" s="236"/>
    </row>
    <row r="1666" spans="3:9" x14ac:dyDescent="0.2">
      <c r="C1666" s="236"/>
      <c r="D1666" s="236"/>
      <c r="E1666" s="236"/>
      <c r="F1666" s="236"/>
      <c r="G1666" s="236"/>
      <c r="H1666" s="236"/>
      <c r="I1666" s="236"/>
    </row>
    <row r="1667" spans="3:9" x14ac:dyDescent="0.2">
      <c r="C1667" s="236"/>
      <c r="D1667" s="236"/>
      <c r="E1667" s="236"/>
      <c r="F1667" s="236"/>
      <c r="G1667" s="236"/>
      <c r="H1667" s="236"/>
      <c r="I1667" s="236"/>
    </row>
    <row r="1668" spans="3:9" x14ac:dyDescent="0.2">
      <c r="C1668" s="236"/>
      <c r="D1668" s="236"/>
      <c r="E1668" s="236"/>
      <c r="F1668" s="236"/>
      <c r="G1668" s="236"/>
      <c r="H1668" s="236"/>
      <c r="I1668" s="236"/>
    </row>
    <row r="1669" spans="3:9" x14ac:dyDescent="0.2">
      <c r="C1669" s="236"/>
      <c r="D1669" s="236"/>
      <c r="E1669" s="236"/>
      <c r="F1669" s="236"/>
      <c r="G1669" s="236"/>
      <c r="H1669" s="236"/>
      <c r="I1669" s="236"/>
    </row>
    <row r="1670" spans="3:9" x14ac:dyDescent="0.2">
      <c r="C1670" s="236"/>
      <c r="D1670" s="236"/>
      <c r="E1670" s="236"/>
      <c r="F1670" s="236"/>
      <c r="G1670" s="236"/>
      <c r="H1670" s="236"/>
      <c r="I1670" s="236"/>
    </row>
    <row r="1671" spans="3:9" x14ac:dyDescent="0.2">
      <c r="C1671" s="236"/>
      <c r="D1671" s="236"/>
      <c r="E1671" s="236"/>
      <c r="F1671" s="236"/>
      <c r="G1671" s="236"/>
      <c r="H1671" s="236"/>
      <c r="I1671" s="236"/>
    </row>
    <row r="1672" spans="3:9" x14ac:dyDescent="0.2">
      <c r="C1672" s="236"/>
      <c r="D1672" s="236"/>
      <c r="E1672" s="236"/>
      <c r="F1672" s="236"/>
      <c r="G1672" s="236"/>
      <c r="H1672" s="236"/>
      <c r="I1672" s="236"/>
    </row>
    <row r="1673" spans="3:9" x14ac:dyDescent="0.2">
      <c r="C1673" s="236"/>
      <c r="D1673" s="236"/>
      <c r="E1673" s="236"/>
      <c r="F1673" s="236"/>
      <c r="G1673" s="236"/>
      <c r="H1673" s="236"/>
      <c r="I1673" s="236"/>
    </row>
    <row r="1674" spans="3:9" x14ac:dyDescent="0.2">
      <c r="C1674" s="236"/>
      <c r="D1674" s="236"/>
      <c r="E1674" s="236"/>
      <c r="F1674" s="236"/>
      <c r="G1674" s="236"/>
      <c r="H1674" s="236"/>
      <c r="I1674" s="236"/>
    </row>
    <row r="1675" spans="3:9" x14ac:dyDescent="0.2">
      <c r="C1675" s="236"/>
      <c r="D1675" s="236"/>
      <c r="E1675" s="236"/>
      <c r="F1675" s="236"/>
      <c r="G1675" s="236"/>
      <c r="H1675" s="236"/>
      <c r="I1675" s="236"/>
    </row>
    <row r="1676" spans="3:9" x14ac:dyDescent="0.2">
      <c r="C1676" s="236"/>
      <c r="D1676" s="236"/>
      <c r="E1676" s="236"/>
      <c r="F1676" s="236"/>
      <c r="G1676" s="236"/>
      <c r="H1676" s="236"/>
      <c r="I1676" s="236"/>
    </row>
    <row r="1677" spans="3:9" x14ac:dyDescent="0.2">
      <c r="C1677" s="236"/>
      <c r="D1677" s="236"/>
      <c r="E1677" s="236"/>
      <c r="F1677" s="236"/>
      <c r="G1677" s="236"/>
      <c r="H1677" s="236"/>
      <c r="I1677" s="236"/>
    </row>
    <row r="1678" spans="3:9" x14ac:dyDescent="0.2">
      <c r="C1678" s="236"/>
      <c r="D1678" s="236"/>
      <c r="E1678" s="236"/>
      <c r="F1678" s="236"/>
      <c r="G1678" s="236"/>
      <c r="H1678" s="236"/>
      <c r="I1678" s="236"/>
    </row>
    <row r="1679" spans="3:9" x14ac:dyDescent="0.2">
      <c r="C1679" s="236"/>
      <c r="D1679" s="236"/>
      <c r="E1679" s="236"/>
      <c r="F1679" s="236"/>
      <c r="G1679" s="236"/>
      <c r="H1679" s="236"/>
      <c r="I1679" s="236"/>
    </row>
    <row r="1680" spans="3:9" x14ac:dyDescent="0.2">
      <c r="C1680" s="236"/>
      <c r="D1680" s="236"/>
      <c r="E1680" s="236"/>
      <c r="F1680" s="236"/>
      <c r="G1680" s="236"/>
      <c r="H1680" s="236"/>
      <c r="I1680" s="236"/>
    </row>
    <row r="1681" spans="3:9" x14ac:dyDescent="0.2">
      <c r="C1681" s="236"/>
      <c r="D1681" s="236"/>
      <c r="E1681" s="236"/>
      <c r="F1681" s="236"/>
      <c r="G1681" s="236"/>
      <c r="H1681" s="236"/>
      <c r="I1681" s="236"/>
    </row>
    <row r="1682" spans="3:9" x14ac:dyDescent="0.2">
      <c r="C1682" s="236"/>
      <c r="D1682" s="236"/>
      <c r="E1682" s="236"/>
      <c r="F1682" s="236"/>
      <c r="G1682" s="236"/>
      <c r="H1682" s="236"/>
      <c r="I1682" s="236"/>
    </row>
    <row r="1683" spans="3:9" x14ac:dyDescent="0.2">
      <c r="C1683" s="236"/>
      <c r="D1683" s="236"/>
      <c r="E1683" s="236"/>
      <c r="F1683" s="236"/>
      <c r="G1683" s="236"/>
      <c r="H1683" s="236"/>
      <c r="I1683" s="236"/>
    </row>
    <row r="1684" spans="3:9" x14ac:dyDescent="0.2">
      <c r="C1684" s="236"/>
      <c r="D1684" s="236"/>
      <c r="E1684" s="236"/>
      <c r="F1684" s="236"/>
      <c r="G1684" s="236"/>
      <c r="H1684" s="236"/>
      <c r="I1684" s="236"/>
    </row>
    <row r="1685" spans="3:9" x14ac:dyDescent="0.2">
      <c r="C1685" s="236"/>
      <c r="D1685" s="236"/>
      <c r="E1685" s="236"/>
      <c r="F1685" s="236"/>
      <c r="G1685" s="236"/>
      <c r="H1685" s="236"/>
      <c r="I1685" s="236"/>
    </row>
    <row r="1686" spans="3:9" x14ac:dyDescent="0.2">
      <c r="C1686" s="236"/>
      <c r="D1686" s="236"/>
      <c r="E1686" s="236"/>
      <c r="F1686" s="236"/>
      <c r="G1686" s="236"/>
      <c r="H1686" s="236"/>
      <c r="I1686" s="236"/>
    </row>
    <row r="1687" spans="3:9" x14ac:dyDescent="0.2">
      <c r="C1687" s="236"/>
      <c r="D1687" s="236"/>
      <c r="E1687" s="236"/>
      <c r="F1687" s="236"/>
      <c r="G1687" s="236"/>
      <c r="H1687" s="236"/>
      <c r="I1687" s="236"/>
    </row>
    <row r="1688" spans="3:9" x14ac:dyDescent="0.2">
      <c r="C1688" s="236"/>
      <c r="D1688" s="236"/>
      <c r="E1688" s="236"/>
      <c r="F1688" s="236"/>
      <c r="G1688" s="236"/>
      <c r="H1688" s="236"/>
      <c r="I1688" s="236"/>
    </row>
    <row r="1689" spans="3:9" x14ac:dyDescent="0.2">
      <c r="C1689" s="236"/>
      <c r="D1689" s="236"/>
      <c r="E1689" s="236"/>
      <c r="F1689" s="236"/>
      <c r="G1689" s="236"/>
      <c r="H1689" s="236"/>
      <c r="I1689" s="236"/>
    </row>
    <row r="1690" spans="3:9" x14ac:dyDescent="0.2">
      <c r="C1690" s="236"/>
      <c r="D1690" s="236"/>
      <c r="E1690" s="236"/>
      <c r="F1690" s="236"/>
      <c r="G1690" s="236"/>
      <c r="H1690" s="236"/>
      <c r="I1690" s="236"/>
    </row>
    <row r="1691" spans="3:9" x14ac:dyDescent="0.2">
      <c r="C1691" s="236"/>
      <c r="D1691" s="236"/>
      <c r="E1691" s="236"/>
      <c r="F1691" s="236"/>
      <c r="G1691" s="236"/>
      <c r="H1691" s="236"/>
      <c r="I1691" s="236"/>
    </row>
    <row r="1692" spans="3:9" x14ac:dyDescent="0.2">
      <c r="C1692" s="236"/>
      <c r="D1692" s="236"/>
      <c r="E1692" s="236"/>
      <c r="F1692" s="236"/>
      <c r="G1692" s="236"/>
      <c r="H1692" s="236"/>
      <c r="I1692" s="236"/>
    </row>
    <row r="1693" spans="3:9" x14ac:dyDescent="0.2">
      <c r="C1693" s="236"/>
      <c r="D1693" s="236"/>
      <c r="E1693" s="236"/>
      <c r="F1693" s="236"/>
      <c r="G1693" s="236"/>
      <c r="H1693" s="236"/>
      <c r="I1693" s="236"/>
    </row>
    <row r="1694" spans="3:9" x14ac:dyDescent="0.2">
      <c r="C1694" s="236"/>
      <c r="D1694" s="236"/>
      <c r="E1694" s="236"/>
      <c r="F1694" s="236"/>
      <c r="G1694" s="236"/>
      <c r="H1694" s="236"/>
      <c r="I1694" s="236"/>
    </row>
    <row r="1695" spans="3:9" x14ac:dyDescent="0.2">
      <c r="C1695" s="236"/>
      <c r="D1695" s="236"/>
      <c r="E1695" s="236"/>
      <c r="F1695" s="236"/>
      <c r="G1695" s="236"/>
      <c r="H1695" s="236"/>
      <c r="I1695" s="236"/>
    </row>
    <row r="1696" spans="3:9" x14ac:dyDescent="0.2">
      <c r="C1696" s="236"/>
      <c r="D1696" s="236"/>
      <c r="E1696" s="236"/>
      <c r="F1696" s="236"/>
      <c r="G1696" s="236"/>
      <c r="H1696" s="236"/>
      <c r="I1696" s="236"/>
    </row>
    <row r="1697" spans="3:9" x14ac:dyDescent="0.2">
      <c r="C1697" s="236"/>
      <c r="D1697" s="236"/>
      <c r="E1697" s="236"/>
      <c r="F1697" s="236"/>
      <c r="G1697" s="236"/>
      <c r="H1697" s="236"/>
      <c r="I1697" s="236"/>
    </row>
    <row r="1698" spans="3:9" x14ac:dyDescent="0.2">
      <c r="C1698" s="236"/>
      <c r="D1698" s="236"/>
      <c r="E1698" s="236"/>
      <c r="F1698" s="236"/>
      <c r="G1698" s="236"/>
      <c r="H1698" s="236"/>
      <c r="I1698" s="236"/>
    </row>
    <row r="1699" spans="3:9" x14ac:dyDescent="0.2">
      <c r="C1699" s="236"/>
      <c r="D1699" s="236"/>
      <c r="E1699" s="236"/>
      <c r="F1699" s="236"/>
      <c r="G1699" s="236"/>
      <c r="H1699" s="236"/>
      <c r="I1699" s="236"/>
    </row>
    <row r="1700" spans="3:9" x14ac:dyDescent="0.2">
      <c r="C1700" s="236"/>
      <c r="D1700" s="236"/>
      <c r="E1700" s="236"/>
      <c r="F1700" s="236"/>
      <c r="G1700" s="236"/>
      <c r="H1700" s="236"/>
      <c r="I1700" s="236"/>
    </row>
    <row r="1701" spans="3:9" x14ac:dyDescent="0.2">
      <c r="C1701" s="236"/>
      <c r="D1701" s="236"/>
      <c r="E1701" s="236"/>
      <c r="F1701" s="236"/>
      <c r="G1701" s="236"/>
      <c r="H1701" s="236"/>
      <c r="I1701" s="236"/>
    </row>
    <row r="1702" spans="3:9" x14ac:dyDescent="0.2">
      <c r="C1702" s="236"/>
      <c r="D1702" s="236"/>
      <c r="E1702" s="236"/>
      <c r="F1702" s="236"/>
      <c r="G1702" s="236"/>
      <c r="H1702" s="236"/>
      <c r="I1702" s="236"/>
    </row>
    <row r="1703" spans="3:9" x14ac:dyDescent="0.2">
      <c r="C1703" s="236"/>
      <c r="D1703" s="236"/>
      <c r="E1703" s="236"/>
      <c r="F1703" s="236"/>
      <c r="G1703" s="236"/>
      <c r="H1703" s="236"/>
      <c r="I1703" s="236"/>
    </row>
    <row r="1704" spans="3:9" x14ac:dyDescent="0.2">
      <c r="C1704" s="236"/>
      <c r="D1704" s="236"/>
      <c r="E1704" s="236"/>
      <c r="F1704" s="236"/>
      <c r="G1704" s="236"/>
      <c r="H1704" s="236"/>
      <c r="I1704" s="236"/>
    </row>
    <row r="1705" spans="3:9" x14ac:dyDescent="0.2">
      <c r="C1705" s="236"/>
      <c r="D1705" s="236"/>
      <c r="E1705" s="236"/>
      <c r="F1705" s="236"/>
      <c r="G1705" s="236"/>
      <c r="H1705" s="236"/>
      <c r="I1705" s="236"/>
    </row>
    <row r="1706" spans="3:9" x14ac:dyDescent="0.2">
      <c r="C1706" s="236"/>
      <c r="D1706" s="236"/>
      <c r="E1706" s="236"/>
      <c r="F1706" s="236"/>
      <c r="G1706" s="236"/>
      <c r="H1706" s="236"/>
      <c r="I1706" s="236"/>
    </row>
    <row r="1707" spans="3:9" x14ac:dyDescent="0.2">
      <c r="C1707" s="236"/>
      <c r="D1707" s="236"/>
      <c r="E1707" s="236"/>
      <c r="F1707" s="236"/>
      <c r="G1707" s="236"/>
      <c r="H1707" s="236"/>
      <c r="I1707" s="236"/>
    </row>
    <row r="1708" spans="3:9" x14ac:dyDescent="0.2">
      <c r="C1708" s="236"/>
      <c r="D1708" s="236"/>
      <c r="E1708" s="236"/>
      <c r="F1708" s="236"/>
      <c r="G1708" s="236"/>
      <c r="H1708" s="236"/>
      <c r="I1708" s="236"/>
    </row>
    <row r="1709" spans="3:9" x14ac:dyDescent="0.2">
      <c r="C1709" s="236"/>
      <c r="D1709" s="236"/>
      <c r="E1709" s="236"/>
      <c r="F1709" s="236"/>
      <c r="G1709" s="236"/>
      <c r="H1709" s="236"/>
      <c r="I1709" s="236"/>
    </row>
    <row r="1710" spans="3:9" x14ac:dyDescent="0.2">
      <c r="C1710" s="236"/>
      <c r="D1710" s="236"/>
      <c r="E1710" s="236"/>
      <c r="F1710" s="236"/>
      <c r="G1710" s="236"/>
      <c r="H1710" s="236"/>
      <c r="I1710" s="236"/>
    </row>
    <row r="1711" spans="3:9" x14ac:dyDescent="0.2">
      <c r="C1711" s="236"/>
      <c r="D1711" s="236"/>
      <c r="E1711" s="236"/>
      <c r="F1711" s="236"/>
      <c r="G1711" s="236"/>
      <c r="H1711" s="236"/>
      <c r="I1711" s="236"/>
    </row>
    <row r="1712" spans="3:9" x14ac:dyDescent="0.2">
      <c r="C1712" s="236"/>
      <c r="D1712" s="236"/>
      <c r="E1712" s="236"/>
      <c r="F1712" s="236"/>
      <c r="G1712" s="236"/>
      <c r="H1712" s="236"/>
      <c r="I1712" s="236"/>
    </row>
    <row r="1713" spans="3:9" x14ac:dyDescent="0.2">
      <c r="C1713" s="236"/>
      <c r="D1713" s="236"/>
      <c r="E1713" s="236"/>
      <c r="F1713" s="236"/>
      <c r="G1713" s="236"/>
      <c r="H1713" s="236"/>
      <c r="I1713" s="236"/>
    </row>
    <row r="1714" spans="3:9" x14ac:dyDescent="0.2">
      <c r="C1714" s="236"/>
      <c r="D1714" s="236"/>
      <c r="E1714" s="236"/>
      <c r="F1714" s="236"/>
      <c r="G1714" s="236"/>
      <c r="H1714" s="236"/>
      <c r="I1714" s="236"/>
    </row>
    <row r="1715" spans="3:9" x14ac:dyDescent="0.2">
      <c r="C1715" s="236"/>
      <c r="D1715" s="236"/>
      <c r="E1715" s="236"/>
      <c r="F1715" s="236"/>
      <c r="G1715" s="236"/>
      <c r="H1715" s="236"/>
      <c r="I1715" s="236"/>
    </row>
    <row r="1716" spans="3:9" x14ac:dyDescent="0.2">
      <c r="C1716" s="236"/>
      <c r="D1716" s="236"/>
      <c r="E1716" s="236"/>
      <c r="F1716" s="236"/>
      <c r="G1716" s="236"/>
      <c r="H1716" s="236"/>
      <c r="I1716" s="236"/>
    </row>
    <row r="1717" spans="3:9" x14ac:dyDescent="0.2">
      <c r="C1717" s="236"/>
      <c r="D1717" s="236"/>
      <c r="E1717" s="236"/>
      <c r="F1717" s="236"/>
      <c r="G1717" s="236"/>
      <c r="H1717" s="236"/>
      <c r="I1717" s="236"/>
    </row>
    <row r="1718" spans="3:9" x14ac:dyDescent="0.2">
      <c r="C1718" s="236"/>
      <c r="D1718" s="236"/>
      <c r="E1718" s="236"/>
      <c r="F1718" s="236"/>
      <c r="G1718" s="236"/>
      <c r="H1718" s="236"/>
      <c r="I1718" s="236"/>
    </row>
    <row r="1719" spans="3:9" x14ac:dyDescent="0.2">
      <c r="C1719" s="236"/>
      <c r="D1719" s="236"/>
      <c r="E1719" s="236"/>
      <c r="F1719" s="236"/>
      <c r="G1719" s="236"/>
      <c r="H1719" s="236"/>
      <c r="I1719" s="236"/>
    </row>
    <row r="1720" spans="3:9" x14ac:dyDescent="0.2">
      <c r="C1720" s="236"/>
      <c r="D1720" s="236"/>
      <c r="E1720" s="236"/>
      <c r="F1720" s="236"/>
      <c r="G1720" s="236"/>
      <c r="H1720" s="236"/>
      <c r="I1720" s="236"/>
    </row>
    <row r="1721" spans="3:9" x14ac:dyDescent="0.2">
      <c r="C1721" s="236"/>
      <c r="D1721" s="236"/>
      <c r="E1721" s="236"/>
      <c r="F1721" s="236"/>
      <c r="G1721" s="236"/>
      <c r="H1721" s="236"/>
      <c r="I1721" s="236"/>
    </row>
    <row r="1722" spans="3:9" x14ac:dyDescent="0.2">
      <c r="C1722" s="236"/>
      <c r="D1722" s="236"/>
      <c r="E1722" s="236"/>
      <c r="F1722" s="236"/>
      <c r="G1722" s="236"/>
      <c r="H1722" s="236"/>
      <c r="I1722" s="236"/>
    </row>
    <row r="1723" spans="3:9" x14ac:dyDescent="0.2">
      <c r="C1723" s="236"/>
      <c r="D1723" s="236"/>
      <c r="E1723" s="236"/>
      <c r="F1723" s="236"/>
      <c r="G1723" s="236"/>
      <c r="H1723" s="236"/>
      <c r="I1723" s="236"/>
    </row>
    <row r="1724" spans="3:9" x14ac:dyDescent="0.2">
      <c r="C1724" s="236"/>
      <c r="D1724" s="236"/>
      <c r="E1724" s="236"/>
      <c r="F1724" s="236"/>
      <c r="G1724" s="236"/>
      <c r="H1724" s="236"/>
      <c r="I1724" s="236"/>
    </row>
    <row r="1725" spans="3:9" x14ac:dyDescent="0.2">
      <c r="C1725" s="236"/>
      <c r="D1725" s="236"/>
      <c r="E1725" s="236"/>
      <c r="F1725" s="236"/>
      <c r="G1725" s="236"/>
      <c r="H1725" s="236"/>
      <c r="I1725" s="236"/>
    </row>
    <row r="1726" spans="3:9" x14ac:dyDescent="0.2">
      <c r="C1726" s="236"/>
      <c r="D1726" s="236"/>
      <c r="E1726" s="236"/>
      <c r="F1726" s="236"/>
      <c r="G1726" s="236"/>
      <c r="H1726" s="236"/>
      <c r="I1726" s="236"/>
    </row>
    <row r="1727" spans="3:9" x14ac:dyDescent="0.2">
      <c r="C1727" s="236"/>
      <c r="D1727" s="236"/>
      <c r="E1727" s="236"/>
      <c r="F1727" s="236"/>
      <c r="G1727" s="236"/>
      <c r="H1727" s="236"/>
      <c r="I1727" s="236"/>
    </row>
    <row r="1728" spans="3:9" x14ac:dyDescent="0.2">
      <c r="C1728" s="236"/>
      <c r="D1728" s="236"/>
      <c r="E1728" s="236"/>
      <c r="F1728" s="236"/>
      <c r="G1728" s="236"/>
      <c r="H1728" s="236"/>
      <c r="I1728" s="236"/>
    </row>
    <row r="1729" spans="3:9" x14ac:dyDescent="0.2">
      <c r="C1729" s="236"/>
      <c r="D1729" s="236"/>
      <c r="E1729" s="236"/>
      <c r="F1729" s="236"/>
      <c r="G1729" s="236"/>
      <c r="H1729" s="236"/>
      <c r="I1729" s="236"/>
    </row>
    <row r="1730" spans="3:9" x14ac:dyDescent="0.2">
      <c r="C1730" s="236"/>
      <c r="D1730" s="236"/>
      <c r="E1730" s="236"/>
      <c r="F1730" s="236"/>
      <c r="G1730" s="236"/>
      <c r="H1730" s="236"/>
      <c r="I1730" s="236"/>
    </row>
    <row r="1731" spans="3:9" x14ac:dyDescent="0.2">
      <c r="C1731" s="236"/>
      <c r="D1731" s="236"/>
      <c r="E1731" s="236"/>
      <c r="F1731" s="236"/>
      <c r="G1731" s="236"/>
      <c r="H1731" s="236"/>
      <c r="I1731" s="236"/>
    </row>
    <row r="1732" spans="3:9" x14ac:dyDescent="0.2">
      <c r="C1732" s="236"/>
      <c r="D1732" s="236"/>
      <c r="E1732" s="236"/>
      <c r="F1732" s="236"/>
      <c r="G1732" s="236"/>
      <c r="H1732" s="236"/>
      <c r="I1732" s="236"/>
    </row>
    <row r="1733" spans="3:9" x14ac:dyDescent="0.2">
      <c r="C1733" s="236"/>
      <c r="D1733" s="236"/>
      <c r="E1733" s="236"/>
      <c r="F1733" s="236"/>
      <c r="G1733" s="236"/>
      <c r="H1733" s="236"/>
      <c r="I1733" s="236"/>
    </row>
    <row r="1734" spans="3:9" x14ac:dyDescent="0.2">
      <c r="C1734" s="236"/>
      <c r="D1734" s="236"/>
      <c r="E1734" s="236"/>
      <c r="F1734" s="236"/>
      <c r="G1734" s="236"/>
      <c r="H1734" s="236"/>
      <c r="I1734" s="236"/>
    </row>
    <row r="1735" spans="3:9" x14ac:dyDescent="0.2">
      <c r="C1735" s="236"/>
      <c r="D1735" s="236"/>
      <c r="E1735" s="236"/>
      <c r="F1735" s="236"/>
      <c r="G1735" s="236"/>
      <c r="H1735" s="236"/>
      <c r="I1735" s="236"/>
    </row>
    <row r="1736" spans="3:9" x14ac:dyDescent="0.2">
      <c r="C1736" s="236"/>
      <c r="D1736" s="236"/>
      <c r="E1736" s="236"/>
      <c r="F1736" s="236"/>
      <c r="G1736" s="236"/>
      <c r="H1736" s="236"/>
      <c r="I1736" s="236"/>
    </row>
    <row r="1737" spans="3:9" x14ac:dyDescent="0.2">
      <c r="C1737" s="236"/>
      <c r="D1737" s="236"/>
      <c r="E1737" s="236"/>
      <c r="F1737" s="236"/>
      <c r="G1737" s="236"/>
      <c r="H1737" s="236"/>
      <c r="I1737" s="236"/>
    </row>
    <row r="1738" spans="3:9" x14ac:dyDescent="0.2">
      <c r="C1738" s="236"/>
      <c r="D1738" s="236"/>
      <c r="E1738" s="236"/>
      <c r="F1738" s="236"/>
      <c r="G1738" s="236"/>
      <c r="H1738" s="236"/>
      <c r="I1738" s="236"/>
    </row>
    <row r="1739" spans="3:9" x14ac:dyDescent="0.2">
      <c r="C1739" s="236"/>
      <c r="D1739" s="236"/>
      <c r="E1739" s="236"/>
      <c r="F1739" s="236"/>
      <c r="G1739" s="236"/>
      <c r="H1739" s="236"/>
      <c r="I1739" s="236"/>
    </row>
    <row r="1740" spans="3:9" x14ac:dyDescent="0.2">
      <c r="C1740" s="236"/>
      <c r="D1740" s="236"/>
      <c r="E1740" s="236"/>
      <c r="F1740" s="236"/>
      <c r="G1740" s="236"/>
      <c r="H1740" s="236"/>
      <c r="I1740" s="236"/>
    </row>
    <row r="1741" spans="3:9" x14ac:dyDescent="0.2">
      <c r="C1741" s="236"/>
      <c r="D1741" s="236"/>
      <c r="E1741" s="236"/>
      <c r="F1741" s="236"/>
      <c r="G1741" s="236"/>
      <c r="H1741" s="236"/>
      <c r="I1741" s="236"/>
    </row>
    <row r="1742" spans="3:9" x14ac:dyDescent="0.2">
      <c r="C1742" s="236"/>
      <c r="D1742" s="236"/>
      <c r="E1742" s="236"/>
      <c r="F1742" s="236"/>
      <c r="G1742" s="236"/>
      <c r="H1742" s="236"/>
      <c r="I1742" s="236"/>
    </row>
    <row r="1743" spans="3:9" x14ac:dyDescent="0.2">
      <c r="C1743" s="236"/>
      <c r="D1743" s="236"/>
      <c r="E1743" s="236"/>
      <c r="F1743" s="236"/>
      <c r="G1743" s="236"/>
      <c r="H1743" s="236"/>
      <c r="I1743" s="236"/>
    </row>
    <row r="1744" spans="3:9" x14ac:dyDescent="0.2">
      <c r="C1744" s="236"/>
      <c r="D1744" s="236"/>
      <c r="E1744" s="236"/>
      <c r="F1744" s="236"/>
      <c r="G1744" s="236"/>
      <c r="H1744" s="236"/>
      <c r="I1744" s="236"/>
    </row>
    <row r="1745" spans="3:9" x14ac:dyDescent="0.2">
      <c r="C1745" s="236"/>
      <c r="D1745" s="236"/>
      <c r="E1745" s="236"/>
      <c r="F1745" s="236"/>
      <c r="G1745" s="236"/>
      <c r="H1745" s="236"/>
      <c r="I1745" s="236"/>
    </row>
    <row r="1746" spans="3:9" x14ac:dyDescent="0.2">
      <c r="C1746" s="236"/>
      <c r="D1746" s="236"/>
      <c r="E1746" s="236"/>
      <c r="F1746" s="236"/>
      <c r="G1746" s="236"/>
      <c r="H1746" s="236"/>
      <c r="I1746" s="236"/>
    </row>
    <row r="1747" spans="3:9" x14ac:dyDescent="0.2">
      <c r="C1747" s="236"/>
      <c r="D1747" s="236"/>
      <c r="E1747" s="236"/>
      <c r="F1747" s="236"/>
      <c r="G1747" s="236"/>
      <c r="H1747" s="236"/>
      <c r="I1747" s="236"/>
    </row>
    <row r="1748" spans="3:9" x14ac:dyDescent="0.2">
      <c r="C1748" s="236"/>
      <c r="D1748" s="236"/>
      <c r="E1748" s="236"/>
      <c r="F1748" s="236"/>
      <c r="G1748" s="236"/>
      <c r="H1748" s="236"/>
      <c r="I1748" s="236"/>
    </row>
    <row r="1749" spans="3:9" x14ac:dyDescent="0.2">
      <c r="C1749" s="236"/>
      <c r="D1749" s="236"/>
      <c r="E1749" s="236"/>
      <c r="F1749" s="236"/>
      <c r="G1749" s="236"/>
      <c r="H1749" s="236"/>
      <c r="I1749" s="236"/>
    </row>
    <row r="1750" spans="3:9" x14ac:dyDescent="0.2">
      <c r="C1750" s="236"/>
      <c r="D1750" s="236"/>
      <c r="E1750" s="236"/>
      <c r="F1750" s="236"/>
      <c r="G1750" s="236"/>
      <c r="H1750" s="236"/>
      <c r="I1750" s="236"/>
    </row>
    <row r="1751" spans="3:9" x14ac:dyDescent="0.2">
      <c r="C1751" s="236"/>
      <c r="D1751" s="236"/>
      <c r="E1751" s="236"/>
      <c r="F1751" s="236"/>
      <c r="G1751" s="236"/>
      <c r="H1751" s="236"/>
      <c r="I1751" s="236"/>
    </row>
    <row r="1752" spans="3:9" x14ac:dyDescent="0.2">
      <c r="C1752" s="236"/>
      <c r="D1752" s="236"/>
      <c r="E1752" s="236"/>
      <c r="F1752" s="236"/>
      <c r="G1752" s="236"/>
      <c r="H1752" s="236"/>
      <c r="I1752" s="236"/>
    </row>
    <row r="1753" spans="3:9" x14ac:dyDescent="0.2">
      <c r="C1753" s="236"/>
      <c r="D1753" s="236"/>
      <c r="E1753" s="236"/>
      <c r="F1753" s="236"/>
      <c r="G1753" s="236"/>
      <c r="H1753" s="236"/>
      <c r="I1753" s="236"/>
    </row>
    <row r="1754" spans="3:9" x14ac:dyDescent="0.2">
      <c r="C1754" s="236"/>
      <c r="D1754" s="236"/>
      <c r="E1754" s="236"/>
      <c r="F1754" s="236"/>
      <c r="G1754" s="236"/>
      <c r="H1754" s="236"/>
      <c r="I1754" s="236"/>
    </row>
    <row r="1755" spans="3:9" x14ac:dyDescent="0.2">
      <c r="C1755" s="236"/>
      <c r="D1755" s="236"/>
      <c r="E1755" s="236"/>
      <c r="F1755" s="236"/>
      <c r="G1755" s="236"/>
      <c r="H1755" s="236"/>
      <c r="I1755" s="236"/>
    </row>
    <row r="1756" spans="3:9" x14ac:dyDescent="0.2">
      <c r="C1756" s="236"/>
      <c r="D1756" s="236"/>
      <c r="E1756" s="236"/>
      <c r="F1756" s="236"/>
      <c r="G1756" s="236"/>
      <c r="H1756" s="236"/>
      <c r="I1756" s="236"/>
    </row>
    <row r="1757" spans="3:9" x14ac:dyDescent="0.2">
      <c r="C1757" s="236"/>
      <c r="D1757" s="236"/>
      <c r="E1757" s="236"/>
      <c r="F1757" s="236"/>
      <c r="G1757" s="236"/>
      <c r="H1757" s="236"/>
      <c r="I1757" s="236"/>
    </row>
    <row r="1758" spans="3:9" x14ac:dyDescent="0.2">
      <c r="C1758" s="236"/>
      <c r="D1758" s="236"/>
      <c r="E1758" s="236"/>
      <c r="F1758" s="236"/>
      <c r="G1758" s="236"/>
      <c r="H1758" s="236"/>
      <c r="I1758" s="236"/>
    </row>
    <row r="1759" spans="3:9" x14ac:dyDescent="0.2">
      <c r="C1759" s="236"/>
      <c r="D1759" s="236"/>
      <c r="E1759" s="236"/>
      <c r="F1759" s="236"/>
      <c r="G1759" s="236"/>
      <c r="H1759" s="236"/>
      <c r="I1759" s="236"/>
    </row>
    <row r="1760" spans="3:9" x14ac:dyDescent="0.2">
      <c r="C1760" s="236"/>
      <c r="D1760" s="236"/>
      <c r="E1760" s="236"/>
      <c r="F1760" s="236"/>
      <c r="G1760" s="236"/>
      <c r="H1760" s="236"/>
      <c r="I1760" s="236"/>
    </row>
    <row r="1761" spans="3:9" x14ac:dyDescent="0.2">
      <c r="C1761" s="236"/>
      <c r="D1761" s="236"/>
      <c r="E1761" s="236"/>
      <c r="F1761" s="236"/>
      <c r="G1761" s="236"/>
      <c r="H1761" s="236"/>
      <c r="I1761" s="236"/>
    </row>
    <row r="1762" spans="3:9" x14ac:dyDescent="0.2">
      <c r="C1762" s="236"/>
      <c r="D1762" s="236"/>
      <c r="E1762" s="236"/>
      <c r="F1762" s="236"/>
      <c r="G1762" s="236"/>
      <c r="H1762" s="236"/>
      <c r="I1762" s="236"/>
    </row>
    <row r="1763" spans="3:9" x14ac:dyDescent="0.2">
      <c r="C1763" s="236"/>
      <c r="D1763" s="236"/>
      <c r="E1763" s="236"/>
      <c r="F1763" s="236"/>
      <c r="G1763" s="236"/>
      <c r="H1763" s="236"/>
      <c r="I1763" s="236"/>
    </row>
    <row r="1764" spans="3:9" x14ac:dyDescent="0.2">
      <c r="C1764" s="236"/>
      <c r="D1764" s="236"/>
      <c r="E1764" s="236"/>
      <c r="F1764" s="236"/>
      <c r="G1764" s="236"/>
      <c r="H1764" s="236"/>
      <c r="I1764" s="236"/>
    </row>
    <row r="1765" spans="3:9" x14ac:dyDescent="0.2">
      <c r="C1765" s="236"/>
      <c r="D1765" s="236"/>
      <c r="E1765" s="236"/>
      <c r="F1765" s="236"/>
      <c r="G1765" s="236"/>
      <c r="H1765" s="236"/>
      <c r="I1765" s="236"/>
    </row>
    <row r="1766" spans="3:9" x14ac:dyDescent="0.2">
      <c r="C1766" s="236"/>
      <c r="D1766" s="236"/>
      <c r="E1766" s="236"/>
      <c r="F1766" s="236"/>
      <c r="G1766" s="236"/>
      <c r="H1766" s="236"/>
      <c r="I1766" s="236"/>
    </row>
    <row r="1767" spans="3:9" x14ac:dyDescent="0.2">
      <c r="C1767" s="236"/>
      <c r="D1767" s="236"/>
      <c r="E1767" s="236"/>
      <c r="F1767" s="236"/>
      <c r="G1767" s="236"/>
      <c r="H1767" s="236"/>
      <c r="I1767" s="236"/>
    </row>
    <row r="1768" spans="3:9" x14ac:dyDescent="0.2">
      <c r="C1768" s="236"/>
      <c r="D1768" s="236"/>
      <c r="E1768" s="236"/>
      <c r="F1768" s="236"/>
      <c r="G1768" s="236"/>
      <c r="H1768" s="236"/>
      <c r="I1768" s="236"/>
    </row>
    <row r="1769" spans="3:9" x14ac:dyDescent="0.2">
      <c r="C1769" s="236"/>
      <c r="D1769" s="236"/>
      <c r="E1769" s="236"/>
      <c r="F1769" s="236"/>
      <c r="G1769" s="236"/>
      <c r="H1769" s="236"/>
      <c r="I1769" s="236"/>
    </row>
    <row r="1770" spans="3:9" x14ac:dyDescent="0.2">
      <c r="C1770" s="236"/>
      <c r="D1770" s="236"/>
      <c r="E1770" s="236"/>
      <c r="F1770" s="236"/>
      <c r="G1770" s="236"/>
      <c r="H1770" s="236"/>
      <c r="I1770" s="236"/>
    </row>
    <row r="1771" spans="3:9" x14ac:dyDescent="0.2">
      <c r="C1771" s="236"/>
      <c r="D1771" s="236"/>
      <c r="E1771" s="236"/>
      <c r="F1771" s="236"/>
      <c r="G1771" s="236"/>
      <c r="H1771" s="236"/>
      <c r="I1771" s="236"/>
    </row>
    <row r="1772" spans="3:9" x14ac:dyDescent="0.2">
      <c r="C1772" s="236"/>
      <c r="D1772" s="236"/>
      <c r="E1772" s="236"/>
      <c r="F1772" s="236"/>
      <c r="G1772" s="236"/>
      <c r="H1772" s="236"/>
      <c r="I1772" s="236"/>
    </row>
    <row r="1773" spans="3:9" x14ac:dyDescent="0.2">
      <c r="C1773" s="236"/>
      <c r="D1773" s="236"/>
      <c r="E1773" s="236"/>
      <c r="F1773" s="236"/>
      <c r="G1773" s="236"/>
      <c r="H1773" s="236"/>
      <c r="I1773" s="236"/>
    </row>
    <row r="1774" spans="3:9" x14ac:dyDescent="0.2">
      <c r="C1774" s="236"/>
      <c r="D1774" s="236"/>
      <c r="E1774" s="236"/>
      <c r="F1774" s="236"/>
      <c r="G1774" s="236"/>
      <c r="H1774" s="236"/>
      <c r="I1774" s="236"/>
    </row>
    <row r="1775" spans="3:9" x14ac:dyDescent="0.2">
      <c r="C1775" s="236"/>
      <c r="D1775" s="236"/>
      <c r="E1775" s="236"/>
      <c r="F1775" s="236"/>
      <c r="G1775" s="236"/>
      <c r="H1775" s="236"/>
      <c r="I1775" s="236"/>
    </row>
    <row r="1776" spans="3:9" x14ac:dyDescent="0.2">
      <c r="C1776" s="236"/>
      <c r="D1776" s="236"/>
      <c r="E1776" s="236"/>
      <c r="F1776" s="236"/>
      <c r="G1776" s="236"/>
      <c r="H1776" s="236"/>
      <c r="I1776" s="236"/>
    </row>
    <row r="1777" spans="3:9" x14ac:dyDescent="0.2">
      <c r="C1777" s="236"/>
      <c r="D1777" s="236"/>
      <c r="E1777" s="236"/>
      <c r="F1777" s="236"/>
      <c r="G1777" s="236"/>
      <c r="H1777" s="236"/>
      <c r="I1777" s="236"/>
    </row>
    <row r="1778" spans="3:9" x14ac:dyDescent="0.2">
      <c r="C1778" s="236"/>
      <c r="D1778" s="236"/>
      <c r="E1778" s="236"/>
      <c r="F1778" s="236"/>
      <c r="G1778" s="236"/>
      <c r="H1778" s="236"/>
      <c r="I1778" s="236"/>
    </row>
    <row r="1779" spans="3:9" x14ac:dyDescent="0.2">
      <c r="C1779" s="236"/>
      <c r="D1779" s="236"/>
      <c r="E1779" s="236"/>
      <c r="F1779" s="236"/>
      <c r="G1779" s="236"/>
      <c r="H1779" s="236"/>
      <c r="I1779" s="236"/>
    </row>
    <row r="1780" spans="3:9" x14ac:dyDescent="0.2">
      <c r="C1780" s="236"/>
      <c r="D1780" s="236"/>
      <c r="E1780" s="236"/>
      <c r="F1780" s="236"/>
      <c r="G1780" s="236"/>
      <c r="H1780" s="236"/>
      <c r="I1780" s="236"/>
    </row>
    <row r="1781" spans="3:9" x14ac:dyDescent="0.2">
      <c r="C1781" s="236"/>
      <c r="D1781" s="236"/>
      <c r="E1781" s="236"/>
      <c r="F1781" s="236"/>
      <c r="G1781" s="236"/>
      <c r="H1781" s="236"/>
      <c r="I1781" s="236"/>
    </row>
    <row r="1782" spans="3:9" x14ac:dyDescent="0.2">
      <c r="C1782" s="236"/>
      <c r="D1782" s="236"/>
      <c r="E1782" s="236"/>
      <c r="F1782" s="236"/>
      <c r="G1782" s="236"/>
      <c r="H1782" s="236"/>
      <c r="I1782" s="236"/>
    </row>
    <row r="1783" spans="3:9" x14ac:dyDescent="0.2">
      <c r="C1783" s="236"/>
      <c r="D1783" s="236"/>
      <c r="E1783" s="236"/>
      <c r="F1783" s="236"/>
      <c r="G1783" s="236"/>
      <c r="H1783" s="236"/>
      <c r="I1783" s="236"/>
    </row>
    <row r="1784" spans="3:9" x14ac:dyDescent="0.2">
      <c r="C1784" s="236"/>
      <c r="D1784" s="236"/>
      <c r="E1784" s="236"/>
      <c r="F1784" s="236"/>
      <c r="G1784" s="236"/>
      <c r="H1784" s="236"/>
      <c r="I1784" s="236"/>
    </row>
    <row r="1785" spans="3:9" x14ac:dyDescent="0.2">
      <c r="C1785" s="236"/>
      <c r="D1785" s="236"/>
      <c r="E1785" s="236"/>
      <c r="F1785" s="236"/>
      <c r="G1785" s="236"/>
      <c r="H1785" s="236"/>
      <c r="I1785" s="236"/>
    </row>
    <row r="1786" spans="3:9" x14ac:dyDescent="0.2">
      <c r="C1786" s="236"/>
      <c r="D1786" s="236"/>
      <c r="E1786" s="236"/>
      <c r="F1786" s="236"/>
      <c r="G1786" s="236"/>
      <c r="H1786" s="236"/>
      <c r="I1786" s="236"/>
    </row>
    <row r="1787" spans="3:9" x14ac:dyDescent="0.2">
      <c r="C1787" s="236"/>
      <c r="D1787" s="236"/>
      <c r="E1787" s="236"/>
      <c r="F1787" s="236"/>
      <c r="G1787" s="236"/>
      <c r="H1787" s="236"/>
      <c r="I1787" s="236"/>
    </row>
    <row r="1788" spans="3:9" x14ac:dyDescent="0.2">
      <c r="C1788" s="236"/>
      <c r="D1788" s="236"/>
      <c r="E1788" s="236"/>
      <c r="F1788" s="236"/>
      <c r="G1788" s="236"/>
      <c r="H1788" s="236"/>
      <c r="I1788" s="236"/>
    </row>
    <row r="1789" spans="3:9" x14ac:dyDescent="0.2">
      <c r="C1789" s="236"/>
      <c r="D1789" s="236"/>
      <c r="E1789" s="236"/>
      <c r="F1789" s="236"/>
      <c r="G1789" s="236"/>
      <c r="H1789" s="236"/>
      <c r="I1789" s="236"/>
    </row>
    <row r="1790" spans="3:9" x14ac:dyDescent="0.2">
      <c r="C1790" s="236"/>
      <c r="D1790" s="236"/>
      <c r="E1790" s="236"/>
      <c r="F1790" s="236"/>
      <c r="G1790" s="236"/>
      <c r="H1790" s="236"/>
      <c r="I1790" s="236"/>
    </row>
    <row r="1791" spans="3:9" x14ac:dyDescent="0.2">
      <c r="C1791" s="236"/>
      <c r="D1791" s="236"/>
      <c r="E1791" s="236"/>
      <c r="F1791" s="236"/>
      <c r="G1791" s="236"/>
      <c r="H1791" s="236"/>
      <c r="I1791" s="236"/>
    </row>
    <row r="1792" spans="3:9" x14ac:dyDescent="0.2">
      <c r="C1792" s="236"/>
      <c r="D1792" s="236"/>
      <c r="E1792" s="236"/>
      <c r="F1792" s="236"/>
      <c r="G1792" s="236"/>
      <c r="H1792" s="236"/>
      <c r="I1792" s="236"/>
    </row>
    <row r="1793" spans="3:9" x14ac:dyDescent="0.2">
      <c r="C1793" s="236"/>
      <c r="D1793" s="236"/>
      <c r="E1793" s="236"/>
      <c r="F1793" s="236"/>
      <c r="G1793" s="236"/>
      <c r="H1793" s="236"/>
      <c r="I1793" s="236"/>
    </row>
    <row r="1794" spans="3:9" x14ac:dyDescent="0.2">
      <c r="C1794" s="236"/>
      <c r="D1794" s="236"/>
      <c r="E1794" s="236"/>
      <c r="F1794" s="236"/>
      <c r="G1794" s="236"/>
      <c r="H1794" s="236"/>
      <c r="I1794" s="236"/>
    </row>
    <row r="1795" spans="3:9" x14ac:dyDescent="0.2">
      <c r="C1795" s="236"/>
      <c r="D1795" s="236"/>
      <c r="E1795" s="236"/>
      <c r="F1795" s="236"/>
      <c r="G1795" s="236"/>
      <c r="H1795" s="236"/>
      <c r="I1795" s="236"/>
    </row>
    <row r="1796" spans="3:9" x14ac:dyDescent="0.2">
      <c r="C1796" s="236"/>
      <c r="D1796" s="236"/>
      <c r="E1796" s="236"/>
      <c r="F1796" s="236"/>
      <c r="G1796" s="236"/>
      <c r="H1796" s="236"/>
      <c r="I1796" s="236"/>
    </row>
    <row r="1797" spans="3:9" x14ac:dyDescent="0.2">
      <c r="C1797" s="236"/>
      <c r="D1797" s="236"/>
      <c r="E1797" s="236"/>
      <c r="F1797" s="236"/>
      <c r="G1797" s="236"/>
      <c r="H1797" s="236"/>
      <c r="I1797" s="236"/>
    </row>
    <row r="1798" spans="3:9" x14ac:dyDescent="0.2">
      <c r="C1798" s="236"/>
      <c r="D1798" s="236"/>
      <c r="E1798" s="236"/>
      <c r="F1798" s="236"/>
      <c r="G1798" s="236"/>
      <c r="H1798" s="236"/>
      <c r="I1798" s="236"/>
    </row>
    <row r="1799" spans="3:9" x14ac:dyDescent="0.2">
      <c r="C1799" s="236"/>
      <c r="D1799" s="236"/>
      <c r="E1799" s="236"/>
      <c r="F1799" s="236"/>
      <c r="G1799" s="236"/>
      <c r="H1799" s="236"/>
      <c r="I1799" s="236"/>
    </row>
    <row r="1800" spans="3:9" x14ac:dyDescent="0.2">
      <c r="C1800" s="236"/>
      <c r="D1800" s="236"/>
      <c r="E1800" s="236"/>
      <c r="F1800" s="236"/>
      <c r="G1800" s="236"/>
      <c r="H1800" s="236"/>
      <c r="I1800" s="236"/>
    </row>
    <row r="1801" spans="3:9" x14ac:dyDescent="0.2">
      <c r="C1801" s="236"/>
      <c r="D1801" s="236"/>
      <c r="E1801" s="236"/>
      <c r="F1801" s="236"/>
      <c r="G1801" s="236"/>
      <c r="H1801" s="236"/>
      <c r="I1801" s="236"/>
    </row>
    <row r="1802" spans="3:9" x14ac:dyDescent="0.2">
      <c r="C1802" s="236"/>
      <c r="D1802" s="236"/>
      <c r="E1802" s="236"/>
      <c r="F1802" s="236"/>
      <c r="G1802" s="236"/>
      <c r="H1802" s="236"/>
      <c r="I1802" s="236"/>
    </row>
    <row r="1803" spans="3:9" x14ac:dyDescent="0.2">
      <c r="C1803" s="236"/>
      <c r="D1803" s="236"/>
      <c r="E1803" s="236"/>
      <c r="F1803" s="236"/>
      <c r="G1803" s="236"/>
      <c r="H1803" s="236"/>
      <c r="I1803" s="236"/>
    </row>
    <row r="1804" spans="3:9" x14ac:dyDescent="0.2">
      <c r="C1804" s="236"/>
      <c r="D1804" s="236"/>
      <c r="E1804" s="236"/>
      <c r="F1804" s="236"/>
      <c r="G1804" s="236"/>
      <c r="H1804" s="236"/>
      <c r="I1804" s="236"/>
    </row>
    <row r="1805" spans="3:9" x14ac:dyDescent="0.2">
      <c r="C1805" s="236"/>
      <c r="D1805" s="236"/>
      <c r="E1805" s="236"/>
      <c r="F1805" s="236"/>
      <c r="G1805" s="236"/>
      <c r="H1805" s="236"/>
      <c r="I1805" s="236"/>
    </row>
    <row r="1806" spans="3:9" x14ac:dyDescent="0.2">
      <c r="C1806" s="236"/>
      <c r="D1806" s="236"/>
      <c r="E1806" s="236"/>
      <c r="F1806" s="236"/>
      <c r="G1806" s="236"/>
      <c r="H1806" s="236"/>
      <c r="I1806" s="236"/>
    </row>
    <row r="1807" spans="3:9" x14ac:dyDescent="0.2">
      <c r="C1807" s="236"/>
      <c r="D1807" s="236"/>
      <c r="E1807" s="236"/>
      <c r="F1807" s="236"/>
      <c r="G1807" s="236"/>
      <c r="H1807" s="236"/>
      <c r="I1807" s="236"/>
    </row>
    <row r="1808" spans="3:9" x14ac:dyDescent="0.2">
      <c r="C1808" s="236"/>
      <c r="D1808" s="236"/>
      <c r="E1808" s="236"/>
      <c r="F1808" s="236"/>
      <c r="G1808" s="236"/>
      <c r="H1808" s="236"/>
      <c r="I1808" s="236"/>
    </row>
    <row r="1809" spans="3:9" x14ac:dyDescent="0.2">
      <c r="C1809" s="236"/>
      <c r="D1809" s="236"/>
      <c r="E1809" s="236"/>
      <c r="F1809" s="236"/>
      <c r="G1809" s="236"/>
      <c r="H1809" s="236"/>
      <c r="I1809" s="236"/>
    </row>
    <row r="1810" spans="3:9" x14ac:dyDescent="0.2">
      <c r="C1810" s="236"/>
      <c r="D1810" s="236"/>
      <c r="E1810" s="236"/>
      <c r="F1810" s="236"/>
      <c r="G1810" s="236"/>
      <c r="H1810" s="236"/>
      <c r="I1810" s="236"/>
    </row>
    <row r="1811" spans="3:9" x14ac:dyDescent="0.2">
      <c r="C1811" s="236"/>
      <c r="D1811" s="236"/>
      <c r="E1811" s="236"/>
      <c r="F1811" s="236"/>
      <c r="G1811" s="236"/>
      <c r="H1811" s="236"/>
      <c r="I1811" s="236"/>
    </row>
    <row r="1812" spans="3:9" x14ac:dyDescent="0.2">
      <c r="C1812" s="236"/>
      <c r="D1812" s="236"/>
      <c r="E1812" s="236"/>
      <c r="F1812" s="236"/>
      <c r="G1812" s="236"/>
      <c r="H1812" s="236"/>
      <c r="I1812" s="236"/>
    </row>
    <row r="1813" spans="3:9" x14ac:dyDescent="0.2">
      <c r="C1813" s="236"/>
      <c r="D1813" s="236"/>
      <c r="E1813" s="236"/>
      <c r="F1813" s="236"/>
      <c r="G1813" s="236"/>
      <c r="H1813" s="236"/>
      <c r="I1813" s="236"/>
    </row>
    <row r="1814" spans="3:9" x14ac:dyDescent="0.2">
      <c r="C1814" s="236"/>
      <c r="D1814" s="236"/>
      <c r="E1814" s="236"/>
      <c r="F1814" s="236"/>
      <c r="G1814" s="236"/>
      <c r="H1814" s="236"/>
      <c r="I1814" s="236"/>
    </row>
    <row r="1815" spans="3:9" x14ac:dyDescent="0.2">
      <c r="C1815" s="236"/>
      <c r="D1815" s="236"/>
      <c r="E1815" s="236"/>
      <c r="F1815" s="236"/>
      <c r="G1815" s="236"/>
      <c r="H1815" s="236"/>
      <c r="I1815" s="236"/>
    </row>
    <row r="1816" spans="3:9" x14ac:dyDescent="0.2">
      <c r="C1816" s="236"/>
      <c r="D1816" s="236"/>
      <c r="E1816" s="236"/>
      <c r="F1816" s="236"/>
      <c r="G1816" s="236"/>
      <c r="H1816" s="236"/>
      <c r="I1816" s="236"/>
    </row>
    <row r="1817" spans="3:9" x14ac:dyDescent="0.2">
      <c r="C1817" s="236"/>
      <c r="D1817" s="236"/>
      <c r="E1817" s="236"/>
      <c r="F1817" s="236"/>
      <c r="G1817" s="236"/>
      <c r="H1817" s="236"/>
      <c r="I1817" s="236"/>
    </row>
    <row r="1818" spans="3:9" x14ac:dyDescent="0.2">
      <c r="C1818" s="236"/>
      <c r="D1818" s="236"/>
      <c r="E1818" s="236"/>
      <c r="F1818" s="236"/>
      <c r="G1818" s="236"/>
      <c r="H1818" s="236"/>
      <c r="I1818" s="236"/>
    </row>
    <row r="1819" spans="3:9" x14ac:dyDescent="0.2">
      <c r="C1819" s="236"/>
      <c r="D1819" s="236"/>
      <c r="E1819" s="236"/>
      <c r="F1819" s="236"/>
      <c r="G1819" s="236"/>
      <c r="H1819" s="236"/>
      <c r="I1819" s="236"/>
    </row>
    <row r="1820" spans="3:9" x14ac:dyDescent="0.2">
      <c r="C1820" s="236"/>
      <c r="D1820" s="236"/>
      <c r="E1820" s="236"/>
      <c r="F1820" s="236"/>
      <c r="G1820" s="236"/>
      <c r="H1820" s="236"/>
      <c r="I1820" s="236"/>
    </row>
    <row r="1821" spans="3:9" x14ac:dyDescent="0.2">
      <c r="C1821" s="236"/>
      <c r="D1821" s="236"/>
      <c r="E1821" s="236"/>
      <c r="F1821" s="236"/>
      <c r="G1821" s="236"/>
      <c r="H1821" s="236"/>
      <c r="I1821" s="236"/>
    </row>
    <row r="1822" spans="3:9" x14ac:dyDescent="0.2">
      <c r="C1822" s="236"/>
      <c r="D1822" s="236"/>
      <c r="E1822" s="236"/>
      <c r="F1822" s="236"/>
      <c r="G1822" s="236"/>
      <c r="H1822" s="236"/>
      <c r="I1822" s="236"/>
    </row>
    <row r="1823" spans="3:9" x14ac:dyDescent="0.2">
      <c r="C1823" s="236"/>
      <c r="D1823" s="236"/>
      <c r="E1823" s="236"/>
      <c r="F1823" s="236"/>
      <c r="G1823" s="236"/>
      <c r="H1823" s="236"/>
      <c r="I1823" s="236"/>
    </row>
    <row r="1824" spans="3:9" x14ac:dyDescent="0.2">
      <c r="C1824" s="236"/>
      <c r="D1824" s="236"/>
      <c r="E1824" s="236"/>
      <c r="F1824" s="236"/>
      <c r="G1824" s="236"/>
      <c r="H1824" s="236"/>
      <c r="I1824" s="236"/>
    </row>
    <row r="1825" spans="3:9" x14ac:dyDescent="0.2">
      <c r="C1825" s="236"/>
      <c r="D1825" s="236"/>
      <c r="E1825" s="236"/>
      <c r="F1825" s="236"/>
      <c r="G1825" s="236"/>
      <c r="H1825" s="236"/>
      <c r="I1825" s="236"/>
    </row>
    <row r="1826" spans="3:9" x14ac:dyDescent="0.2">
      <c r="C1826" s="236"/>
      <c r="D1826" s="236"/>
      <c r="E1826" s="236"/>
      <c r="F1826" s="236"/>
      <c r="G1826" s="236"/>
      <c r="H1826" s="236"/>
      <c r="I1826" s="236"/>
    </row>
    <row r="1827" spans="3:9" x14ac:dyDescent="0.2">
      <c r="C1827" s="236"/>
      <c r="D1827" s="236"/>
      <c r="E1827" s="236"/>
      <c r="F1827" s="236"/>
      <c r="G1827" s="236"/>
      <c r="H1827" s="236"/>
      <c r="I1827" s="236"/>
    </row>
    <row r="1828" spans="3:9" x14ac:dyDescent="0.2">
      <c r="C1828" s="236"/>
      <c r="D1828" s="236"/>
      <c r="E1828" s="236"/>
      <c r="F1828" s="236"/>
      <c r="G1828" s="236"/>
      <c r="H1828" s="236"/>
      <c r="I1828" s="236"/>
    </row>
    <row r="1829" spans="3:9" x14ac:dyDescent="0.2">
      <c r="C1829" s="236"/>
      <c r="D1829" s="236"/>
      <c r="E1829" s="236"/>
      <c r="F1829" s="236"/>
      <c r="G1829" s="236"/>
      <c r="H1829" s="236"/>
      <c r="I1829" s="236"/>
    </row>
    <row r="1830" spans="3:9" x14ac:dyDescent="0.2">
      <c r="C1830" s="236"/>
      <c r="D1830" s="236"/>
      <c r="E1830" s="236"/>
      <c r="F1830" s="236"/>
      <c r="G1830" s="236"/>
      <c r="H1830" s="236"/>
      <c r="I1830" s="236"/>
    </row>
    <row r="1831" spans="3:9" x14ac:dyDescent="0.2">
      <c r="C1831" s="236"/>
      <c r="D1831" s="236"/>
      <c r="E1831" s="236"/>
      <c r="F1831" s="236"/>
      <c r="G1831" s="236"/>
      <c r="H1831" s="236"/>
      <c r="I1831" s="236"/>
    </row>
    <row r="1832" spans="3:9" x14ac:dyDescent="0.2">
      <c r="C1832" s="236"/>
      <c r="D1832" s="236"/>
      <c r="E1832" s="236"/>
      <c r="F1832" s="236"/>
      <c r="G1832" s="236"/>
      <c r="H1832" s="236"/>
      <c r="I1832" s="236"/>
    </row>
    <row r="1833" spans="3:9" x14ac:dyDescent="0.2">
      <c r="C1833" s="236"/>
      <c r="D1833" s="236"/>
      <c r="E1833" s="236"/>
      <c r="F1833" s="236"/>
      <c r="G1833" s="236"/>
      <c r="H1833" s="236"/>
      <c r="I1833" s="236"/>
    </row>
    <row r="1834" spans="3:9" x14ac:dyDescent="0.2">
      <c r="C1834" s="236"/>
      <c r="D1834" s="236"/>
      <c r="E1834" s="236"/>
      <c r="F1834" s="236"/>
      <c r="G1834" s="236"/>
      <c r="H1834" s="236"/>
      <c r="I1834" s="236"/>
    </row>
    <row r="1835" spans="3:9" x14ac:dyDescent="0.2">
      <c r="C1835" s="236"/>
      <c r="D1835" s="236"/>
      <c r="E1835" s="236"/>
      <c r="F1835" s="236"/>
      <c r="G1835" s="236"/>
      <c r="H1835" s="236"/>
      <c r="I1835" s="236"/>
    </row>
    <row r="1836" spans="3:9" x14ac:dyDescent="0.2">
      <c r="C1836" s="236"/>
      <c r="D1836" s="236"/>
      <c r="E1836" s="236"/>
      <c r="F1836" s="236"/>
      <c r="G1836" s="236"/>
      <c r="H1836" s="236"/>
      <c r="I1836" s="236"/>
    </row>
    <row r="1837" spans="3:9" x14ac:dyDescent="0.2">
      <c r="C1837" s="236"/>
      <c r="D1837" s="236"/>
      <c r="E1837" s="236"/>
      <c r="F1837" s="236"/>
      <c r="G1837" s="236"/>
      <c r="H1837" s="236"/>
      <c r="I1837" s="236"/>
    </row>
    <row r="1838" spans="3:9" x14ac:dyDescent="0.2">
      <c r="C1838" s="236"/>
      <c r="D1838" s="236"/>
      <c r="E1838" s="236"/>
      <c r="F1838" s="236"/>
      <c r="G1838" s="236"/>
      <c r="H1838" s="236"/>
      <c r="I1838" s="236"/>
    </row>
    <row r="1839" spans="3:9" x14ac:dyDescent="0.2">
      <c r="C1839" s="236"/>
      <c r="D1839" s="236"/>
      <c r="E1839" s="236"/>
      <c r="F1839" s="236"/>
      <c r="G1839" s="236"/>
      <c r="H1839" s="236"/>
      <c r="I1839" s="236"/>
    </row>
    <row r="1840" spans="3:9" x14ac:dyDescent="0.2">
      <c r="C1840" s="236"/>
      <c r="D1840" s="236"/>
      <c r="E1840" s="236"/>
      <c r="F1840" s="236"/>
      <c r="G1840" s="236"/>
      <c r="H1840" s="236"/>
      <c r="I1840" s="236"/>
    </row>
    <row r="1841" spans="3:9" x14ac:dyDescent="0.2">
      <c r="C1841" s="236"/>
      <c r="D1841" s="236"/>
      <c r="E1841" s="236"/>
      <c r="F1841" s="236"/>
      <c r="G1841" s="236"/>
      <c r="H1841" s="236"/>
      <c r="I1841" s="236"/>
    </row>
    <row r="1842" spans="3:9" x14ac:dyDescent="0.2">
      <c r="C1842" s="236"/>
      <c r="D1842" s="236"/>
      <c r="E1842" s="236"/>
      <c r="F1842" s="236"/>
      <c r="G1842" s="236"/>
      <c r="H1842" s="236"/>
      <c r="I1842" s="236"/>
    </row>
    <row r="1843" spans="3:9" x14ac:dyDescent="0.2">
      <c r="C1843" s="236"/>
      <c r="D1843" s="236"/>
      <c r="E1843" s="236"/>
      <c r="F1843" s="236"/>
      <c r="G1843" s="236"/>
      <c r="H1843" s="236"/>
      <c r="I1843" s="236"/>
    </row>
    <row r="1844" spans="3:9" x14ac:dyDescent="0.2">
      <c r="C1844" s="236"/>
      <c r="D1844" s="236"/>
      <c r="E1844" s="236"/>
      <c r="F1844" s="236"/>
      <c r="G1844" s="236"/>
      <c r="H1844" s="236"/>
      <c r="I1844" s="236"/>
    </row>
    <row r="1845" spans="3:9" x14ac:dyDescent="0.2">
      <c r="C1845" s="236"/>
      <c r="D1845" s="236"/>
      <c r="E1845" s="236"/>
      <c r="F1845" s="236"/>
      <c r="G1845" s="236"/>
      <c r="H1845" s="236"/>
      <c r="I1845" s="236"/>
    </row>
    <row r="1846" spans="3:9" x14ac:dyDescent="0.2">
      <c r="C1846" s="236"/>
      <c r="D1846" s="236"/>
      <c r="E1846" s="236"/>
      <c r="F1846" s="236"/>
      <c r="G1846" s="236"/>
      <c r="H1846" s="236"/>
      <c r="I1846" s="236"/>
    </row>
    <row r="1847" spans="3:9" x14ac:dyDescent="0.2">
      <c r="C1847" s="236"/>
      <c r="D1847" s="236"/>
      <c r="E1847" s="236"/>
      <c r="F1847" s="236"/>
      <c r="G1847" s="236"/>
      <c r="H1847" s="236"/>
      <c r="I1847" s="236"/>
    </row>
    <row r="1848" spans="3:9" x14ac:dyDescent="0.2">
      <c r="C1848" s="236"/>
      <c r="D1848" s="236"/>
      <c r="E1848" s="236"/>
      <c r="F1848" s="236"/>
      <c r="G1848" s="236"/>
      <c r="H1848" s="236"/>
      <c r="I1848" s="236"/>
    </row>
    <row r="1849" spans="3:9" x14ac:dyDescent="0.2">
      <c r="C1849" s="236"/>
      <c r="D1849" s="236"/>
      <c r="E1849" s="236"/>
      <c r="F1849" s="236"/>
      <c r="G1849" s="236"/>
      <c r="H1849" s="236"/>
      <c r="I1849" s="236"/>
    </row>
    <row r="1850" spans="3:9" x14ac:dyDescent="0.2">
      <c r="C1850" s="236"/>
      <c r="D1850" s="236"/>
      <c r="E1850" s="236"/>
      <c r="F1850" s="236"/>
      <c r="G1850" s="236"/>
      <c r="H1850" s="236"/>
      <c r="I1850" s="236"/>
    </row>
    <row r="1851" spans="3:9" x14ac:dyDescent="0.2">
      <c r="C1851" s="236"/>
      <c r="D1851" s="236"/>
      <c r="E1851" s="236"/>
      <c r="F1851" s="236"/>
      <c r="G1851" s="236"/>
      <c r="H1851" s="236"/>
      <c r="I1851" s="236"/>
    </row>
    <row r="1852" spans="3:9" x14ac:dyDescent="0.2">
      <c r="C1852" s="236"/>
      <c r="D1852" s="236"/>
      <c r="E1852" s="236"/>
      <c r="F1852" s="236"/>
      <c r="G1852" s="236"/>
      <c r="H1852" s="236"/>
      <c r="I1852" s="236"/>
    </row>
    <row r="1853" spans="3:9" x14ac:dyDescent="0.2">
      <c r="C1853" s="236"/>
      <c r="D1853" s="236"/>
      <c r="E1853" s="236"/>
      <c r="F1853" s="236"/>
      <c r="G1853" s="236"/>
      <c r="H1853" s="236"/>
      <c r="I1853" s="236"/>
    </row>
    <row r="1854" spans="3:9" x14ac:dyDescent="0.2">
      <c r="C1854" s="236"/>
      <c r="D1854" s="236"/>
      <c r="E1854" s="236"/>
      <c r="F1854" s="236"/>
      <c r="G1854" s="236"/>
      <c r="H1854" s="236"/>
      <c r="I1854" s="236"/>
    </row>
    <row r="1855" spans="3:9" x14ac:dyDescent="0.2">
      <c r="C1855" s="236"/>
      <c r="D1855" s="236"/>
      <c r="E1855" s="236"/>
      <c r="F1855" s="236"/>
      <c r="G1855" s="236"/>
      <c r="H1855" s="236"/>
      <c r="I1855" s="236"/>
    </row>
    <row r="1856" spans="3:9" x14ac:dyDescent="0.2">
      <c r="C1856" s="236"/>
      <c r="D1856" s="236"/>
      <c r="E1856" s="236"/>
      <c r="F1856" s="236"/>
      <c r="G1856" s="236"/>
      <c r="H1856" s="236"/>
      <c r="I1856" s="236"/>
    </row>
    <row r="1857" spans="3:9" x14ac:dyDescent="0.2">
      <c r="C1857" s="236"/>
      <c r="D1857" s="236"/>
      <c r="E1857" s="236"/>
      <c r="F1857" s="236"/>
      <c r="G1857" s="236"/>
      <c r="H1857" s="236"/>
      <c r="I1857" s="236"/>
    </row>
    <row r="1858" spans="3:9" x14ac:dyDescent="0.2">
      <c r="C1858" s="236"/>
      <c r="D1858" s="236"/>
      <c r="E1858" s="236"/>
      <c r="F1858" s="236"/>
      <c r="G1858" s="236"/>
      <c r="H1858" s="236"/>
      <c r="I1858" s="236"/>
    </row>
    <row r="1859" spans="3:9" x14ac:dyDescent="0.2">
      <c r="C1859" s="236"/>
      <c r="D1859" s="236"/>
      <c r="E1859" s="236"/>
      <c r="F1859" s="236"/>
      <c r="G1859" s="236"/>
      <c r="H1859" s="236"/>
      <c r="I1859" s="236"/>
    </row>
    <row r="1860" spans="3:9" x14ac:dyDescent="0.2">
      <c r="C1860" s="236"/>
      <c r="D1860" s="236"/>
      <c r="E1860" s="236"/>
      <c r="F1860" s="236"/>
      <c r="G1860" s="236"/>
      <c r="H1860" s="236"/>
      <c r="I1860" s="236"/>
    </row>
    <row r="1861" spans="3:9" x14ac:dyDescent="0.2">
      <c r="C1861" s="236"/>
      <c r="D1861" s="236"/>
      <c r="E1861" s="236"/>
      <c r="F1861" s="236"/>
      <c r="G1861" s="236"/>
      <c r="H1861" s="236"/>
      <c r="I1861" s="236"/>
    </row>
    <row r="1862" spans="3:9" x14ac:dyDescent="0.2">
      <c r="C1862" s="236"/>
      <c r="D1862" s="236"/>
      <c r="E1862" s="236"/>
      <c r="F1862" s="236"/>
      <c r="G1862" s="236"/>
      <c r="H1862" s="236"/>
      <c r="I1862" s="236"/>
    </row>
    <row r="1863" spans="3:9" x14ac:dyDescent="0.2">
      <c r="C1863" s="236"/>
      <c r="D1863" s="236"/>
      <c r="E1863" s="236"/>
      <c r="F1863" s="236"/>
      <c r="G1863" s="236"/>
      <c r="H1863" s="236"/>
      <c r="I1863" s="236"/>
    </row>
    <row r="1864" spans="3:9" x14ac:dyDescent="0.2">
      <c r="C1864" s="236"/>
      <c r="D1864" s="236"/>
      <c r="E1864" s="236"/>
      <c r="F1864" s="236"/>
      <c r="G1864" s="236"/>
      <c r="H1864" s="236"/>
      <c r="I1864" s="236"/>
    </row>
    <row r="1865" spans="3:9" x14ac:dyDescent="0.2">
      <c r="C1865" s="236"/>
      <c r="D1865" s="236"/>
      <c r="E1865" s="236"/>
      <c r="F1865" s="236"/>
      <c r="G1865" s="236"/>
      <c r="H1865" s="236"/>
      <c r="I1865" s="236"/>
    </row>
    <row r="1866" spans="3:9" x14ac:dyDescent="0.2">
      <c r="C1866" s="236"/>
      <c r="D1866" s="236"/>
      <c r="E1866" s="236"/>
      <c r="F1866" s="236"/>
      <c r="G1866" s="236"/>
      <c r="H1866" s="236"/>
      <c r="I1866" s="236"/>
    </row>
    <row r="1867" spans="3:9" x14ac:dyDescent="0.2">
      <c r="C1867" s="236"/>
      <c r="D1867" s="236"/>
      <c r="E1867" s="236"/>
      <c r="F1867" s="236"/>
      <c r="G1867" s="236"/>
      <c r="H1867" s="236"/>
      <c r="I1867" s="236"/>
    </row>
    <row r="1868" spans="3:9" x14ac:dyDescent="0.2">
      <c r="C1868" s="236"/>
      <c r="D1868" s="236"/>
      <c r="E1868" s="236"/>
      <c r="F1868" s="236"/>
      <c r="G1868" s="236"/>
      <c r="H1868" s="236"/>
      <c r="I1868" s="236"/>
    </row>
    <row r="1869" spans="3:9" x14ac:dyDescent="0.2">
      <c r="C1869" s="236"/>
      <c r="D1869" s="236"/>
      <c r="E1869" s="236"/>
      <c r="F1869" s="236"/>
      <c r="G1869" s="236"/>
      <c r="H1869" s="236"/>
      <c r="I1869" s="236"/>
    </row>
    <row r="1870" spans="3:9" x14ac:dyDescent="0.2">
      <c r="C1870" s="236"/>
      <c r="D1870" s="236"/>
      <c r="E1870" s="236"/>
      <c r="F1870" s="236"/>
      <c r="G1870" s="236"/>
      <c r="H1870" s="236"/>
      <c r="I1870" s="236"/>
    </row>
    <row r="1871" spans="3:9" x14ac:dyDescent="0.2">
      <c r="C1871" s="236"/>
      <c r="D1871" s="236"/>
      <c r="E1871" s="236"/>
      <c r="F1871" s="236"/>
      <c r="G1871" s="236"/>
      <c r="H1871" s="236"/>
      <c r="I1871" s="236"/>
    </row>
    <row r="1872" spans="3:9" x14ac:dyDescent="0.2">
      <c r="C1872" s="236"/>
      <c r="D1872" s="236"/>
      <c r="E1872" s="236"/>
      <c r="F1872" s="236"/>
      <c r="G1872" s="236"/>
      <c r="H1872" s="236"/>
      <c r="I1872" s="236"/>
    </row>
    <row r="1873" spans="3:9" x14ac:dyDescent="0.2">
      <c r="C1873" s="236"/>
      <c r="D1873" s="236"/>
      <c r="E1873" s="236"/>
      <c r="F1873" s="236"/>
      <c r="G1873" s="236"/>
      <c r="H1873" s="236"/>
      <c r="I1873" s="236"/>
    </row>
    <row r="1874" spans="3:9" x14ac:dyDescent="0.2">
      <c r="C1874" s="236"/>
      <c r="D1874" s="236"/>
      <c r="E1874" s="236"/>
      <c r="F1874" s="236"/>
      <c r="G1874" s="236"/>
      <c r="H1874" s="236"/>
      <c r="I1874" s="236"/>
    </row>
    <row r="1875" spans="3:9" x14ac:dyDescent="0.2">
      <c r="C1875" s="236"/>
      <c r="D1875" s="236"/>
      <c r="E1875" s="236"/>
      <c r="F1875" s="236"/>
      <c r="G1875" s="236"/>
      <c r="H1875" s="236"/>
      <c r="I1875" s="236"/>
    </row>
    <row r="1876" spans="3:9" x14ac:dyDescent="0.2">
      <c r="C1876" s="236"/>
      <c r="D1876" s="236"/>
      <c r="E1876" s="236"/>
      <c r="F1876" s="236"/>
      <c r="G1876" s="236"/>
      <c r="H1876" s="236"/>
      <c r="I1876" s="236"/>
    </row>
    <row r="1877" spans="3:9" x14ac:dyDescent="0.2">
      <c r="C1877" s="236"/>
      <c r="D1877" s="236"/>
      <c r="E1877" s="236"/>
      <c r="F1877" s="236"/>
      <c r="G1877" s="236"/>
      <c r="H1877" s="236"/>
      <c r="I1877" s="236"/>
    </row>
    <row r="1878" spans="3:9" x14ac:dyDescent="0.2">
      <c r="C1878" s="236"/>
      <c r="D1878" s="236"/>
      <c r="E1878" s="236"/>
      <c r="F1878" s="236"/>
      <c r="G1878" s="236"/>
      <c r="H1878" s="236"/>
      <c r="I1878" s="236"/>
    </row>
    <row r="1879" spans="3:9" x14ac:dyDescent="0.2">
      <c r="C1879" s="236"/>
      <c r="D1879" s="236"/>
      <c r="E1879" s="236"/>
      <c r="F1879" s="236"/>
      <c r="G1879" s="236"/>
      <c r="H1879" s="236"/>
      <c r="I1879" s="236"/>
    </row>
    <row r="1880" spans="3:9" x14ac:dyDescent="0.2">
      <c r="C1880" s="236"/>
      <c r="D1880" s="236"/>
      <c r="E1880" s="236"/>
      <c r="F1880" s="236"/>
      <c r="G1880" s="236"/>
      <c r="H1880" s="236"/>
      <c r="I1880" s="236"/>
    </row>
    <row r="1881" spans="3:9" x14ac:dyDescent="0.2">
      <c r="C1881" s="236"/>
      <c r="D1881" s="236"/>
      <c r="E1881" s="236"/>
      <c r="F1881" s="236"/>
      <c r="G1881" s="236"/>
      <c r="H1881" s="236"/>
      <c r="I1881" s="236"/>
    </row>
    <row r="1882" spans="3:9" x14ac:dyDescent="0.2">
      <c r="C1882" s="236"/>
      <c r="D1882" s="236"/>
      <c r="E1882" s="236"/>
      <c r="F1882" s="236"/>
      <c r="G1882" s="236"/>
      <c r="H1882" s="236"/>
      <c r="I1882" s="236"/>
    </row>
    <row r="1883" spans="3:9" x14ac:dyDescent="0.2">
      <c r="C1883" s="236"/>
      <c r="D1883" s="236"/>
      <c r="E1883" s="236"/>
      <c r="F1883" s="236"/>
      <c r="G1883" s="236"/>
      <c r="H1883" s="236"/>
      <c r="I1883" s="236"/>
    </row>
    <row r="1884" spans="3:9" x14ac:dyDescent="0.2">
      <c r="C1884" s="236"/>
      <c r="D1884" s="236"/>
      <c r="E1884" s="236"/>
      <c r="F1884" s="236"/>
      <c r="G1884" s="236"/>
      <c r="H1884" s="236"/>
      <c r="I1884" s="236"/>
    </row>
    <row r="1885" spans="3:9" x14ac:dyDescent="0.2">
      <c r="C1885" s="236"/>
      <c r="D1885" s="236"/>
      <c r="E1885" s="236"/>
      <c r="F1885" s="236"/>
      <c r="G1885" s="236"/>
      <c r="H1885" s="236"/>
      <c r="I1885" s="236"/>
    </row>
    <row r="1886" spans="3:9" x14ac:dyDescent="0.2">
      <c r="C1886" s="236"/>
      <c r="D1886" s="236"/>
      <c r="E1886" s="236"/>
      <c r="F1886" s="236"/>
      <c r="G1886" s="236"/>
      <c r="H1886" s="236"/>
      <c r="I1886" s="236"/>
    </row>
    <row r="1887" spans="3:9" x14ac:dyDescent="0.2">
      <c r="C1887" s="236"/>
      <c r="D1887" s="236"/>
      <c r="E1887" s="236"/>
      <c r="F1887" s="236"/>
      <c r="G1887" s="236"/>
      <c r="H1887" s="236"/>
      <c r="I1887" s="236"/>
    </row>
    <row r="1888" spans="3:9" x14ac:dyDescent="0.2">
      <c r="C1888" s="236"/>
      <c r="D1888" s="236"/>
      <c r="E1888" s="236"/>
      <c r="F1888" s="236"/>
      <c r="G1888" s="236"/>
      <c r="H1888" s="236"/>
      <c r="I1888" s="236"/>
    </row>
    <row r="1889" spans="3:9" x14ac:dyDescent="0.2">
      <c r="C1889" s="236"/>
      <c r="D1889" s="236"/>
      <c r="E1889" s="236"/>
      <c r="F1889" s="236"/>
      <c r="G1889" s="236"/>
      <c r="H1889" s="236"/>
      <c r="I1889" s="236"/>
    </row>
    <row r="1890" spans="3:9" x14ac:dyDescent="0.2">
      <c r="C1890" s="236"/>
      <c r="D1890" s="236"/>
      <c r="E1890" s="236"/>
      <c r="F1890" s="236"/>
      <c r="G1890" s="236"/>
      <c r="H1890" s="236"/>
      <c r="I1890" s="236"/>
    </row>
    <row r="1891" spans="3:9" x14ac:dyDescent="0.2">
      <c r="C1891" s="236"/>
      <c r="D1891" s="236"/>
      <c r="E1891" s="236"/>
      <c r="F1891" s="236"/>
      <c r="G1891" s="236"/>
      <c r="H1891" s="236"/>
      <c r="I1891" s="236"/>
    </row>
    <row r="1892" spans="3:9" x14ac:dyDescent="0.2">
      <c r="C1892" s="236"/>
      <c r="D1892" s="236"/>
      <c r="E1892" s="236"/>
      <c r="F1892" s="236"/>
      <c r="G1892" s="236"/>
      <c r="H1892" s="236"/>
      <c r="I1892" s="236"/>
    </row>
    <row r="1893" spans="3:9" x14ac:dyDescent="0.2">
      <c r="C1893" s="236"/>
      <c r="D1893" s="236"/>
      <c r="E1893" s="236"/>
      <c r="F1893" s="236"/>
      <c r="G1893" s="236"/>
      <c r="H1893" s="236"/>
      <c r="I1893" s="236"/>
    </row>
    <row r="1894" spans="3:9" x14ac:dyDescent="0.2">
      <c r="C1894" s="236"/>
      <c r="D1894" s="236"/>
      <c r="E1894" s="236"/>
      <c r="F1894" s="236"/>
      <c r="G1894" s="236"/>
      <c r="H1894" s="236"/>
      <c r="I1894" s="236"/>
    </row>
    <row r="1895" spans="3:9" x14ac:dyDescent="0.2">
      <c r="C1895" s="236"/>
      <c r="D1895" s="236"/>
      <c r="E1895" s="236"/>
      <c r="F1895" s="236"/>
      <c r="G1895" s="236"/>
      <c r="H1895" s="236"/>
      <c r="I1895" s="236"/>
    </row>
    <row r="1896" spans="3:9" x14ac:dyDescent="0.2">
      <c r="C1896" s="236"/>
      <c r="D1896" s="236"/>
      <c r="E1896" s="236"/>
      <c r="F1896" s="236"/>
      <c r="G1896" s="236"/>
      <c r="H1896" s="236"/>
      <c r="I1896" s="236"/>
    </row>
    <row r="1897" spans="3:9" x14ac:dyDescent="0.2">
      <c r="C1897" s="236"/>
      <c r="D1897" s="236"/>
      <c r="E1897" s="236"/>
      <c r="F1897" s="236"/>
      <c r="G1897" s="236"/>
      <c r="H1897" s="236"/>
      <c r="I1897" s="236"/>
    </row>
    <row r="1898" spans="3:9" x14ac:dyDescent="0.2">
      <c r="C1898" s="236"/>
      <c r="D1898" s="236"/>
      <c r="E1898" s="236"/>
      <c r="F1898" s="236"/>
      <c r="G1898" s="236"/>
      <c r="H1898" s="236"/>
      <c r="I1898" s="236"/>
    </row>
    <row r="1899" spans="3:9" x14ac:dyDescent="0.2">
      <c r="C1899" s="236"/>
      <c r="D1899" s="236"/>
      <c r="E1899" s="236"/>
      <c r="F1899" s="236"/>
      <c r="G1899" s="236"/>
      <c r="H1899" s="236"/>
      <c r="I1899" s="236"/>
    </row>
    <row r="1900" spans="3:9" x14ac:dyDescent="0.2">
      <c r="C1900" s="236"/>
      <c r="D1900" s="236"/>
      <c r="E1900" s="236"/>
      <c r="F1900" s="236"/>
      <c r="G1900" s="236"/>
      <c r="H1900" s="236"/>
      <c r="I1900" s="236"/>
    </row>
    <row r="1901" spans="3:9" x14ac:dyDescent="0.2">
      <c r="C1901" s="236"/>
      <c r="D1901" s="236"/>
      <c r="E1901" s="236"/>
      <c r="F1901" s="236"/>
      <c r="G1901" s="236"/>
      <c r="H1901" s="236"/>
      <c r="I1901" s="236"/>
    </row>
    <row r="1902" spans="3:9" x14ac:dyDescent="0.2">
      <c r="C1902" s="236"/>
      <c r="D1902" s="236"/>
      <c r="E1902" s="236"/>
      <c r="F1902" s="236"/>
      <c r="G1902" s="236"/>
      <c r="H1902" s="236"/>
      <c r="I1902" s="236"/>
    </row>
    <row r="1903" spans="3:9" x14ac:dyDescent="0.2">
      <c r="C1903" s="236"/>
      <c r="D1903" s="236"/>
      <c r="E1903" s="236"/>
      <c r="F1903" s="236"/>
      <c r="G1903" s="236"/>
      <c r="H1903" s="236"/>
      <c r="I1903" s="236"/>
    </row>
    <row r="1904" spans="3:9" x14ac:dyDescent="0.2">
      <c r="C1904" s="236"/>
      <c r="D1904" s="236"/>
      <c r="E1904" s="236"/>
      <c r="F1904" s="236"/>
      <c r="G1904" s="236"/>
      <c r="H1904" s="236"/>
      <c r="I1904" s="236"/>
    </row>
    <row r="1905" spans="3:9" x14ac:dyDescent="0.2">
      <c r="C1905" s="236"/>
      <c r="D1905" s="236"/>
      <c r="E1905" s="236"/>
      <c r="F1905" s="236"/>
      <c r="G1905" s="236"/>
      <c r="H1905" s="236"/>
      <c r="I1905" s="236"/>
    </row>
    <row r="1906" spans="3:9" x14ac:dyDescent="0.2">
      <c r="C1906" s="236"/>
      <c r="D1906" s="236"/>
      <c r="E1906" s="236"/>
      <c r="F1906" s="236"/>
      <c r="G1906" s="236"/>
      <c r="H1906" s="236"/>
      <c r="I1906" s="236"/>
    </row>
    <row r="1907" spans="3:9" x14ac:dyDescent="0.2">
      <c r="C1907" s="236"/>
      <c r="D1907" s="236"/>
      <c r="E1907" s="236"/>
      <c r="F1907" s="236"/>
      <c r="G1907" s="236"/>
      <c r="H1907" s="236"/>
      <c r="I1907" s="236"/>
    </row>
    <row r="1908" spans="3:9" x14ac:dyDescent="0.2">
      <c r="C1908" s="236"/>
      <c r="D1908" s="236"/>
      <c r="E1908" s="236"/>
      <c r="F1908" s="236"/>
      <c r="G1908" s="236"/>
      <c r="H1908" s="236"/>
      <c r="I1908" s="236"/>
    </row>
    <row r="1909" spans="3:9" x14ac:dyDescent="0.2">
      <c r="C1909" s="236"/>
      <c r="D1909" s="236"/>
      <c r="E1909" s="236"/>
      <c r="F1909" s="236"/>
      <c r="G1909" s="236"/>
      <c r="H1909" s="236"/>
      <c r="I1909" s="236"/>
    </row>
    <row r="1910" spans="3:9" x14ac:dyDescent="0.2">
      <c r="C1910" s="236"/>
      <c r="D1910" s="236"/>
      <c r="E1910" s="236"/>
      <c r="F1910" s="236"/>
      <c r="G1910" s="236"/>
      <c r="H1910" s="236"/>
      <c r="I1910" s="236"/>
    </row>
    <row r="1911" spans="3:9" x14ac:dyDescent="0.2">
      <c r="C1911" s="236"/>
      <c r="D1911" s="236"/>
      <c r="E1911" s="236"/>
      <c r="F1911" s="236"/>
      <c r="G1911" s="236"/>
      <c r="H1911" s="236"/>
      <c r="I1911" s="236"/>
    </row>
    <row r="1912" spans="3:9" x14ac:dyDescent="0.2">
      <c r="C1912" s="236"/>
      <c r="D1912" s="236"/>
      <c r="E1912" s="236"/>
      <c r="F1912" s="236"/>
      <c r="G1912" s="236"/>
      <c r="H1912" s="236"/>
      <c r="I1912" s="236"/>
    </row>
    <row r="1913" spans="3:9" x14ac:dyDescent="0.2">
      <c r="C1913" s="236"/>
      <c r="D1913" s="236"/>
      <c r="E1913" s="236"/>
      <c r="F1913" s="236"/>
      <c r="G1913" s="236"/>
      <c r="H1913" s="236"/>
      <c r="I1913" s="236"/>
    </row>
    <row r="1914" spans="3:9" x14ac:dyDescent="0.2">
      <c r="C1914" s="236"/>
      <c r="D1914" s="236"/>
      <c r="E1914" s="236"/>
      <c r="F1914" s="236"/>
      <c r="G1914" s="236"/>
      <c r="H1914" s="236"/>
      <c r="I1914" s="236"/>
    </row>
    <row r="1915" spans="3:9" x14ac:dyDescent="0.2">
      <c r="C1915" s="236"/>
      <c r="D1915" s="236"/>
      <c r="E1915" s="236"/>
      <c r="F1915" s="236"/>
      <c r="G1915" s="236"/>
      <c r="H1915" s="236"/>
      <c r="I1915" s="236"/>
    </row>
    <row r="1916" spans="3:9" x14ac:dyDescent="0.2">
      <c r="C1916" s="236"/>
      <c r="D1916" s="236"/>
      <c r="E1916" s="236"/>
      <c r="F1916" s="236"/>
      <c r="G1916" s="236"/>
      <c r="H1916" s="236"/>
      <c r="I1916" s="236"/>
    </row>
    <row r="1917" spans="3:9" x14ac:dyDescent="0.2">
      <c r="C1917" s="236"/>
      <c r="D1917" s="236"/>
      <c r="E1917" s="236"/>
      <c r="F1917" s="236"/>
      <c r="G1917" s="236"/>
      <c r="H1917" s="236"/>
      <c r="I1917" s="236"/>
    </row>
    <row r="1918" spans="3:9" x14ac:dyDescent="0.2">
      <c r="C1918" s="236"/>
      <c r="D1918" s="236"/>
      <c r="E1918" s="236"/>
      <c r="F1918" s="236"/>
      <c r="G1918" s="236"/>
      <c r="H1918" s="236"/>
      <c r="I1918" s="236"/>
    </row>
    <row r="1919" spans="3:9" x14ac:dyDescent="0.2">
      <c r="C1919" s="236"/>
      <c r="D1919" s="236"/>
      <c r="E1919" s="236"/>
      <c r="F1919" s="236"/>
      <c r="G1919" s="236"/>
      <c r="H1919" s="236"/>
      <c r="I1919" s="236"/>
    </row>
    <row r="1920" spans="3:9" x14ac:dyDescent="0.2">
      <c r="C1920" s="236"/>
      <c r="D1920" s="236"/>
      <c r="E1920" s="236"/>
      <c r="F1920" s="236"/>
      <c r="G1920" s="236"/>
      <c r="H1920" s="236"/>
      <c r="I1920" s="236"/>
    </row>
    <row r="1921" spans="3:9" x14ac:dyDescent="0.2">
      <c r="C1921" s="236"/>
      <c r="D1921" s="236"/>
      <c r="E1921" s="236"/>
      <c r="F1921" s="236"/>
      <c r="G1921" s="236"/>
      <c r="H1921" s="236"/>
      <c r="I1921" s="236"/>
    </row>
    <row r="1922" spans="3:9" x14ac:dyDescent="0.2">
      <c r="C1922" s="236"/>
      <c r="D1922" s="236"/>
      <c r="E1922" s="236"/>
      <c r="F1922" s="236"/>
      <c r="G1922" s="236"/>
      <c r="H1922" s="236"/>
      <c r="I1922" s="236"/>
    </row>
    <row r="1923" spans="3:9" x14ac:dyDescent="0.2">
      <c r="C1923" s="236"/>
      <c r="D1923" s="236"/>
      <c r="E1923" s="236"/>
      <c r="F1923" s="236"/>
      <c r="G1923" s="236"/>
      <c r="H1923" s="236"/>
      <c r="I1923" s="236"/>
    </row>
    <row r="1924" spans="3:9" x14ac:dyDescent="0.2">
      <c r="C1924" s="236"/>
      <c r="D1924" s="236"/>
      <c r="E1924" s="236"/>
      <c r="F1924" s="236"/>
      <c r="G1924" s="236"/>
      <c r="H1924" s="236"/>
      <c r="I1924" s="236"/>
    </row>
    <row r="1925" spans="3:9" x14ac:dyDescent="0.2">
      <c r="C1925" s="236"/>
      <c r="D1925" s="236"/>
      <c r="E1925" s="236"/>
      <c r="F1925" s="236"/>
      <c r="G1925" s="236"/>
      <c r="H1925" s="236"/>
      <c r="I1925" s="236"/>
    </row>
    <row r="1926" spans="3:9" x14ac:dyDescent="0.2">
      <c r="C1926" s="236"/>
      <c r="D1926" s="236"/>
      <c r="E1926" s="236"/>
      <c r="F1926" s="236"/>
      <c r="G1926" s="236"/>
      <c r="H1926" s="236"/>
      <c r="I1926" s="236"/>
    </row>
    <row r="1927" spans="3:9" x14ac:dyDescent="0.2">
      <c r="C1927" s="236"/>
      <c r="D1927" s="236"/>
      <c r="E1927" s="236"/>
      <c r="F1927" s="236"/>
      <c r="G1927" s="236"/>
      <c r="H1927" s="236"/>
      <c r="I1927" s="236"/>
    </row>
    <row r="1928" spans="3:9" x14ac:dyDescent="0.2">
      <c r="C1928" s="236"/>
      <c r="D1928" s="236"/>
      <c r="E1928" s="236"/>
      <c r="F1928" s="236"/>
      <c r="G1928" s="236"/>
      <c r="H1928" s="236"/>
      <c r="I1928" s="236"/>
    </row>
    <row r="1929" spans="3:9" x14ac:dyDescent="0.2">
      <c r="C1929" s="236"/>
      <c r="D1929" s="236"/>
      <c r="E1929" s="236"/>
      <c r="F1929" s="236"/>
      <c r="G1929" s="236"/>
      <c r="H1929" s="236"/>
      <c r="I1929" s="236"/>
    </row>
    <row r="1930" spans="3:9" x14ac:dyDescent="0.2">
      <c r="C1930" s="236"/>
      <c r="D1930" s="236"/>
      <c r="E1930" s="236"/>
      <c r="F1930" s="236"/>
      <c r="G1930" s="236"/>
      <c r="H1930" s="236"/>
      <c r="I1930" s="236"/>
    </row>
    <row r="1931" spans="3:9" x14ac:dyDescent="0.2">
      <c r="C1931" s="236"/>
      <c r="D1931" s="236"/>
      <c r="E1931" s="236"/>
      <c r="F1931" s="236"/>
      <c r="G1931" s="236"/>
      <c r="H1931" s="236"/>
      <c r="I1931" s="236"/>
    </row>
    <row r="1932" spans="3:9" x14ac:dyDescent="0.2">
      <c r="C1932" s="236"/>
      <c r="D1932" s="236"/>
      <c r="E1932" s="236"/>
      <c r="F1932" s="236"/>
      <c r="G1932" s="236"/>
      <c r="H1932" s="236"/>
      <c r="I1932" s="236"/>
    </row>
    <row r="1933" spans="3:9" x14ac:dyDescent="0.2">
      <c r="C1933" s="236"/>
      <c r="D1933" s="236"/>
      <c r="E1933" s="236"/>
      <c r="F1933" s="236"/>
      <c r="G1933" s="236"/>
      <c r="H1933" s="236"/>
      <c r="I1933" s="236"/>
    </row>
    <row r="1934" spans="3:9" x14ac:dyDescent="0.2">
      <c r="C1934" s="236"/>
      <c r="D1934" s="236"/>
      <c r="E1934" s="236"/>
      <c r="F1934" s="236"/>
      <c r="G1934" s="236"/>
      <c r="H1934" s="236"/>
      <c r="I1934" s="236"/>
    </row>
    <row r="1935" spans="3:9" x14ac:dyDescent="0.2">
      <c r="C1935" s="236"/>
      <c r="D1935" s="236"/>
      <c r="E1935" s="236"/>
      <c r="F1935" s="236"/>
      <c r="G1935" s="236"/>
      <c r="H1935" s="236"/>
      <c r="I1935" s="236"/>
    </row>
    <row r="1936" spans="3:9" x14ac:dyDescent="0.2">
      <c r="C1936" s="236"/>
      <c r="D1936" s="236"/>
      <c r="E1936" s="236"/>
      <c r="F1936" s="236"/>
      <c r="G1936" s="236"/>
      <c r="H1936" s="236"/>
      <c r="I1936" s="236"/>
    </row>
    <row r="1937" spans="3:9" x14ac:dyDescent="0.2">
      <c r="C1937" s="236"/>
      <c r="D1937" s="236"/>
      <c r="E1937" s="236"/>
      <c r="F1937" s="236"/>
      <c r="G1937" s="236"/>
      <c r="H1937" s="236"/>
      <c r="I1937" s="236"/>
    </row>
    <row r="1938" spans="3:9" x14ac:dyDescent="0.2">
      <c r="C1938" s="236"/>
      <c r="D1938" s="236"/>
      <c r="E1938" s="236"/>
      <c r="F1938" s="236"/>
      <c r="G1938" s="236"/>
      <c r="H1938" s="236"/>
      <c r="I1938" s="236"/>
    </row>
    <row r="1939" spans="3:9" x14ac:dyDescent="0.2">
      <c r="C1939" s="236"/>
      <c r="D1939" s="236"/>
      <c r="E1939" s="236"/>
      <c r="F1939" s="236"/>
      <c r="G1939" s="236"/>
      <c r="H1939" s="236"/>
      <c r="I1939" s="236"/>
    </row>
    <row r="1940" spans="3:9" x14ac:dyDescent="0.2">
      <c r="C1940" s="236"/>
      <c r="D1940" s="236"/>
      <c r="E1940" s="236"/>
      <c r="F1940" s="236"/>
      <c r="G1940" s="236"/>
      <c r="H1940" s="236"/>
      <c r="I1940" s="236"/>
    </row>
    <row r="1941" spans="3:9" x14ac:dyDescent="0.2">
      <c r="C1941" s="236"/>
      <c r="D1941" s="236"/>
      <c r="E1941" s="236"/>
      <c r="F1941" s="236"/>
      <c r="G1941" s="236"/>
      <c r="H1941" s="236"/>
      <c r="I1941" s="236"/>
    </row>
    <row r="1942" spans="3:9" x14ac:dyDescent="0.2">
      <c r="C1942" s="236"/>
      <c r="D1942" s="236"/>
      <c r="E1942" s="236"/>
      <c r="F1942" s="236"/>
      <c r="G1942" s="236"/>
      <c r="H1942" s="236"/>
      <c r="I1942" s="236"/>
    </row>
    <row r="1943" spans="3:9" x14ac:dyDescent="0.2">
      <c r="C1943" s="236"/>
      <c r="D1943" s="236"/>
      <c r="E1943" s="236"/>
      <c r="F1943" s="236"/>
      <c r="G1943" s="236"/>
      <c r="H1943" s="236"/>
      <c r="I1943" s="236"/>
    </row>
    <row r="1944" spans="3:9" x14ac:dyDescent="0.2">
      <c r="C1944" s="236"/>
      <c r="D1944" s="236"/>
      <c r="E1944" s="236"/>
      <c r="F1944" s="236"/>
      <c r="G1944" s="236"/>
      <c r="H1944" s="236"/>
      <c r="I1944" s="236"/>
    </row>
    <row r="1945" spans="3:9" x14ac:dyDescent="0.2">
      <c r="C1945" s="236"/>
      <c r="D1945" s="236"/>
      <c r="E1945" s="236"/>
      <c r="F1945" s="236"/>
      <c r="G1945" s="236"/>
      <c r="H1945" s="236"/>
      <c r="I1945" s="236"/>
    </row>
    <row r="1946" spans="3:9" x14ac:dyDescent="0.2">
      <c r="C1946" s="236"/>
      <c r="D1946" s="236"/>
      <c r="E1946" s="236"/>
      <c r="F1946" s="236"/>
      <c r="G1946" s="236"/>
      <c r="H1946" s="236"/>
      <c r="I1946" s="236"/>
    </row>
    <row r="1947" spans="3:9" x14ac:dyDescent="0.2">
      <c r="C1947" s="236"/>
      <c r="D1947" s="236"/>
      <c r="E1947" s="236"/>
      <c r="F1947" s="236"/>
      <c r="G1947" s="236"/>
      <c r="H1947" s="236"/>
      <c r="I1947" s="236"/>
    </row>
    <row r="1948" spans="3:9" x14ac:dyDescent="0.2">
      <c r="C1948" s="236"/>
      <c r="D1948" s="236"/>
      <c r="E1948" s="236"/>
      <c r="F1948" s="236"/>
      <c r="G1948" s="236"/>
      <c r="H1948" s="236"/>
      <c r="I1948" s="236"/>
    </row>
    <row r="1949" spans="3:9" x14ac:dyDescent="0.2">
      <c r="C1949" s="236"/>
      <c r="D1949" s="236"/>
      <c r="E1949" s="236"/>
      <c r="F1949" s="236"/>
      <c r="G1949" s="236"/>
      <c r="H1949" s="236"/>
      <c r="I1949" s="236"/>
    </row>
    <row r="1950" spans="3:9" x14ac:dyDescent="0.2">
      <c r="C1950" s="236"/>
      <c r="D1950" s="236"/>
      <c r="E1950" s="236"/>
      <c r="F1950" s="236"/>
      <c r="G1950" s="236"/>
      <c r="H1950" s="236"/>
      <c r="I1950" s="236"/>
    </row>
    <row r="1951" spans="3:9" x14ac:dyDescent="0.2">
      <c r="C1951" s="236"/>
      <c r="D1951" s="236"/>
      <c r="E1951" s="236"/>
      <c r="F1951" s="236"/>
      <c r="G1951" s="236"/>
      <c r="H1951" s="236"/>
      <c r="I1951" s="236"/>
    </row>
    <row r="1952" spans="3:9" x14ac:dyDescent="0.2">
      <c r="C1952" s="236"/>
      <c r="D1952" s="236"/>
      <c r="E1952" s="236"/>
      <c r="F1952" s="236"/>
      <c r="G1952" s="236"/>
      <c r="H1952" s="236"/>
      <c r="I1952" s="236"/>
    </row>
    <row r="1953" spans="3:9" x14ac:dyDescent="0.2">
      <c r="C1953" s="236"/>
      <c r="D1953" s="236"/>
      <c r="E1953" s="236"/>
      <c r="F1953" s="236"/>
      <c r="G1953" s="236"/>
      <c r="H1953" s="236"/>
      <c r="I1953" s="236"/>
    </row>
    <row r="1954" spans="3:9" x14ac:dyDescent="0.2">
      <c r="C1954" s="236"/>
      <c r="D1954" s="236"/>
      <c r="E1954" s="236"/>
      <c r="F1954" s="236"/>
      <c r="G1954" s="236"/>
      <c r="H1954" s="236"/>
      <c r="I1954" s="236"/>
    </row>
    <row r="1955" spans="3:9" x14ac:dyDescent="0.2">
      <c r="C1955" s="236"/>
      <c r="D1955" s="236"/>
      <c r="E1955" s="236"/>
      <c r="F1955" s="236"/>
      <c r="G1955" s="236"/>
      <c r="H1955" s="236"/>
      <c r="I1955" s="236"/>
    </row>
    <row r="1956" spans="3:9" x14ac:dyDescent="0.2">
      <c r="C1956" s="236"/>
      <c r="D1956" s="236"/>
      <c r="E1956" s="236"/>
      <c r="F1956" s="236"/>
      <c r="G1956" s="236"/>
      <c r="H1956" s="236"/>
      <c r="I1956" s="236"/>
    </row>
    <row r="1957" spans="3:9" x14ac:dyDescent="0.2">
      <c r="C1957" s="236"/>
      <c r="D1957" s="236"/>
      <c r="E1957" s="236"/>
      <c r="F1957" s="236"/>
      <c r="G1957" s="236"/>
      <c r="H1957" s="236"/>
      <c r="I1957" s="236"/>
    </row>
    <row r="1958" spans="3:9" x14ac:dyDescent="0.2">
      <c r="C1958" s="236"/>
      <c r="D1958" s="236"/>
      <c r="E1958" s="236"/>
      <c r="F1958" s="236"/>
      <c r="G1958" s="236"/>
      <c r="H1958" s="236"/>
      <c r="I1958" s="236"/>
    </row>
    <row r="1959" spans="3:9" x14ac:dyDescent="0.2">
      <c r="C1959" s="236"/>
      <c r="D1959" s="236"/>
      <c r="E1959" s="236"/>
      <c r="F1959" s="236"/>
      <c r="G1959" s="236"/>
      <c r="H1959" s="236"/>
      <c r="I1959" s="236"/>
    </row>
    <row r="1960" spans="3:9" x14ac:dyDescent="0.2">
      <c r="C1960" s="236"/>
      <c r="D1960" s="236"/>
      <c r="E1960" s="236"/>
      <c r="F1960" s="236"/>
      <c r="G1960" s="236"/>
      <c r="H1960" s="236"/>
      <c r="I1960" s="236"/>
    </row>
    <row r="1961" spans="3:9" x14ac:dyDescent="0.2">
      <c r="C1961" s="236"/>
      <c r="D1961" s="236"/>
      <c r="E1961" s="236"/>
      <c r="F1961" s="236"/>
      <c r="G1961" s="236"/>
      <c r="H1961" s="236"/>
      <c r="I1961" s="236"/>
    </row>
    <row r="1962" spans="3:9" x14ac:dyDescent="0.2">
      <c r="C1962" s="236"/>
      <c r="D1962" s="236"/>
      <c r="E1962" s="236"/>
      <c r="F1962" s="236"/>
      <c r="G1962" s="236"/>
      <c r="H1962" s="236"/>
      <c r="I1962" s="236"/>
    </row>
    <row r="1963" spans="3:9" x14ac:dyDescent="0.2">
      <c r="C1963" s="236"/>
      <c r="D1963" s="236"/>
      <c r="E1963" s="236"/>
      <c r="F1963" s="236"/>
      <c r="G1963" s="236"/>
      <c r="H1963" s="236"/>
      <c r="I1963" s="236"/>
    </row>
    <row r="1964" spans="3:9" x14ac:dyDescent="0.2">
      <c r="C1964" s="236"/>
      <c r="D1964" s="236"/>
      <c r="E1964" s="236"/>
      <c r="F1964" s="236"/>
      <c r="G1964" s="236"/>
      <c r="H1964" s="236"/>
      <c r="I1964" s="236"/>
    </row>
    <row r="1965" spans="3:9" x14ac:dyDescent="0.2">
      <c r="C1965" s="236"/>
      <c r="D1965" s="236"/>
      <c r="E1965" s="236"/>
      <c r="F1965" s="236"/>
      <c r="G1965" s="236"/>
      <c r="H1965" s="236"/>
      <c r="I1965" s="236"/>
    </row>
    <row r="1966" spans="3:9" x14ac:dyDescent="0.2">
      <c r="C1966" s="236"/>
      <c r="D1966" s="236"/>
      <c r="E1966" s="236"/>
      <c r="F1966" s="236"/>
      <c r="G1966" s="236"/>
      <c r="H1966" s="236"/>
      <c r="I1966" s="236"/>
    </row>
    <row r="1967" spans="3:9" x14ac:dyDescent="0.2">
      <c r="C1967" s="236"/>
      <c r="D1967" s="236"/>
      <c r="E1967" s="236"/>
      <c r="F1967" s="236"/>
      <c r="G1967" s="236"/>
      <c r="H1967" s="236"/>
      <c r="I1967" s="236"/>
    </row>
    <row r="1968" spans="3:9" x14ac:dyDescent="0.2">
      <c r="C1968" s="236"/>
      <c r="D1968" s="236"/>
      <c r="E1968" s="236"/>
      <c r="F1968" s="236"/>
      <c r="G1968" s="236"/>
      <c r="H1968" s="236"/>
      <c r="I1968" s="236"/>
    </row>
    <row r="1969" spans="3:9" x14ac:dyDescent="0.2">
      <c r="C1969" s="236"/>
      <c r="D1969" s="236"/>
      <c r="E1969" s="236"/>
      <c r="F1969" s="236"/>
      <c r="G1969" s="236"/>
      <c r="H1969" s="236"/>
      <c r="I1969" s="236"/>
    </row>
    <row r="1970" spans="3:9" x14ac:dyDescent="0.2">
      <c r="C1970" s="236"/>
      <c r="D1970" s="236"/>
      <c r="E1970" s="236"/>
      <c r="F1970" s="236"/>
      <c r="G1970" s="236"/>
      <c r="H1970" s="236"/>
      <c r="I1970" s="236"/>
    </row>
    <row r="1971" spans="3:9" x14ac:dyDescent="0.2">
      <c r="C1971" s="236"/>
      <c r="D1971" s="236"/>
      <c r="E1971" s="236"/>
      <c r="F1971" s="236"/>
      <c r="G1971" s="236"/>
      <c r="H1971" s="236"/>
      <c r="I1971" s="236"/>
    </row>
    <row r="1972" spans="3:9" x14ac:dyDescent="0.2">
      <c r="C1972" s="236"/>
      <c r="D1972" s="236"/>
      <c r="E1972" s="236"/>
      <c r="F1972" s="236"/>
      <c r="G1972" s="236"/>
      <c r="H1972" s="236"/>
      <c r="I1972" s="236"/>
    </row>
    <row r="1973" spans="3:9" x14ac:dyDescent="0.2">
      <c r="C1973" s="236"/>
      <c r="D1973" s="236"/>
      <c r="E1973" s="236"/>
      <c r="F1973" s="236"/>
      <c r="G1973" s="236"/>
      <c r="H1973" s="236"/>
      <c r="I1973" s="236"/>
    </row>
    <row r="1974" spans="3:9" x14ac:dyDescent="0.2">
      <c r="C1974" s="236"/>
      <c r="D1974" s="236"/>
      <c r="E1974" s="236"/>
      <c r="F1974" s="236"/>
      <c r="G1974" s="236"/>
      <c r="H1974" s="236"/>
      <c r="I1974" s="236"/>
    </row>
    <row r="1975" spans="3:9" x14ac:dyDescent="0.2">
      <c r="C1975" s="236"/>
      <c r="D1975" s="236"/>
      <c r="E1975" s="236"/>
      <c r="F1975" s="236"/>
      <c r="G1975" s="236"/>
      <c r="H1975" s="236"/>
      <c r="I1975" s="236"/>
    </row>
    <row r="1976" spans="3:9" x14ac:dyDescent="0.2">
      <c r="C1976" s="236"/>
      <c r="D1976" s="236"/>
      <c r="E1976" s="236"/>
      <c r="F1976" s="236"/>
      <c r="G1976" s="236"/>
      <c r="H1976" s="236"/>
      <c r="I1976" s="236"/>
    </row>
    <row r="1977" spans="3:9" x14ac:dyDescent="0.2">
      <c r="C1977" s="236"/>
      <c r="D1977" s="236"/>
      <c r="E1977" s="236"/>
      <c r="F1977" s="236"/>
      <c r="G1977" s="236"/>
      <c r="H1977" s="236"/>
      <c r="I1977" s="236"/>
    </row>
    <row r="1978" spans="3:9" x14ac:dyDescent="0.2">
      <c r="C1978" s="236"/>
      <c r="D1978" s="236"/>
      <c r="E1978" s="236"/>
      <c r="F1978" s="236"/>
      <c r="G1978" s="236"/>
      <c r="H1978" s="236"/>
      <c r="I1978" s="236"/>
    </row>
    <row r="1979" spans="3:9" x14ac:dyDescent="0.2">
      <c r="C1979" s="236"/>
      <c r="D1979" s="236"/>
      <c r="E1979" s="236"/>
      <c r="F1979" s="236"/>
      <c r="G1979" s="236"/>
      <c r="H1979" s="236"/>
      <c r="I1979" s="236"/>
    </row>
    <row r="1980" spans="3:9" x14ac:dyDescent="0.2">
      <c r="C1980" s="236"/>
      <c r="D1980" s="236"/>
      <c r="E1980" s="236"/>
      <c r="F1980" s="236"/>
      <c r="G1980" s="236"/>
      <c r="H1980" s="236"/>
      <c r="I1980" s="236"/>
    </row>
    <row r="1981" spans="3:9" x14ac:dyDescent="0.2">
      <c r="C1981" s="236"/>
      <c r="D1981" s="236"/>
      <c r="E1981" s="236"/>
      <c r="F1981" s="236"/>
      <c r="G1981" s="236"/>
      <c r="H1981" s="236"/>
      <c r="I1981" s="236"/>
    </row>
    <row r="1982" spans="3:9" x14ac:dyDescent="0.2">
      <c r="C1982" s="236"/>
      <c r="D1982" s="236"/>
      <c r="E1982" s="236"/>
      <c r="F1982" s="236"/>
      <c r="G1982" s="236"/>
      <c r="H1982" s="236"/>
      <c r="I1982" s="236"/>
    </row>
    <row r="1983" spans="3:9" x14ac:dyDescent="0.2">
      <c r="C1983" s="236"/>
      <c r="D1983" s="236"/>
      <c r="E1983" s="236"/>
      <c r="F1983" s="236"/>
      <c r="G1983" s="236"/>
      <c r="H1983" s="236"/>
      <c r="I1983" s="236"/>
    </row>
    <row r="1984" spans="3:9" x14ac:dyDescent="0.2">
      <c r="C1984" s="236"/>
      <c r="D1984" s="236"/>
      <c r="E1984" s="236"/>
      <c r="F1984" s="236"/>
      <c r="G1984" s="236"/>
      <c r="H1984" s="236"/>
      <c r="I1984" s="236"/>
    </row>
    <row r="1985" spans="3:9" x14ac:dyDescent="0.2">
      <c r="C1985" s="236"/>
      <c r="D1985" s="236"/>
      <c r="E1985" s="236"/>
      <c r="F1985" s="236"/>
      <c r="G1985" s="236"/>
      <c r="H1985" s="236"/>
      <c r="I1985" s="236"/>
    </row>
    <row r="1986" spans="3:9" x14ac:dyDescent="0.2">
      <c r="C1986" s="236"/>
      <c r="D1986" s="236"/>
      <c r="E1986" s="236"/>
      <c r="F1986" s="236"/>
      <c r="G1986" s="236"/>
      <c r="H1986" s="236"/>
      <c r="I1986" s="236"/>
    </row>
    <row r="1987" spans="3:9" x14ac:dyDescent="0.2">
      <c r="C1987" s="236"/>
      <c r="D1987" s="236"/>
      <c r="E1987" s="236"/>
      <c r="F1987" s="236"/>
      <c r="G1987" s="236"/>
      <c r="H1987" s="236"/>
      <c r="I1987" s="236"/>
    </row>
    <row r="1988" spans="3:9" x14ac:dyDescent="0.2">
      <c r="C1988" s="236"/>
      <c r="D1988" s="236"/>
      <c r="E1988" s="236"/>
      <c r="F1988" s="236"/>
      <c r="G1988" s="236"/>
      <c r="H1988" s="236"/>
      <c r="I1988" s="236"/>
    </row>
    <row r="1989" spans="3:9" x14ac:dyDescent="0.2">
      <c r="C1989" s="236"/>
      <c r="D1989" s="236"/>
      <c r="E1989" s="236"/>
      <c r="F1989" s="236"/>
      <c r="G1989" s="236"/>
      <c r="H1989" s="236"/>
      <c r="I1989" s="236"/>
    </row>
    <row r="1990" spans="3:9" x14ac:dyDescent="0.2">
      <c r="C1990" s="236"/>
      <c r="D1990" s="236"/>
      <c r="E1990" s="236"/>
      <c r="F1990" s="236"/>
      <c r="G1990" s="236"/>
      <c r="H1990" s="236"/>
      <c r="I1990" s="236"/>
    </row>
    <row r="1991" spans="3:9" x14ac:dyDescent="0.2">
      <c r="C1991" s="236"/>
      <c r="D1991" s="236"/>
      <c r="E1991" s="236"/>
      <c r="F1991" s="236"/>
      <c r="G1991" s="236"/>
      <c r="H1991" s="236"/>
      <c r="I1991" s="236"/>
    </row>
    <row r="1992" spans="3:9" x14ac:dyDescent="0.2">
      <c r="C1992" s="236"/>
      <c r="D1992" s="236"/>
      <c r="E1992" s="236"/>
      <c r="F1992" s="236"/>
      <c r="G1992" s="236"/>
      <c r="H1992" s="236"/>
      <c r="I1992" s="236"/>
    </row>
    <row r="1993" spans="3:9" x14ac:dyDescent="0.2">
      <c r="C1993" s="236"/>
      <c r="D1993" s="236"/>
      <c r="E1993" s="236"/>
      <c r="F1993" s="236"/>
      <c r="G1993" s="236"/>
      <c r="H1993" s="236"/>
      <c r="I1993" s="236"/>
    </row>
    <row r="1994" spans="3:9" x14ac:dyDescent="0.2">
      <c r="C1994" s="236"/>
      <c r="D1994" s="236"/>
      <c r="E1994" s="236"/>
      <c r="F1994" s="236"/>
      <c r="G1994" s="236"/>
      <c r="H1994" s="236"/>
      <c r="I1994" s="236"/>
    </row>
    <row r="1995" spans="3:9" x14ac:dyDescent="0.2">
      <c r="C1995" s="236"/>
      <c r="D1995" s="236"/>
      <c r="E1995" s="236"/>
      <c r="F1995" s="236"/>
      <c r="G1995" s="236"/>
      <c r="H1995" s="236"/>
      <c r="I1995" s="236"/>
    </row>
    <row r="1996" spans="3:9" x14ac:dyDescent="0.2">
      <c r="C1996" s="236"/>
      <c r="D1996" s="236"/>
      <c r="E1996" s="236"/>
      <c r="F1996" s="236"/>
      <c r="G1996" s="236"/>
      <c r="H1996" s="236"/>
      <c r="I1996" s="236"/>
    </row>
    <row r="1997" spans="3:9" x14ac:dyDescent="0.2">
      <c r="C1997" s="236"/>
      <c r="D1997" s="236"/>
      <c r="E1997" s="236"/>
      <c r="F1997" s="236"/>
      <c r="G1997" s="236"/>
      <c r="H1997" s="236"/>
      <c r="I1997" s="236"/>
    </row>
    <row r="1998" spans="3:9" x14ac:dyDescent="0.2">
      <c r="C1998" s="236"/>
      <c r="D1998" s="236"/>
      <c r="E1998" s="236"/>
      <c r="F1998" s="236"/>
      <c r="G1998" s="236"/>
      <c r="H1998" s="236"/>
      <c r="I1998" s="236"/>
    </row>
    <row r="1999" spans="3:9" x14ac:dyDescent="0.2">
      <c r="C1999" s="236"/>
      <c r="D1999" s="236"/>
      <c r="E1999" s="236"/>
      <c r="F1999" s="236"/>
      <c r="G1999" s="236"/>
      <c r="H1999" s="236"/>
      <c r="I1999" s="236"/>
    </row>
    <row r="2000" spans="3:9" x14ac:dyDescent="0.2">
      <c r="C2000" s="236"/>
      <c r="D2000" s="236"/>
      <c r="E2000" s="236"/>
      <c r="F2000" s="236"/>
      <c r="G2000" s="236"/>
      <c r="H2000" s="236"/>
      <c r="I2000" s="236"/>
    </row>
  </sheetData>
  <mergeCells count="2">
    <mergeCell ref="A2:B2"/>
    <mergeCell ref="A16:I16"/>
  </mergeCells>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K2037"/>
  <sheetViews>
    <sheetView showGridLines="0" zoomScaleNormal="100" zoomScaleSheetLayoutView="100" workbookViewId="0"/>
  </sheetViews>
  <sheetFormatPr defaultColWidth="9.7109375" defaultRowHeight="12.75" x14ac:dyDescent="0.2"/>
  <cols>
    <col min="1" max="1" width="1.42578125" style="276" customWidth="1"/>
    <col min="2" max="2" width="34.7109375" style="276" customWidth="1"/>
    <col min="3" max="4" width="2" style="276" customWidth="1"/>
    <col min="5" max="5" width="7.5703125" style="276" customWidth="1"/>
    <col min="6" max="6" width="1.140625" style="276" customWidth="1"/>
    <col min="7" max="7" width="7.5703125" style="276" customWidth="1"/>
    <col min="8" max="8" width="1.140625" style="276" customWidth="1"/>
    <col min="9" max="9" width="7.5703125" style="276" customWidth="1"/>
    <col min="10" max="10" width="1.140625" style="276" customWidth="1"/>
    <col min="11" max="11" width="7.5703125" style="276" customWidth="1"/>
    <col min="12" max="16384" width="9.7109375" style="276"/>
  </cols>
  <sheetData>
    <row r="1" spans="1:11" s="244" customFormat="1" ht="16.7" customHeight="1" x14ac:dyDescent="0.2">
      <c r="A1" s="245" t="s">
        <v>137</v>
      </c>
      <c r="B1" s="245"/>
      <c r="C1" s="245"/>
      <c r="D1" s="246"/>
      <c r="E1" s="246"/>
      <c r="F1" s="246"/>
      <c r="G1" s="246"/>
      <c r="H1" s="246"/>
      <c r="I1" s="246"/>
      <c r="J1" s="246"/>
      <c r="K1" s="246"/>
    </row>
    <row r="2" spans="1:11" s="247" customFormat="1" ht="3" customHeight="1" x14ac:dyDescent="0.2">
      <c r="A2" s="228"/>
      <c r="B2" s="248"/>
      <c r="C2" s="249"/>
      <c r="D2" s="229"/>
      <c r="E2" s="229"/>
      <c r="F2" s="229"/>
      <c r="G2" s="229"/>
      <c r="H2" s="229"/>
      <c r="I2" s="229"/>
      <c r="J2" s="229"/>
      <c r="K2" s="229"/>
    </row>
    <row r="3" spans="1:11" s="250" customFormat="1" ht="14.25" customHeight="1" x14ac:dyDescent="0.2">
      <c r="A3" s="251"/>
      <c r="B3" s="252" t="s">
        <v>0</v>
      </c>
      <c r="C3" s="253"/>
      <c r="D3" s="254"/>
      <c r="E3" s="278" t="s">
        <v>14</v>
      </c>
      <c r="F3" s="278"/>
      <c r="G3" s="278" t="s">
        <v>15</v>
      </c>
      <c r="H3" s="278"/>
      <c r="I3" s="278" t="s">
        <v>16</v>
      </c>
      <c r="J3" s="278"/>
      <c r="K3" s="278" t="s">
        <v>17</v>
      </c>
    </row>
    <row r="4" spans="1:11" s="247" customFormat="1" ht="2.25" customHeight="1" x14ac:dyDescent="0.2">
      <c r="A4" s="228"/>
      <c r="B4" s="248"/>
      <c r="C4" s="255"/>
      <c r="D4" s="229"/>
      <c r="E4" s="229"/>
      <c r="F4" s="229"/>
      <c r="G4" s="229"/>
      <c r="H4" s="229"/>
      <c r="I4" s="229"/>
      <c r="J4" s="229"/>
      <c r="K4" s="229"/>
    </row>
    <row r="5" spans="1:11" s="247" customFormat="1" ht="3.75" customHeight="1" x14ac:dyDescent="0.2">
      <c r="A5" s="228"/>
      <c r="B5" s="248"/>
      <c r="C5" s="255"/>
      <c r="D5" s="229"/>
      <c r="E5" s="229"/>
      <c r="F5" s="229"/>
      <c r="G5" s="229"/>
      <c r="H5" s="229"/>
      <c r="I5" s="229"/>
      <c r="J5" s="229"/>
      <c r="K5" s="229"/>
    </row>
    <row r="6" spans="1:11" s="256" customFormat="1" ht="12" x14ac:dyDescent="0.2">
      <c r="A6" s="257" t="s">
        <v>138</v>
      </c>
      <c r="C6" s="258"/>
      <c r="D6" s="259"/>
      <c r="E6" s="259">
        <v>4884</v>
      </c>
      <c r="F6" s="259"/>
      <c r="G6" s="259">
        <v>5063</v>
      </c>
      <c r="H6" s="259"/>
      <c r="I6" s="259">
        <v>5287</v>
      </c>
      <c r="J6" s="259"/>
      <c r="K6" s="259">
        <v>5492</v>
      </c>
    </row>
    <row r="7" spans="1:11" s="260" customFormat="1" ht="14.25" x14ac:dyDescent="0.35">
      <c r="A7" s="257" t="s">
        <v>139</v>
      </c>
      <c r="C7" s="258"/>
      <c r="D7" s="261"/>
      <c r="E7" s="262">
        <v>1807</v>
      </c>
      <c r="F7" s="261"/>
      <c r="G7" s="262">
        <v>1858</v>
      </c>
      <c r="H7" s="261"/>
      <c r="I7" s="262">
        <v>1916</v>
      </c>
      <c r="J7" s="261"/>
      <c r="K7" s="262">
        <v>1976</v>
      </c>
    </row>
    <row r="8" spans="1:11" s="256" customFormat="1" ht="15.75" customHeight="1" x14ac:dyDescent="0.2">
      <c r="A8" s="264" t="s">
        <v>140</v>
      </c>
      <c r="B8" s="265"/>
      <c r="C8" s="263"/>
      <c r="D8" s="266"/>
      <c r="E8" s="262">
        <v>6691</v>
      </c>
      <c r="F8" s="266"/>
      <c r="G8" s="262">
        <v>6921</v>
      </c>
      <c r="H8" s="266"/>
      <c r="I8" s="262">
        <v>7203</v>
      </c>
      <c r="J8" s="266"/>
      <c r="K8" s="262">
        <v>7468</v>
      </c>
    </row>
    <row r="9" spans="1:11" s="256" customFormat="1" ht="6" customHeight="1" x14ac:dyDescent="0.2">
      <c r="A9" s="264"/>
      <c r="B9" s="265"/>
      <c r="C9" s="263"/>
      <c r="D9" s="266"/>
      <c r="E9" s="267"/>
      <c r="F9" s="266"/>
      <c r="G9" s="267"/>
      <c r="H9" s="266"/>
      <c r="I9" s="267"/>
      <c r="J9" s="266"/>
      <c r="K9" s="267"/>
    </row>
    <row r="10" spans="1:11" s="256" customFormat="1" ht="12" customHeight="1" x14ac:dyDescent="0.2">
      <c r="A10" s="264" t="s">
        <v>141</v>
      </c>
      <c r="B10" s="265"/>
      <c r="C10" s="263"/>
      <c r="D10" s="266"/>
      <c r="E10" s="267">
        <v>193</v>
      </c>
      <c r="F10" s="266"/>
      <c r="G10" s="267">
        <v>20</v>
      </c>
      <c r="H10" s="266"/>
      <c r="I10" s="267">
        <v>8</v>
      </c>
      <c r="J10" s="266"/>
      <c r="K10" s="267">
        <v>0</v>
      </c>
    </row>
    <row r="11" spans="1:11" s="256" customFormat="1" ht="12" customHeight="1" x14ac:dyDescent="0.2">
      <c r="A11" s="264" t="s">
        <v>142</v>
      </c>
      <c r="B11" s="265"/>
      <c r="C11" s="263"/>
      <c r="D11" s="266"/>
      <c r="E11" s="267">
        <v>0</v>
      </c>
      <c r="F11" s="266"/>
      <c r="G11" s="267">
        <v>50</v>
      </c>
      <c r="H11" s="266"/>
      <c r="I11" s="267">
        <v>75</v>
      </c>
      <c r="J11" s="266"/>
      <c r="K11" s="267">
        <v>75</v>
      </c>
    </row>
    <row r="12" spans="1:11" s="256" customFormat="1" ht="12" customHeight="1" x14ac:dyDescent="0.2">
      <c r="A12" s="264" t="s">
        <v>143</v>
      </c>
      <c r="B12" s="265"/>
      <c r="C12" s="263"/>
      <c r="D12" s="266"/>
      <c r="E12" s="267">
        <v>226</v>
      </c>
      <c r="F12" s="266"/>
      <c r="G12" s="267">
        <v>140</v>
      </c>
      <c r="H12" s="266"/>
      <c r="I12" s="267">
        <v>97</v>
      </c>
      <c r="J12" s="266"/>
      <c r="K12" s="267">
        <v>92</v>
      </c>
    </row>
    <row r="13" spans="1:11" s="256" customFormat="1" ht="12" customHeight="1" x14ac:dyDescent="0.2">
      <c r="A13" s="257" t="s">
        <v>144</v>
      </c>
      <c r="B13" s="265"/>
      <c r="C13" s="263"/>
      <c r="D13" s="266"/>
      <c r="E13" s="267">
        <v>690</v>
      </c>
      <c r="F13" s="266"/>
      <c r="G13" s="267">
        <v>1036</v>
      </c>
      <c r="H13" s="266"/>
      <c r="I13" s="267">
        <v>911</v>
      </c>
      <c r="J13" s="266"/>
      <c r="K13" s="267">
        <v>940</v>
      </c>
    </row>
    <row r="14" spans="1:11" s="256" customFormat="1" ht="13.15" customHeight="1" x14ac:dyDescent="0.35">
      <c r="A14" s="264" t="s">
        <v>145</v>
      </c>
      <c r="B14" s="265"/>
      <c r="C14" s="263"/>
      <c r="D14" s="266"/>
      <c r="E14" s="262">
        <v>748</v>
      </c>
      <c r="F14" s="261"/>
      <c r="G14" s="262">
        <v>763</v>
      </c>
      <c r="H14" s="261"/>
      <c r="I14" s="262">
        <v>777</v>
      </c>
      <c r="J14" s="261"/>
      <c r="K14" s="262">
        <v>800</v>
      </c>
    </row>
    <row r="15" spans="1:11" s="269" customFormat="1" ht="12.6" customHeight="1" x14ac:dyDescent="0.2">
      <c r="A15" s="264" t="s">
        <v>146</v>
      </c>
      <c r="B15" s="268"/>
      <c r="C15" s="268"/>
      <c r="D15" s="262">
        <v>1556</v>
      </c>
      <c r="E15" s="262">
        <v>1857</v>
      </c>
      <c r="F15" s="262">
        <v>1511</v>
      </c>
      <c r="G15" s="262">
        <v>2009</v>
      </c>
      <c r="H15" s="262">
        <v>0</v>
      </c>
      <c r="I15" s="262">
        <v>1868</v>
      </c>
      <c r="J15" s="262">
        <v>0</v>
      </c>
      <c r="K15" s="262">
        <v>1907</v>
      </c>
    </row>
    <row r="16" spans="1:11" s="269" customFormat="1" ht="6" customHeight="1" x14ac:dyDescent="0.2">
      <c r="A16" s="264"/>
      <c r="B16" s="268"/>
      <c r="C16" s="268"/>
      <c r="D16" s="262"/>
      <c r="E16" s="262"/>
      <c r="F16" s="262"/>
      <c r="G16" s="262"/>
      <c r="H16" s="262"/>
      <c r="I16" s="262"/>
      <c r="J16" s="262"/>
      <c r="K16" s="262"/>
    </row>
    <row r="17" spans="1:11" s="269" customFormat="1" ht="13.9" customHeight="1" x14ac:dyDescent="0.2">
      <c r="A17" s="230" t="s">
        <v>147</v>
      </c>
      <c r="B17" s="270"/>
      <c r="C17" s="271"/>
      <c r="D17" s="272"/>
      <c r="E17" s="273">
        <v>8548</v>
      </c>
      <c r="F17" s="272"/>
      <c r="G17" s="273">
        <v>8930</v>
      </c>
      <c r="H17" s="272"/>
      <c r="I17" s="273">
        <v>9071</v>
      </c>
      <c r="J17" s="272"/>
      <c r="K17" s="273">
        <v>9375</v>
      </c>
    </row>
    <row r="18" spans="1:11" s="269" customFormat="1" ht="1.9" customHeight="1" x14ac:dyDescent="0.2">
      <c r="A18" s="230"/>
      <c r="B18" s="270"/>
      <c r="C18" s="271"/>
      <c r="D18" s="204"/>
      <c r="E18" s="204"/>
      <c r="F18" s="204"/>
      <c r="G18" s="204"/>
      <c r="H18" s="204"/>
      <c r="I18" s="204"/>
      <c r="J18" s="204"/>
      <c r="K18" s="204"/>
    </row>
    <row r="19" spans="1:11" ht="1.9" customHeight="1" x14ac:dyDescent="0.2">
      <c r="A19" s="274"/>
      <c r="B19" s="274"/>
      <c r="C19" s="275"/>
      <c r="D19" s="275"/>
      <c r="E19" s="275"/>
      <c r="F19" s="275"/>
      <c r="G19" s="275"/>
      <c r="H19" s="275"/>
      <c r="I19" s="275"/>
      <c r="J19" s="275"/>
      <c r="K19" s="275"/>
    </row>
    <row r="20" spans="1:11" x14ac:dyDescent="0.2">
      <c r="C20" s="277"/>
      <c r="D20" s="277"/>
      <c r="E20" s="277"/>
      <c r="F20" s="277"/>
      <c r="G20" s="277"/>
      <c r="H20" s="277"/>
      <c r="I20" s="277"/>
      <c r="J20" s="277"/>
      <c r="K20" s="277"/>
    </row>
    <row r="21" spans="1:11" x14ac:dyDescent="0.2">
      <c r="C21" s="277"/>
      <c r="D21" s="277"/>
      <c r="E21" s="277"/>
      <c r="F21" s="277"/>
      <c r="G21" s="277"/>
      <c r="H21" s="277"/>
      <c r="I21" s="277"/>
      <c r="J21" s="277"/>
      <c r="K21" s="277"/>
    </row>
    <row r="22" spans="1:11" x14ac:dyDescent="0.2">
      <c r="C22" s="277"/>
      <c r="D22" s="277"/>
      <c r="E22" s="277"/>
      <c r="F22" s="277"/>
      <c r="G22" s="277"/>
      <c r="H22" s="277"/>
      <c r="I22" s="277"/>
      <c r="J22" s="277"/>
      <c r="K22" s="277"/>
    </row>
    <row r="23" spans="1:11" x14ac:dyDescent="0.2">
      <c r="C23" s="277"/>
      <c r="D23" s="277"/>
      <c r="E23" s="277"/>
      <c r="F23" s="277"/>
      <c r="G23" s="277"/>
      <c r="H23" s="277"/>
      <c r="I23" s="277"/>
      <c r="J23" s="277"/>
      <c r="K23" s="277"/>
    </row>
    <row r="24" spans="1:11" x14ac:dyDescent="0.2">
      <c r="C24" s="277"/>
      <c r="D24" s="277"/>
      <c r="E24" s="277"/>
      <c r="F24" s="277"/>
      <c r="G24" s="277"/>
      <c r="H24" s="277"/>
      <c r="I24" s="277"/>
      <c r="J24" s="277"/>
      <c r="K24" s="277"/>
    </row>
    <row r="25" spans="1:11" x14ac:dyDescent="0.2">
      <c r="C25" s="277"/>
      <c r="D25" s="277"/>
      <c r="E25" s="277"/>
      <c r="F25" s="277"/>
      <c r="G25" s="277"/>
      <c r="H25" s="277"/>
      <c r="I25" s="277"/>
      <c r="J25" s="277"/>
      <c r="K25" s="277"/>
    </row>
    <row r="26" spans="1:11" x14ac:dyDescent="0.2">
      <c r="C26" s="277"/>
      <c r="D26" s="277"/>
      <c r="E26" s="277"/>
      <c r="F26" s="277"/>
      <c r="G26" s="277"/>
      <c r="H26" s="277"/>
      <c r="I26" s="277"/>
      <c r="J26" s="277"/>
      <c r="K26" s="277"/>
    </row>
    <row r="27" spans="1:11" x14ac:dyDescent="0.2">
      <c r="C27" s="277"/>
      <c r="D27" s="277"/>
      <c r="E27" s="277"/>
      <c r="F27" s="277"/>
      <c r="G27" s="277"/>
      <c r="H27" s="277"/>
      <c r="I27" s="277"/>
      <c r="J27" s="277"/>
      <c r="K27" s="277"/>
    </row>
    <row r="28" spans="1:11" x14ac:dyDescent="0.2">
      <c r="C28" s="277"/>
      <c r="D28" s="277"/>
      <c r="E28" s="277"/>
      <c r="F28" s="277"/>
      <c r="G28" s="277"/>
      <c r="H28" s="277"/>
      <c r="I28" s="277"/>
      <c r="J28" s="277"/>
      <c r="K28" s="277"/>
    </row>
    <row r="29" spans="1:11" x14ac:dyDescent="0.2">
      <c r="C29" s="277"/>
      <c r="D29" s="277"/>
      <c r="E29" s="277"/>
      <c r="F29" s="277"/>
      <c r="G29" s="277"/>
      <c r="H29" s="277"/>
      <c r="I29" s="277"/>
      <c r="J29" s="277"/>
      <c r="K29" s="277"/>
    </row>
    <row r="30" spans="1:11" x14ac:dyDescent="0.2">
      <c r="C30" s="277"/>
      <c r="D30" s="277"/>
      <c r="E30" s="277"/>
      <c r="F30" s="277"/>
      <c r="G30" s="277"/>
      <c r="H30" s="277"/>
      <c r="I30" s="277"/>
      <c r="J30" s="277"/>
      <c r="K30" s="277"/>
    </row>
    <row r="31" spans="1:11" x14ac:dyDescent="0.2">
      <c r="C31" s="277"/>
      <c r="D31" s="277"/>
      <c r="E31" s="277"/>
      <c r="F31" s="277"/>
      <c r="G31" s="277"/>
      <c r="H31" s="277"/>
      <c r="I31" s="277"/>
      <c r="J31" s="277"/>
      <c r="K31" s="277"/>
    </row>
    <row r="32" spans="1:11" x14ac:dyDescent="0.2">
      <c r="C32" s="277"/>
      <c r="D32" s="277"/>
      <c r="E32" s="277"/>
      <c r="F32" s="277"/>
      <c r="G32" s="277"/>
      <c r="H32" s="277"/>
      <c r="I32" s="277"/>
      <c r="J32" s="277"/>
      <c r="K32" s="277"/>
    </row>
    <row r="33" spans="3:11" x14ac:dyDescent="0.2">
      <c r="C33" s="277"/>
      <c r="D33" s="277"/>
      <c r="E33" s="277"/>
      <c r="F33" s="277"/>
      <c r="G33" s="277"/>
      <c r="H33" s="277"/>
      <c r="I33" s="277"/>
      <c r="J33" s="277"/>
      <c r="K33" s="277"/>
    </row>
    <row r="34" spans="3:11" x14ac:dyDescent="0.2">
      <c r="C34" s="277"/>
      <c r="D34" s="277"/>
      <c r="E34" s="277"/>
      <c r="F34" s="277"/>
      <c r="G34" s="277"/>
      <c r="H34" s="277"/>
      <c r="I34" s="277"/>
      <c r="J34" s="277"/>
      <c r="K34" s="277"/>
    </row>
    <row r="35" spans="3:11" x14ac:dyDescent="0.2">
      <c r="C35" s="277"/>
      <c r="D35" s="277"/>
      <c r="E35" s="277"/>
      <c r="F35" s="277"/>
      <c r="G35" s="277"/>
      <c r="H35" s="277"/>
      <c r="I35" s="277"/>
      <c r="J35" s="277"/>
      <c r="K35" s="277"/>
    </row>
    <row r="36" spans="3:11" x14ac:dyDescent="0.2">
      <c r="C36" s="277"/>
      <c r="D36" s="277"/>
      <c r="E36" s="277"/>
      <c r="F36" s="277"/>
      <c r="G36" s="277"/>
      <c r="H36" s="277"/>
      <c r="I36" s="277"/>
      <c r="J36" s="277"/>
      <c r="K36" s="277"/>
    </row>
    <row r="37" spans="3:11" x14ac:dyDescent="0.2">
      <c r="C37" s="277"/>
      <c r="D37" s="277"/>
      <c r="E37" s="277"/>
      <c r="F37" s="277"/>
      <c r="G37" s="277"/>
      <c r="H37" s="277"/>
      <c r="I37" s="277"/>
      <c r="J37" s="277"/>
      <c r="K37" s="277"/>
    </row>
    <row r="38" spans="3:11" x14ac:dyDescent="0.2">
      <c r="C38" s="277"/>
      <c r="D38" s="277"/>
      <c r="E38" s="277"/>
      <c r="F38" s="277"/>
      <c r="G38" s="277"/>
      <c r="H38" s="277"/>
      <c r="I38" s="277"/>
      <c r="J38" s="277"/>
      <c r="K38" s="277"/>
    </row>
    <row r="39" spans="3:11" x14ac:dyDescent="0.2">
      <c r="C39" s="277"/>
      <c r="D39" s="277"/>
      <c r="E39" s="277"/>
      <c r="F39" s="277"/>
      <c r="G39" s="277"/>
      <c r="H39" s="277"/>
      <c r="I39" s="277"/>
      <c r="J39" s="277"/>
      <c r="K39" s="277"/>
    </row>
    <row r="40" spans="3:11" x14ac:dyDescent="0.2">
      <c r="C40" s="277"/>
      <c r="D40" s="277"/>
      <c r="E40" s="277"/>
      <c r="F40" s="277"/>
      <c r="G40" s="277"/>
      <c r="H40" s="277"/>
      <c r="I40" s="277"/>
      <c r="J40" s="277"/>
      <c r="K40" s="277"/>
    </row>
    <row r="41" spans="3:11" x14ac:dyDescent="0.2">
      <c r="C41" s="277"/>
      <c r="D41" s="277"/>
      <c r="E41" s="277"/>
      <c r="F41" s="277"/>
      <c r="G41" s="277"/>
      <c r="H41" s="277"/>
      <c r="I41" s="277"/>
      <c r="J41" s="277"/>
      <c r="K41" s="277"/>
    </row>
    <row r="42" spans="3:11" x14ac:dyDescent="0.2">
      <c r="C42" s="277"/>
      <c r="D42" s="277"/>
      <c r="E42" s="277"/>
      <c r="F42" s="277"/>
      <c r="G42" s="277"/>
      <c r="H42" s="277"/>
      <c r="I42" s="277"/>
      <c r="J42" s="277"/>
      <c r="K42" s="277"/>
    </row>
    <row r="43" spans="3:11" x14ac:dyDescent="0.2">
      <c r="C43" s="277"/>
      <c r="D43" s="277"/>
      <c r="E43" s="277"/>
      <c r="F43" s="277"/>
      <c r="G43" s="277"/>
      <c r="H43" s="277"/>
      <c r="I43" s="277"/>
      <c r="J43" s="277"/>
      <c r="K43" s="277"/>
    </row>
    <row r="44" spans="3:11" x14ac:dyDescent="0.2">
      <c r="C44" s="277"/>
      <c r="D44" s="277"/>
      <c r="E44" s="277"/>
      <c r="F44" s="277"/>
      <c r="G44" s="277"/>
      <c r="H44" s="277"/>
      <c r="I44" s="277"/>
      <c r="J44" s="277"/>
      <c r="K44" s="277"/>
    </row>
    <row r="45" spans="3:11" x14ac:dyDescent="0.2">
      <c r="C45" s="277"/>
      <c r="D45" s="277"/>
      <c r="E45" s="277"/>
      <c r="F45" s="277"/>
      <c r="G45" s="277"/>
      <c r="H45" s="277"/>
      <c r="I45" s="277"/>
      <c r="J45" s="277"/>
      <c r="K45" s="277"/>
    </row>
    <row r="46" spans="3:11" x14ac:dyDescent="0.2">
      <c r="C46" s="277"/>
      <c r="D46" s="277"/>
      <c r="E46" s="277"/>
      <c r="F46" s="277"/>
      <c r="G46" s="277"/>
      <c r="H46" s="277"/>
      <c r="I46" s="277"/>
      <c r="J46" s="277"/>
      <c r="K46" s="277"/>
    </row>
    <row r="47" spans="3:11" x14ac:dyDescent="0.2">
      <c r="C47" s="277"/>
      <c r="D47" s="277"/>
      <c r="E47" s="277"/>
      <c r="F47" s="277"/>
      <c r="G47" s="277"/>
      <c r="H47" s="277"/>
      <c r="I47" s="277"/>
      <c r="J47" s="277"/>
      <c r="K47" s="277"/>
    </row>
    <row r="48" spans="3:11" x14ac:dyDescent="0.2">
      <c r="C48" s="277"/>
      <c r="D48" s="277"/>
      <c r="E48" s="277"/>
      <c r="F48" s="277"/>
      <c r="G48" s="277"/>
      <c r="H48" s="277"/>
      <c r="I48" s="277"/>
      <c r="J48" s="277"/>
      <c r="K48" s="277"/>
    </row>
    <row r="49" spans="3:11" x14ac:dyDescent="0.2">
      <c r="C49" s="277"/>
      <c r="D49" s="277"/>
      <c r="E49" s="277"/>
      <c r="F49" s="277"/>
      <c r="G49" s="277"/>
      <c r="H49" s="277"/>
      <c r="I49" s="277"/>
      <c r="J49" s="277"/>
      <c r="K49" s="277"/>
    </row>
    <row r="50" spans="3:11" x14ac:dyDescent="0.2">
      <c r="C50" s="277"/>
      <c r="D50" s="277"/>
      <c r="E50" s="277"/>
      <c r="F50" s="277"/>
      <c r="G50" s="277"/>
      <c r="H50" s="277"/>
      <c r="I50" s="277"/>
      <c r="J50" s="277"/>
      <c r="K50" s="277"/>
    </row>
    <row r="51" spans="3:11" x14ac:dyDescent="0.2">
      <c r="C51" s="277"/>
      <c r="D51" s="277"/>
      <c r="E51" s="277"/>
      <c r="F51" s="277"/>
      <c r="G51" s="277"/>
      <c r="H51" s="277"/>
      <c r="I51" s="277"/>
      <c r="J51" s="277"/>
      <c r="K51" s="277"/>
    </row>
    <row r="52" spans="3:11" x14ac:dyDescent="0.2">
      <c r="C52" s="277"/>
      <c r="D52" s="277"/>
      <c r="E52" s="277"/>
      <c r="F52" s="277"/>
      <c r="G52" s="277"/>
      <c r="H52" s="277"/>
      <c r="I52" s="277"/>
      <c r="J52" s="277"/>
      <c r="K52" s="277"/>
    </row>
    <row r="53" spans="3:11" x14ac:dyDescent="0.2">
      <c r="C53" s="277"/>
      <c r="D53" s="277"/>
      <c r="E53" s="277"/>
      <c r="F53" s="277"/>
      <c r="G53" s="277"/>
      <c r="H53" s="277"/>
      <c r="I53" s="277"/>
      <c r="J53" s="277"/>
      <c r="K53" s="277"/>
    </row>
    <row r="54" spans="3:11" x14ac:dyDescent="0.2">
      <c r="C54" s="277"/>
      <c r="D54" s="277"/>
      <c r="E54" s="277"/>
      <c r="F54" s="277"/>
      <c r="G54" s="277"/>
      <c r="H54" s="277"/>
      <c r="I54" s="277"/>
      <c r="J54" s="277"/>
      <c r="K54" s="277"/>
    </row>
    <row r="55" spans="3:11" x14ac:dyDescent="0.2">
      <c r="C55" s="277"/>
      <c r="D55" s="277"/>
      <c r="E55" s="277"/>
      <c r="F55" s="277"/>
      <c r="G55" s="277"/>
      <c r="H55" s="277"/>
      <c r="I55" s="277"/>
      <c r="J55" s="277"/>
      <c r="K55" s="277"/>
    </row>
    <row r="56" spans="3:11" x14ac:dyDescent="0.2">
      <c r="C56" s="277"/>
      <c r="D56" s="277"/>
      <c r="E56" s="277"/>
      <c r="F56" s="277"/>
      <c r="G56" s="277"/>
      <c r="H56" s="277"/>
      <c r="I56" s="277"/>
      <c r="J56" s="277"/>
      <c r="K56" s="277"/>
    </row>
    <row r="57" spans="3:11" x14ac:dyDescent="0.2">
      <c r="C57" s="277"/>
      <c r="D57" s="277"/>
      <c r="E57" s="277"/>
      <c r="F57" s="277"/>
      <c r="G57" s="277"/>
      <c r="H57" s="277"/>
      <c r="I57" s="277"/>
      <c r="J57" s="277"/>
      <c r="K57" s="277"/>
    </row>
    <row r="58" spans="3:11" x14ac:dyDescent="0.2">
      <c r="C58" s="277"/>
      <c r="D58" s="277"/>
      <c r="E58" s="277"/>
      <c r="F58" s="277"/>
      <c r="G58" s="277"/>
      <c r="H58" s="277"/>
      <c r="I58" s="277"/>
      <c r="J58" s="277"/>
      <c r="K58" s="277"/>
    </row>
    <row r="59" spans="3:11" x14ac:dyDescent="0.2">
      <c r="C59" s="277"/>
      <c r="D59" s="277"/>
      <c r="E59" s="277"/>
      <c r="F59" s="277"/>
      <c r="G59" s="277"/>
      <c r="H59" s="277"/>
      <c r="I59" s="277"/>
      <c r="J59" s="277"/>
      <c r="K59" s="277"/>
    </row>
    <row r="60" spans="3:11" x14ac:dyDescent="0.2">
      <c r="C60" s="277"/>
      <c r="D60" s="277"/>
      <c r="E60" s="277"/>
      <c r="F60" s="277"/>
      <c r="G60" s="277"/>
      <c r="H60" s="277"/>
      <c r="I60" s="277"/>
      <c r="J60" s="277"/>
      <c r="K60" s="277"/>
    </row>
    <row r="61" spans="3:11" x14ac:dyDescent="0.2">
      <c r="C61" s="277"/>
      <c r="D61" s="277"/>
      <c r="E61" s="277"/>
      <c r="F61" s="277"/>
      <c r="G61" s="277"/>
      <c r="H61" s="277"/>
      <c r="I61" s="277"/>
      <c r="J61" s="277"/>
      <c r="K61" s="277"/>
    </row>
    <row r="62" spans="3:11" x14ac:dyDescent="0.2">
      <c r="C62" s="277"/>
      <c r="D62" s="277"/>
      <c r="E62" s="277"/>
      <c r="F62" s="277"/>
      <c r="G62" s="277"/>
      <c r="H62" s="277"/>
      <c r="I62" s="277"/>
      <c r="J62" s="277"/>
      <c r="K62" s="277"/>
    </row>
    <row r="63" spans="3:11" x14ac:dyDescent="0.2">
      <c r="C63" s="277"/>
      <c r="D63" s="277"/>
      <c r="E63" s="277"/>
      <c r="F63" s="277"/>
      <c r="G63" s="277"/>
      <c r="H63" s="277"/>
      <c r="I63" s="277"/>
      <c r="J63" s="277"/>
      <c r="K63" s="277"/>
    </row>
    <row r="64" spans="3:11" x14ac:dyDescent="0.2">
      <c r="C64" s="277"/>
      <c r="D64" s="277"/>
      <c r="E64" s="277"/>
      <c r="F64" s="277"/>
      <c r="G64" s="277"/>
      <c r="H64" s="277"/>
      <c r="I64" s="277"/>
      <c r="J64" s="277"/>
      <c r="K64" s="277"/>
    </row>
    <row r="65" spans="3:11" x14ac:dyDescent="0.2">
      <c r="C65" s="277"/>
      <c r="D65" s="277"/>
      <c r="E65" s="277"/>
      <c r="F65" s="277"/>
      <c r="G65" s="277"/>
      <c r="H65" s="277"/>
      <c r="I65" s="277"/>
      <c r="J65" s="277"/>
      <c r="K65" s="277"/>
    </row>
    <row r="66" spans="3:11" x14ac:dyDescent="0.2">
      <c r="C66" s="277"/>
      <c r="D66" s="277"/>
      <c r="E66" s="277"/>
      <c r="F66" s="277"/>
      <c r="G66" s="277"/>
      <c r="H66" s="277"/>
      <c r="I66" s="277"/>
      <c r="J66" s="277"/>
      <c r="K66" s="277"/>
    </row>
    <row r="67" spans="3:11" x14ac:dyDescent="0.2">
      <c r="C67" s="277"/>
      <c r="D67" s="277"/>
      <c r="E67" s="277"/>
      <c r="F67" s="277"/>
      <c r="G67" s="277"/>
      <c r="H67" s="277"/>
      <c r="I67" s="277"/>
      <c r="J67" s="277"/>
      <c r="K67" s="277"/>
    </row>
    <row r="68" spans="3:11" x14ac:dyDescent="0.2">
      <c r="C68" s="277"/>
      <c r="D68" s="277"/>
      <c r="E68" s="277"/>
      <c r="F68" s="277"/>
      <c r="G68" s="277"/>
      <c r="H68" s="277"/>
      <c r="I68" s="277"/>
      <c r="J68" s="277"/>
      <c r="K68" s="277"/>
    </row>
    <row r="69" spans="3:11" x14ac:dyDescent="0.2">
      <c r="C69" s="277"/>
      <c r="D69" s="277"/>
      <c r="E69" s="277"/>
      <c r="F69" s="277"/>
      <c r="G69" s="277"/>
      <c r="H69" s="277"/>
      <c r="I69" s="277"/>
      <c r="J69" s="277"/>
      <c r="K69" s="277"/>
    </row>
    <row r="70" spans="3:11" x14ac:dyDescent="0.2">
      <c r="C70" s="277"/>
      <c r="D70" s="277"/>
      <c r="E70" s="277"/>
      <c r="F70" s="277"/>
      <c r="G70" s="277"/>
      <c r="H70" s="277"/>
      <c r="I70" s="277"/>
      <c r="J70" s="277"/>
      <c r="K70" s="277"/>
    </row>
    <row r="71" spans="3:11" x14ac:dyDescent="0.2">
      <c r="C71" s="277"/>
      <c r="D71" s="277"/>
      <c r="E71" s="277"/>
      <c r="F71" s="277"/>
      <c r="G71" s="277"/>
      <c r="H71" s="277"/>
      <c r="I71" s="277"/>
      <c r="J71" s="277"/>
      <c r="K71" s="277"/>
    </row>
    <row r="72" spans="3:11" x14ac:dyDescent="0.2">
      <c r="C72" s="277"/>
      <c r="D72" s="277"/>
      <c r="E72" s="277"/>
      <c r="F72" s="277"/>
      <c r="G72" s="277"/>
      <c r="H72" s="277"/>
      <c r="I72" s="277"/>
      <c r="J72" s="277"/>
      <c r="K72" s="277"/>
    </row>
    <row r="73" spans="3:11" x14ac:dyDescent="0.2">
      <c r="C73" s="277"/>
      <c r="D73" s="277"/>
      <c r="E73" s="277"/>
      <c r="F73" s="277"/>
      <c r="G73" s="277"/>
      <c r="H73" s="277"/>
      <c r="I73" s="277"/>
      <c r="J73" s="277"/>
      <c r="K73" s="277"/>
    </row>
    <row r="74" spans="3:11" x14ac:dyDescent="0.2">
      <c r="C74" s="277"/>
      <c r="D74" s="277"/>
      <c r="E74" s="277"/>
      <c r="F74" s="277"/>
      <c r="G74" s="277"/>
      <c r="H74" s="277"/>
      <c r="I74" s="277"/>
      <c r="J74" s="277"/>
      <c r="K74" s="277"/>
    </row>
    <row r="75" spans="3:11" x14ac:dyDescent="0.2">
      <c r="C75" s="277"/>
      <c r="D75" s="277"/>
      <c r="E75" s="277"/>
      <c r="F75" s="277"/>
      <c r="G75" s="277"/>
      <c r="H75" s="277"/>
      <c r="I75" s="277"/>
      <c r="J75" s="277"/>
      <c r="K75" s="277"/>
    </row>
    <row r="76" spans="3:11" x14ac:dyDescent="0.2">
      <c r="C76" s="277"/>
      <c r="D76" s="277"/>
      <c r="E76" s="277"/>
      <c r="F76" s="277"/>
      <c r="G76" s="277"/>
      <c r="H76" s="277"/>
      <c r="I76" s="277"/>
      <c r="J76" s="277"/>
      <c r="K76" s="277"/>
    </row>
    <row r="77" spans="3:11" x14ac:dyDescent="0.2">
      <c r="C77" s="277"/>
      <c r="D77" s="277"/>
      <c r="E77" s="277"/>
      <c r="F77" s="277"/>
      <c r="G77" s="277"/>
      <c r="H77" s="277"/>
      <c r="I77" s="277"/>
      <c r="J77" s="277"/>
      <c r="K77" s="277"/>
    </row>
    <row r="78" spans="3:11" x14ac:dyDescent="0.2">
      <c r="C78" s="277"/>
      <c r="D78" s="277"/>
      <c r="E78" s="277"/>
      <c r="F78" s="277"/>
      <c r="G78" s="277"/>
      <c r="H78" s="277"/>
      <c r="I78" s="277"/>
      <c r="J78" s="277"/>
      <c r="K78" s="277"/>
    </row>
    <row r="79" spans="3:11" x14ac:dyDescent="0.2">
      <c r="C79" s="277"/>
      <c r="D79" s="277"/>
      <c r="E79" s="277"/>
      <c r="F79" s="277"/>
      <c r="G79" s="277"/>
      <c r="H79" s="277"/>
      <c r="I79" s="277"/>
      <c r="J79" s="277"/>
      <c r="K79" s="277"/>
    </row>
    <row r="80" spans="3:11" x14ac:dyDescent="0.2">
      <c r="C80" s="277"/>
      <c r="D80" s="277"/>
      <c r="E80" s="277"/>
      <c r="F80" s="277"/>
      <c r="G80" s="277"/>
      <c r="H80" s="277"/>
      <c r="I80" s="277"/>
      <c r="J80" s="277"/>
      <c r="K80" s="277"/>
    </row>
    <row r="81" spans="3:11" x14ac:dyDescent="0.2">
      <c r="C81" s="277"/>
      <c r="D81" s="277"/>
      <c r="E81" s="277"/>
      <c r="F81" s="277"/>
      <c r="G81" s="277"/>
      <c r="H81" s="277"/>
      <c r="I81" s="277"/>
      <c r="J81" s="277"/>
      <c r="K81" s="277"/>
    </row>
    <row r="82" spans="3:11" x14ac:dyDescent="0.2">
      <c r="C82" s="277"/>
      <c r="D82" s="277"/>
      <c r="E82" s="277"/>
      <c r="F82" s="277"/>
      <c r="G82" s="277"/>
      <c r="H82" s="277"/>
      <c r="I82" s="277"/>
      <c r="J82" s="277"/>
      <c r="K82" s="277"/>
    </row>
    <row r="83" spans="3:11" x14ac:dyDescent="0.2">
      <c r="C83" s="277"/>
      <c r="D83" s="277"/>
      <c r="E83" s="277"/>
      <c r="F83" s="277"/>
      <c r="G83" s="277"/>
      <c r="H83" s="277"/>
      <c r="I83" s="277"/>
      <c r="J83" s="277"/>
      <c r="K83" s="277"/>
    </row>
    <row r="84" spans="3:11" x14ac:dyDescent="0.2">
      <c r="C84" s="277"/>
      <c r="D84" s="277"/>
      <c r="E84" s="277"/>
      <c r="F84" s="277"/>
      <c r="G84" s="277"/>
      <c r="H84" s="277"/>
      <c r="I84" s="277"/>
      <c r="J84" s="277"/>
      <c r="K84" s="277"/>
    </row>
    <row r="85" spans="3:11" x14ac:dyDescent="0.2">
      <c r="C85" s="277"/>
      <c r="D85" s="277"/>
      <c r="E85" s="277"/>
      <c r="F85" s="277"/>
      <c r="G85" s="277"/>
      <c r="H85" s="277"/>
      <c r="I85" s="277"/>
      <c r="J85" s="277"/>
      <c r="K85" s="277"/>
    </row>
    <row r="86" spans="3:11" x14ac:dyDescent="0.2">
      <c r="C86" s="277"/>
      <c r="D86" s="277"/>
      <c r="E86" s="277"/>
      <c r="F86" s="277"/>
      <c r="G86" s="277"/>
      <c r="H86" s="277"/>
      <c r="I86" s="277"/>
      <c r="J86" s="277"/>
      <c r="K86" s="277"/>
    </row>
    <row r="87" spans="3:11" x14ac:dyDescent="0.2">
      <c r="C87" s="277"/>
      <c r="D87" s="277"/>
      <c r="E87" s="277"/>
      <c r="F87" s="277"/>
      <c r="G87" s="277"/>
      <c r="H87" s="277"/>
      <c r="I87" s="277"/>
      <c r="J87" s="277"/>
      <c r="K87" s="277"/>
    </row>
    <row r="88" spans="3:11" x14ac:dyDescent="0.2">
      <c r="C88" s="277"/>
      <c r="D88" s="277"/>
      <c r="E88" s="277"/>
      <c r="F88" s="277"/>
      <c r="G88" s="277"/>
      <c r="H88" s="277"/>
      <c r="I88" s="277"/>
      <c r="J88" s="277"/>
      <c r="K88" s="277"/>
    </row>
    <row r="89" spans="3:11" x14ac:dyDescent="0.2">
      <c r="C89" s="277"/>
      <c r="D89" s="277"/>
      <c r="E89" s="277"/>
      <c r="F89" s="277"/>
      <c r="G89" s="277"/>
      <c r="H89" s="277"/>
      <c r="I89" s="277"/>
      <c r="J89" s="277"/>
      <c r="K89" s="277"/>
    </row>
    <row r="90" spans="3:11" x14ac:dyDescent="0.2">
      <c r="C90" s="277"/>
      <c r="D90" s="277"/>
      <c r="E90" s="277"/>
      <c r="F90" s="277"/>
      <c r="G90" s="277"/>
      <c r="H90" s="277"/>
      <c r="I90" s="277"/>
      <c r="J90" s="277"/>
      <c r="K90" s="277"/>
    </row>
    <row r="91" spans="3:11" x14ac:dyDescent="0.2">
      <c r="C91" s="277"/>
      <c r="D91" s="277"/>
      <c r="E91" s="277"/>
      <c r="F91" s="277"/>
      <c r="G91" s="277"/>
      <c r="H91" s="277"/>
      <c r="I91" s="277"/>
      <c r="J91" s="277"/>
      <c r="K91" s="277"/>
    </row>
    <row r="92" spans="3:11" x14ac:dyDescent="0.2">
      <c r="C92" s="277"/>
      <c r="D92" s="277"/>
      <c r="E92" s="277"/>
      <c r="F92" s="277"/>
      <c r="G92" s="277"/>
      <c r="H92" s="277"/>
      <c r="I92" s="277"/>
      <c r="J92" s="277"/>
      <c r="K92" s="277"/>
    </row>
    <row r="93" spans="3:11" x14ac:dyDescent="0.2">
      <c r="C93" s="277"/>
      <c r="D93" s="277"/>
      <c r="E93" s="277"/>
      <c r="F93" s="277"/>
      <c r="G93" s="277"/>
      <c r="H93" s="277"/>
      <c r="I93" s="277"/>
      <c r="J93" s="277"/>
      <c r="K93" s="277"/>
    </row>
    <row r="94" spans="3:11" x14ac:dyDescent="0.2">
      <c r="C94" s="277"/>
      <c r="D94" s="277"/>
      <c r="E94" s="277"/>
      <c r="F94" s="277"/>
      <c r="G94" s="277"/>
      <c r="H94" s="277"/>
      <c r="I94" s="277"/>
      <c r="J94" s="277"/>
      <c r="K94" s="277"/>
    </row>
    <row r="95" spans="3:11" x14ac:dyDescent="0.2">
      <c r="C95" s="277"/>
      <c r="D95" s="277"/>
      <c r="E95" s="277"/>
      <c r="F95" s="277"/>
      <c r="G95" s="277"/>
      <c r="H95" s="277"/>
      <c r="I95" s="277"/>
      <c r="J95" s="277"/>
      <c r="K95" s="277"/>
    </row>
    <row r="96" spans="3:11" x14ac:dyDescent="0.2">
      <c r="C96" s="277"/>
      <c r="D96" s="277"/>
      <c r="E96" s="277"/>
      <c r="F96" s="277"/>
      <c r="G96" s="277"/>
      <c r="H96" s="277"/>
      <c r="I96" s="277"/>
      <c r="J96" s="277"/>
      <c r="K96" s="277"/>
    </row>
    <row r="97" spans="3:11" x14ac:dyDescent="0.2">
      <c r="C97" s="277"/>
      <c r="D97" s="277"/>
      <c r="E97" s="277"/>
      <c r="F97" s="277"/>
      <c r="G97" s="277"/>
      <c r="H97" s="277"/>
      <c r="I97" s="277"/>
      <c r="J97" s="277"/>
      <c r="K97" s="277"/>
    </row>
    <row r="98" spans="3:11" x14ac:dyDescent="0.2">
      <c r="C98" s="277"/>
      <c r="D98" s="277"/>
      <c r="E98" s="277"/>
      <c r="F98" s="277"/>
      <c r="G98" s="277"/>
      <c r="H98" s="277"/>
      <c r="I98" s="277"/>
      <c r="J98" s="277"/>
      <c r="K98" s="277"/>
    </row>
    <row r="99" spans="3:11" x14ac:dyDescent="0.2">
      <c r="C99" s="277"/>
      <c r="D99" s="277"/>
      <c r="E99" s="277"/>
      <c r="F99" s="277"/>
      <c r="G99" s="277"/>
      <c r="H99" s="277"/>
      <c r="I99" s="277"/>
      <c r="J99" s="277"/>
      <c r="K99" s="277"/>
    </row>
    <row r="100" spans="3:11" x14ac:dyDescent="0.2">
      <c r="C100" s="277"/>
      <c r="D100" s="277"/>
      <c r="E100" s="277"/>
      <c r="F100" s="277"/>
      <c r="G100" s="277"/>
      <c r="H100" s="277"/>
      <c r="I100" s="277"/>
      <c r="J100" s="277"/>
      <c r="K100" s="277"/>
    </row>
    <row r="101" spans="3:11" x14ac:dyDescent="0.2">
      <c r="C101" s="277"/>
      <c r="D101" s="277"/>
      <c r="E101" s="277"/>
      <c r="F101" s="277"/>
      <c r="G101" s="277"/>
      <c r="H101" s="277"/>
      <c r="I101" s="277"/>
      <c r="J101" s="277"/>
      <c r="K101" s="277"/>
    </row>
    <row r="102" spans="3:11" x14ac:dyDescent="0.2">
      <c r="C102" s="277"/>
      <c r="D102" s="277"/>
      <c r="E102" s="277"/>
      <c r="F102" s="277"/>
      <c r="G102" s="277"/>
      <c r="H102" s="277"/>
      <c r="I102" s="277"/>
      <c r="J102" s="277"/>
      <c r="K102" s="277"/>
    </row>
    <row r="103" spans="3:11" x14ac:dyDescent="0.2">
      <c r="C103" s="277"/>
      <c r="D103" s="277"/>
      <c r="E103" s="277"/>
      <c r="F103" s="277"/>
      <c r="G103" s="277"/>
      <c r="H103" s="277"/>
      <c r="I103" s="277"/>
      <c r="J103" s="277"/>
      <c r="K103" s="277"/>
    </row>
    <row r="104" spans="3:11" x14ac:dyDescent="0.2">
      <c r="C104" s="277"/>
      <c r="D104" s="277"/>
      <c r="E104" s="277"/>
      <c r="F104" s="277"/>
      <c r="G104" s="277"/>
      <c r="H104" s="277"/>
      <c r="I104" s="277"/>
      <c r="J104" s="277"/>
      <c r="K104" s="277"/>
    </row>
    <row r="105" spans="3:11" x14ac:dyDescent="0.2">
      <c r="C105" s="277"/>
      <c r="D105" s="277"/>
      <c r="E105" s="277"/>
      <c r="F105" s="277"/>
      <c r="G105" s="277"/>
      <c r="H105" s="277"/>
      <c r="I105" s="277"/>
      <c r="J105" s="277"/>
      <c r="K105" s="277"/>
    </row>
    <row r="106" spans="3:11" x14ac:dyDescent="0.2">
      <c r="C106" s="277"/>
      <c r="D106" s="277"/>
      <c r="E106" s="277"/>
      <c r="F106" s="277"/>
      <c r="G106" s="277"/>
      <c r="H106" s="277"/>
      <c r="I106" s="277"/>
      <c r="J106" s="277"/>
      <c r="K106" s="277"/>
    </row>
    <row r="107" spans="3:11" x14ac:dyDescent="0.2">
      <c r="C107" s="277"/>
      <c r="D107" s="277"/>
      <c r="E107" s="277"/>
      <c r="F107" s="277"/>
      <c r="G107" s="277"/>
      <c r="H107" s="277"/>
      <c r="I107" s="277"/>
      <c r="J107" s="277"/>
      <c r="K107" s="277"/>
    </row>
    <row r="108" spans="3:11" x14ac:dyDescent="0.2">
      <c r="C108" s="277"/>
      <c r="D108" s="277"/>
      <c r="E108" s="277"/>
      <c r="F108" s="277"/>
      <c r="G108" s="277"/>
      <c r="H108" s="277"/>
      <c r="I108" s="277"/>
      <c r="J108" s="277"/>
      <c r="K108" s="277"/>
    </row>
    <row r="109" spans="3:11" x14ac:dyDescent="0.2">
      <c r="C109" s="277"/>
      <c r="D109" s="277"/>
      <c r="E109" s="277"/>
      <c r="F109" s="277"/>
      <c r="G109" s="277"/>
      <c r="H109" s="277"/>
      <c r="I109" s="277"/>
      <c r="J109" s="277"/>
      <c r="K109" s="277"/>
    </row>
    <row r="110" spans="3:11" x14ac:dyDescent="0.2">
      <c r="C110" s="277"/>
      <c r="D110" s="277"/>
      <c r="E110" s="277"/>
      <c r="F110" s="277"/>
      <c r="G110" s="277"/>
      <c r="H110" s="277"/>
      <c r="I110" s="277"/>
      <c r="J110" s="277"/>
      <c r="K110" s="277"/>
    </row>
    <row r="111" spans="3:11" x14ac:dyDescent="0.2">
      <c r="C111" s="277"/>
      <c r="D111" s="277"/>
      <c r="E111" s="277"/>
      <c r="F111" s="277"/>
      <c r="G111" s="277"/>
      <c r="H111" s="277"/>
      <c r="I111" s="277"/>
      <c r="J111" s="277"/>
      <c r="K111" s="277"/>
    </row>
    <row r="112" spans="3:11" x14ac:dyDescent="0.2">
      <c r="C112" s="277"/>
      <c r="D112" s="277"/>
      <c r="E112" s="277"/>
      <c r="F112" s="277"/>
      <c r="G112" s="277"/>
      <c r="H112" s="277"/>
      <c r="I112" s="277"/>
      <c r="J112" s="277"/>
      <c r="K112" s="277"/>
    </row>
    <row r="113" spans="3:11" x14ac:dyDescent="0.2">
      <c r="C113" s="277"/>
      <c r="D113" s="277"/>
      <c r="E113" s="277"/>
      <c r="F113" s="277"/>
      <c r="G113" s="277"/>
      <c r="H113" s="277"/>
      <c r="I113" s="277"/>
      <c r="J113" s="277"/>
      <c r="K113" s="277"/>
    </row>
    <row r="114" spans="3:11" x14ac:dyDescent="0.2">
      <c r="C114" s="277"/>
      <c r="D114" s="277"/>
      <c r="E114" s="277"/>
      <c r="F114" s="277"/>
      <c r="G114" s="277"/>
      <c r="H114" s="277"/>
      <c r="I114" s="277"/>
      <c r="J114" s="277"/>
      <c r="K114" s="277"/>
    </row>
    <row r="115" spans="3:11" x14ac:dyDescent="0.2">
      <c r="C115" s="277"/>
      <c r="D115" s="277"/>
      <c r="E115" s="277"/>
      <c r="F115" s="277"/>
      <c r="G115" s="277"/>
      <c r="H115" s="277"/>
      <c r="I115" s="277"/>
      <c r="J115" s="277"/>
      <c r="K115" s="277"/>
    </row>
    <row r="116" spans="3:11" x14ac:dyDescent="0.2">
      <c r="C116" s="277"/>
      <c r="D116" s="277"/>
      <c r="E116" s="277"/>
      <c r="F116" s="277"/>
      <c r="G116" s="277"/>
      <c r="H116" s="277"/>
      <c r="I116" s="277"/>
      <c r="J116" s="277"/>
      <c r="K116" s="277"/>
    </row>
    <row r="117" spans="3:11" x14ac:dyDescent="0.2">
      <c r="C117" s="277"/>
      <c r="D117" s="277"/>
      <c r="E117" s="277"/>
      <c r="F117" s="277"/>
      <c r="G117" s="277"/>
      <c r="H117" s="277"/>
      <c r="I117" s="277"/>
      <c r="J117" s="277"/>
      <c r="K117" s="277"/>
    </row>
    <row r="118" spans="3:11" x14ac:dyDescent="0.2">
      <c r="C118" s="277"/>
      <c r="D118" s="277"/>
      <c r="E118" s="277"/>
      <c r="F118" s="277"/>
      <c r="G118" s="277"/>
      <c r="H118" s="277"/>
      <c r="I118" s="277"/>
      <c r="J118" s="277"/>
      <c r="K118" s="277"/>
    </row>
    <row r="119" spans="3:11" x14ac:dyDescent="0.2">
      <c r="C119" s="277"/>
      <c r="D119" s="277"/>
      <c r="E119" s="277"/>
      <c r="F119" s="277"/>
      <c r="G119" s="277"/>
      <c r="H119" s="277"/>
      <c r="I119" s="277"/>
      <c r="J119" s="277"/>
      <c r="K119" s="277"/>
    </row>
    <row r="120" spans="3:11" x14ac:dyDescent="0.2">
      <c r="C120" s="277"/>
      <c r="D120" s="277"/>
      <c r="E120" s="277"/>
      <c r="F120" s="277"/>
      <c r="G120" s="277"/>
      <c r="H120" s="277"/>
      <c r="I120" s="277"/>
      <c r="J120" s="277"/>
      <c r="K120" s="277"/>
    </row>
    <row r="121" spans="3:11" x14ac:dyDescent="0.2">
      <c r="C121" s="277"/>
      <c r="D121" s="277"/>
      <c r="E121" s="277"/>
      <c r="F121" s="277"/>
      <c r="G121" s="277"/>
      <c r="H121" s="277"/>
      <c r="I121" s="277"/>
      <c r="J121" s="277"/>
      <c r="K121" s="277"/>
    </row>
    <row r="122" spans="3:11" x14ac:dyDescent="0.2">
      <c r="C122" s="277"/>
      <c r="D122" s="277"/>
      <c r="E122" s="277"/>
      <c r="F122" s="277"/>
      <c r="G122" s="277"/>
      <c r="H122" s="277"/>
      <c r="I122" s="277"/>
      <c r="J122" s="277"/>
      <c r="K122" s="277"/>
    </row>
    <row r="123" spans="3:11" x14ac:dyDescent="0.2">
      <c r="C123" s="277"/>
      <c r="D123" s="277"/>
      <c r="E123" s="277"/>
      <c r="F123" s="277"/>
      <c r="G123" s="277"/>
      <c r="H123" s="277"/>
      <c r="I123" s="277"/>
      <c r="J123" s="277"/>
      <c r="K123" s="277"/>
    </row>
    <row r="124" spans="3:11" x14ac:dyDescent="0.2">
      <c r="C124" s="277"/>
      <c r="D124" s="277"/>
      <c r="E124" s="277"/>
      <c r="F124" s="277"/>
      <c r="G124" s="277"/>
      <c r="H124" s="277"/>
      <c r="I124" s="277"/>
      <c r="J124" s="277"/>
      <c r="K124" s="277"/>
    </row>
    <row r="125" spans="3:11" x14ac:dyDescent="0.2">
      <c r="C125" s="277"/>
      <c r="D125" s="277"/>
      <c r="E125" s="277"/>
      <c r="F125" s="277"/>
      <c r="G125" s="277"/>
      <c r="H125" s="277"/>
      <c r="I125" s="277"/>
      <c r="J125" s="277"/>
      <c r="K125" s="277"/>
    </row>
    <row r="126" spans="3:11" x14ac:dyDescent="0.2">
      <c r="C126" s="277"/>
      <c r="D126" s="277"/>
      <c r="E126" s="277"/>
      <c r="F126" s="277"/>
      <c r="G126" s="277"/>
      <c r="H126" s="277"/>
      <c r="I126" s="277"/>
      <c r="J126" s="277"/>
      <c r="K126" s="277"/>
    </row>
    <row r="127" spans="3:11" x14ac:dyDescent="0.2">
      <c r="C127" s="277"/>
      <c r="D127" s="277"/>
      <c r="E127" s="277"/>
      <c r="F127" s="277"/>
      <c r="G127" s="277"/>
      <c r="H127" s="277"/>
      <c r="I127" s="277"/>
      <c r="J127" s="277"/>
      <c r="K127" s="277"/>
    </row>
    <row r="128" spans="3:11" x14ac:dyDescent="0.2">
      <c r="C128" s="277"/>
      <c r="D128" s="277"/>
      <c r="E128" s="277"/>
      <c r="F128" s="277"/>
      <c r="G128" s="277"/>
      <c r="H128" s="277"/>
      <c r="I128" s="277"/>
      <c r="J128" s="277"/>
      <c r="K128" s="277"/>
    </row>
    <row r="129" spans="3:11" x14ac:dyDescent="0.2">
      <c r="C129" s="277"/>
      <c r="D129" s="277"/>
      <c r="E129" s="277"/>
      <c r="F129" s="277"/>
      <c r="G129" s="277"/>
      <c r="H129" s="277"/>
      <c r="I129" s="277"/>
      <c r="J129" s="277"/>
      <c r="K129" s="277"/>
    </row>
    <row r="130" spans="3:11" x14ac:dyDescent="0.2">
      <c r="C130" s="277"/>
      <c r="D130" s="277"/>
      <c r="E130" s="277"/>
      <c r="F130" s="277"/>
      <c r="G130" s="277"/>
      <c r="H130" s="277"/>
      <c r="I130" s="277"/>
      <c r="J130" s="277"/>
      <c r="K130" s="277"/>
    </row>
    <row r="131" spans="3:11" x14ac:dyDescent="0.2">
      <c r="C131" s="277"/>
      <c r="D131" s="277"/>
      <c r="E131" s="277"/>
      <c r="F131" s="277"/>
      <c r="G131" s="277"/>
      <c r="H131" s="277"/>
      <c r="I131" s="277"/>
      <c r="J131" s="277"/>
      <c r="K131" s="277"/>
    </row>
    <row r="132" spans="3:11" x14ac:dyDescent="0.2">
      <c r="C132" s="277"/>
      <c r="D132" s="277"/>
      <c r="E132" s="277"/>
      <c r="F132" s="277"/>
      <c r="G132" s="277"/>
      <c r="H132" s="277"/>
      <c r="I132" s="277"/>
      <c r="J132" s="277"/>
      <c r="K132" s="277"/>
    </row>
    <row r="133" spans="3:11" x14ac:dyDescent="0.2">
      <c r="C133" s="277"/>
      <c r="D133" s="277"/>
      <c r="E133" s="277"/>
      <c r="F133" s="277"/>
      <c r="G133" s="277"/>
      <c r="H133" s="277"/>
      <c r="I133" s="277"/>
      <c r="J133" s="277"/>
      <c r="K133" s="277"/>
    </row>
    <row r="134" spans="3:11" x14ac:dyDescent="0.2">
      <c r="C134" s="277"/>
      <c r="D134" s="277"/>
      <c r="E134" s="277"/>
      <c r="F134" s="277"/>
      <c r="G134" s="277"/>
      <c r="H134" s="277"/>
      <c r="I134" s="277"/>
      <c r="J134" s="277"/>
      <c r="K134" s="277"/>
    </row>
    <row r="135" spans="3:11" x14ac:dyDescent="0.2">
      <c r="C135" s="277"/>
      <c r="D135" s="277"/>
      <c r="E135" s="277"/>
      <c r="F135" s="277"/>
      <c r="G135" s="277"/>
      <c r="H135" s="277"/>
      <c r="I135" s="277"/>
      <c r="J135" s="277"/>
      <c r="K135" s="277"/>
    </row>
    <row r="136" spans="3:11" x14ac:dyDescent="0.2">
      <c r="C136" s="277"/>
      <c r="D136" s="277"/>
      <c r="E136" s="277"/>
      <c r="F136" s="277"/>
      <c r="G136" s="277"/>
      <c r="H136" s="277"/>
      <c r="I136" s="277"/>
      <c r="J136" s="277"/>
      <c r="K136" s="277"/>
    </row>
    <row r="137" spans="3:11" x14ac:dyDescent="0.2">
      <c r="C137" s="277"/>
      <c r="D137" s="277"/>
      <c r="E137" s="277"/>
      <c r="F137" s="277"/>
      <c r="G137" s="277"/>
      <c r="H137" s="277"/>
      <c r="I137" s="277"/>
      <c r="J137" s="277"/>
      <c r="K137" s="277"/>
    </row>
    <row r="138" spans="3:11" x14ac:dyDescent="0.2">
      <c r="C138" s="277"/>
      <c r="D138" s="277"/>
      <c r="E138" s="277"/>
      <c r="F138" s="277"/>
      <c r="G138" s="277"/>
      <c r="H138" s="277"/>
      <c r="I138" s="277"/>
      <c r="J138" s="277"/>
      <c r="K138" s="277"/>
    </row>
    <row r="139" spans="3:11" x14ac:dyDescent="0.2">
      <c r="C139" s="277"/>
      <c r="D139" s="277"/>
      <c r="E139" s="277"/>
      <c r="F139" s="277"/>
      <c r="G139" s="277"/>
      <c r="H139" s="277"/>
      <c r="I139" s="277"/>
      <c r="J139" s="277"/>
      <c r="K139" s="277"/>
    </row>
    <row r="140" spans="3:11" x14ac:dyDescent="0.2">
      <c r="C140" s="277"/>
      <c r="D140" s="277"/>
      <c r="E140" s="277"/>
      <c r="F140" s="277"/>
      <c r="G140" s="277"/>
      <c r="H140" s="277"/>
      <c r="I140" s="277"/>
      <c r="J140" s="277"/>
      <c r="K140" s="277"/>
    </row>
    <row r="141" spans="3:11" x14ac:dyDescent="0.2">
      <c r="C141" s="277"/>
      <c r="D141" s="277"/>
      <c r="E141" s="277"/>
      <c r="F141" s="277"/>
      <c r="G141" s="277"/>
      <c r="H141" s="277"/>
      <c r="I141" s="277"/>
      <c r="J141" s="277"/>
      <c r="K141" s="277"/>
    </row>
    <row r="142" spans="3:11" x14ac:dyDescent="0.2">
      <c r="C142" s="277"/>
      <c r="D142" s="277"/>
      <c r="E142" s="277"/>
      <c r="F142" s="277"/>
      <c r="G142" s="277"/>
      <c r="H142" s="277"/>
      <c r="I142" s="277"/>
      <c r="J142" s="277"/>
      <c r="K142" s="277"/>
    </row>
    <row r="143" spans="3:11" x14ac:dyDescent="0.2">
      <c r="C143" s="277"/>
      <c r="D143" s="277"/>
      <c r="E143" s="277"/>
      <c r="F143" s="277"/>
      <c r="G143" s="277"/>
      <c r="H143" s="277"/>
      <c r="I143" s="277"/>
      <c r="J143" s="277"/>
      <c r="K143" s="277"/>
    </row>
    <row r="144" spans="3:11" x14ac:dyDescent="0.2">
      <c r="C144" s="277"/>
      <c r="D144" s="277"/>
      <c r="E144" s="277"/>
      <c r="F144" s="277"/>
      <c r="G144" s="277"/>
      <c r="H144" s="277"/>
      <c r="I144" s="277"/>
      <c r="J144" s="277"/>
      <c r="K144" s="277"/>
    </row>
    <row r="145" spans="3:11" x14ac:dyDescent="0.2">
      <c r="C145" s="277"/>
      <c r="D145" s="277"/>
      <c r="E145" s="277"/>
      <c r="F145" s="277"/>
      <c r="G145" s="277"/>
      <c r="H145" s="277"/>
      <c r="I145" s="277"/>
      <c r="J145" s="277"/>
      <c r="K145" s="277"/>
    </row>
    <row r="146" spans="3:11" x14ac:dyDescent="0.2">
      <c r="C146" s="277"/>
      <c r="D146" s="277"/>
      <c r="E146" s="277"/>
      <c r="F146" s="277"/>
      <c r="G146" s="277"/>
      <c r="H146" s="277"/>
      <c r="I146" s="277"/>
      <c r="J146" s="277"/>
      <c r="K146" s="277"/>
    </row>
    <row r="147" spans="3:11" x14ac:dyDescent="0.2">
      <c r="C147" s="277"/>
      <c r="D147" s="277"/>
      <c r="E147" s="277"/>
      <c r="F147" s="277"/>
      <c r="G147" s="277"/>
      <c r="H147" s="277"/>
      <c r="I147" s="277"/>
      <c r="J147" s="277"/>
      <c r="K147" s="277"/>
    </row>
    <row r="148" spans="3:11" x14ac:dyDescent="0.2">
      <c r="C148" s="277"/>
      <c r="D148" s="277"/>
      <c r="E148" s="277"/>
      <c r="F148" s="277"/>
      <c r="G148" s="277"/>
      <c r="H148" s="277"/>
      <c r="I148" s="277"/>
      <c r="J148" s="277"/>
      <c r="K148" s="277"/>
    </row>
    <row r="149" spans="3:11" x14ac:dyDescent="0.2">
      <c r="C149" s="277"/>
      <c r="D149" s="277"/>
      <c r="E149" s="277"/>
      <c r="F149" s="277"/>
      <c r="G149" s="277"/>
      <c r="H149" s="277"/>
      <c r="I149" s="277"/>
      <c r="J149" s="277"/>
      <c r="K149" s="277"/>
    </row>
    <row r="150" spans="3:11" x14ac:dyDescent="0.2">
      <c r="C150" s="277"/>
      <c r="D150" s="277"/>
      <c r="E150" s="277"/>
      <c r="F150" s="277"/>
      <c r="G150" s="277"/>
      <c r="H150" s="277"/>
      <c r="I150" s="277"/>
      <c r="J150" s="277"/>
      <c r="K150" s="277"/>
    </row>
    <row r="151" spans="3:11" x14ac:dyDescent="0.2">
      <c r="C151" s="277"/>
      <c r="D151" s="277"/>
      <c r="E151" s="277"/>
      <c r="F151" s="277"/>
      <c r="G151" s="277"/>
      <c r="H151" s="277"/>
      <c r="I151" s="277"/>
      <c r="J151" s="277"/>
      <c r="K151" s="277"/>
    </row>
    <row r="152" spans="3:11" x14ac:dyDescent="0.2">
      <c r="C152" s="277"/>
      <c r="D152" s="277"/>
      <c r="E152" s="277"/>
      <c r="F152" s="277"/>
      <c r="G152" s="277"/>
      <c r="H152" s="277"/>
      <c r="I152" s="277"/>
      <c r="J152" s="277"/>
      <c r="K152" s="277"/>
    </row>
    <row r="153" spans="3:11" x14ac:dyDescent="0.2">
      <c r="C153" s="277"/>
      <c r="D153" s="277"/>
      <c r="E153" s="277"/>
      <c r="F153" s="277"/>
      <c r="G153" s="277"/>
      <c r="H153" s="277"/>
      <c r="I153" s="277"/>
      <c r="J153" s="277"/>
      <c r="K153" s="277"/>
    </row>
    <row r="154" spans="3:11" x14ac:dyDescent="0.2">
      <c r="C154" s="277"/>
      <c r="D154" s="277"/>
      <c r="E154" s="277"/>
      <c r="F154" s="277"/>
      <c r="G154" s="277"/>
      <c r="H154" s="277"/>
      <c r="I154" s="277"/>
      <c r="J154" s="277"/>
      <c r="K154" s="277"/>
    </row>
    <row r="155" spans="3:11" x14ac:dyDescent="0.2">
      <c r="C155" s="277"/>
      <c r="D155" s="277"/>
      <c r="E155" s="277"/>
      <c r="F155" s="277"/>
      <c r="G155" s="277"/>
      <c r="H155" s="277"/>
      <c r="I155" s="277"/>
      <c r="J155" s="277"/>
      <c r="K155" s="277"/>
    </row>
    <row r="156" spans="3:11" x14ac:dyDescent="0.2">
      <c r="C156" s="277"/>
      <c r="D156" s="277"/>
      <c r="E156" s="277"/>
      <c r="F156" s="277"/>
      <c r="G156" s="277"/>
      <c r="H156" s="277"/>
      <c r="I156" s="277"/>
      <c r="J156" s="277"/>
      <c r="K156" s="277"/>
    </row>
    <row r="157" spans="3:11" x14ac:dyDescent="0.2">
      <c r="C157" s="277"/>
      <c r="D157" s="277"/>
      <c r="E157" s="277"/>
      <c r="F157" s="277"/>
      <c r="G157" s="277"/>
      <c r="H157" s="277"/>
      <c r="I157" s="277"/>
      <c r="J157" s="277"/>
      <c r="K157" s="277"/>
    </row>
    <row r="158" spans="3:11" x14ac:dyDescent="0.2">
      <c r="C158" s="277"/>
      <c r="D158" s="277"/>
      <c r="E158" s="277"/>
      <c r="F158" s="277"/>
      <c r="G158" s="277"/>
      <c r="H158" s="277"/>
      <c r="I158" s="277"/>
      <c r="J158" s="277"/>
      <c r="K158" s="277"/>
    </row>
    <row r="159" spans="3:11" x14ac:dyDescent="0.2">
      <c r="C159" s="277"/>
      <c r="D159" s="277"/>
      <c r="E159" s="277"/>
      <c r="F159" s="277"/>
      <c r="G159" s="277"/>
      <c r="H159" s="277"/>
      <c r="I159" s="277"/>
      <c r="J159" s="277"/>
      <c r="K159" s="277"/>
    </row>
    <row r="160" spans="3:11" x14ac:dyDescent="0.2">
      <c r="C160" s="277"/>
      <c r="D160" s="277"/>
      <c r="E160" s="277"/>
      <c r="F160" s="277"/>
      <c r="G160" s="277"/>
      <c r="H160" s="277"/>
      <c r="I160" s="277"/>
      <c r="J160" s="277"/>
      <c r="K160" s="277"/>
    </row>
    <row r="161" spans="3:11" x14ac:dyDescent="0.2">
      <c r="C161" s="277"/>
      <c r="D161" s="277"/>
      <c r="E161" s="277"/>
      <c r="F161" s="277"/>
      <c r="G161" s="277"/>
      <c r="H161" s="277"/>
      <c r="I161" s="277"/>
      <c r="J161" s="277"/>
      <c r="K161" s="277"/>
    </row>
    <row r="162" spans="3:11" x14ac:dyDescent="0.2">
      <c r="C162" s="277"/>
      <c r="D162" s="277"/>
      <c r="E162" s="277"/>
      <c r="F162" s="277"/>
      <c r="G162" s="277"/>
      <c r="H162" s="277"/>
      <c r="I162" s="277"/>
      <c r="J162" s="277"/>
      <c r="K162" s="277"/>
    </row>
    <row r="163" spans="3:11" x14ac:dyDescent="0.2">
      <c r="C163" s="277"/>
      <c r="D163" s="277"/>
      <c r="E163" s="277"/>
      <c r="F163" s="277"/>
      <c r="G163" s="277"/>
      <c r="H163" s="277"/>
      <c r="I163" s="277"/>
      <c r="J163" s="277"/>
      <c r="K163" s="277"/>
    </row>
    <row r="164" spans="3:11" x14ac:dyDescent="0.2">
      <c r="C164" s="277"/>
      <c r="D164" s="277"/>
      <c r="E164" s="277"/>
      <c r="F164" s="277"/>
      <c r="G164" s="277"/>
      <c r="H164" s="277"/>
      <c r="I164" s="277"/>
      <c r="J164" s="277"/>
      <c r="K164" s="277"/>
    </row>
    <row r="165" spans="3:11" x14ac:dyDescent="0.2">
      <c r="C165" s="277"/>
      <c r="D165" s="277"/>
      <c r="E165" s="277"/>
      <c r="F165" s="277"/>
      <c r="G165" s="277"/>
      <c r="H165" s="277"/>
      <c r="I165" s="277"/>
      <c r="J165" s="277"/>
      <c r="K165" s="277"/>
    </row>
    <row r="166" spans="3:11" x14ac:dyDescent="0.2">
      <c r="C166" s="277"/>
      <c r="D166" s="277"/>
      <c r="E166" s="277"/>
      <c r="F166" s="277"/>
      <c r="G166" s="277"/>
      <c r="H166" s="277"/>
      <c r="I166" s="277"/>
      <c r="J166" s="277"/>
      <c r="K166" s="277"/>
    </row>
    <row r="167" spans="3:11" x14ac:dyDescent="0.2">
      <c r="C167" s="277"/>
      <c r="D167" s="277"/>
      <c r="E167" s="277"/>
      <c r="F167" s="277"/>
      <c r="G167" s="277"/>
      <c r="H167" s="277"/>
      <c r="I167" s="277"/>
      <c r="J167" s="277"/>
      <c r="K167" s="277"/>
    </row>
    <row r="168" spans="3:11" x14ac:dyDescent="0.2">
      <c r="C168" s="277"/>
      <c r="D168" s="277"/>
      <c r="E168" s="277"/>
      <c r="F168" s="277"/>
      <c r="G168" s="277"/>
      <c r="H168" s="277"/>
      <c r="I168" s="277"/>
      <c r="J168" s="277"/>
      <c r="K168" s="277"/>
    </row>
    <row r="169" spans="3:11" x14ac:dyDescent="0.2">
      <c r="C169" s="277"/>
      <c r="D169" s="277"/>
      <c r="E169" s="277"/>
      <c r="F169" s="277"/>
      <c r="G169" s="277"/>
      <c r="H169" s="277"/>
      <c r="I169" s="277"/>
      <c r="J169" s="277"/>
      <c r="K169" s="277"/>
    </row>
    <row r="170" spans="3:11" x14ac:dyDescent="0.2">
      <c r="C170" s="277"/>
      <c r="D170" s="277"/>
      <c r="E170" s="277"/>
      <c r="F170" s="277"/>
      <c r="G170" s="277"/>
      <c r="H170" s="277"/>
      <c r="I170" s="277"/>
      <c r="J170" s="277"/>
      <c r="K170" s="277"/>
    </row>
    <row r="171" spans="3:11" x14ac:dyDescent="0.2">
      <c r="C171" s="277"/>
      <c r="D171" s="277"/>
      <c r="E171" s="277"/>
      <c r="F171" s="277"/>
      <c r="G171" s="277"/>
      <c r="H171" s="277"/>
      <c r="I171" s="277"/>
      <c r="J171" s="277"/>
      <c r="K171" s="277"/>
    </row>
    <row r="172" spans="3:11" x14ac:dyDescent="0.2">
      <c r="C172" s="277"/>
      <c r="D172" s="277"/>
      <c r="E172" s="277"/>
      <c r="F172" s="277"/>
      <c r="G172" s="277"/>
      <c r="H172" s="277"/>
      <c r="I172" s="277"/>
      <c r="J172" s="277"/>
      <c r="K172" s="277"/>
    </row>
    <row r="173" spans="3:11" x14ac:dyDescent="0.2">
      <c r="C173" s="277"/>
      <c r="D173" s="277"/>
      <c r="E173" s="277"/>
      <c r="F173" s="277"/>
      <c r="G173" s="277"/>
      <c r="H173" s="277"/>
      <c r="I173" s="277"/>
      <c r="J173" s="277"/>
      <c r="K173" s="277"/>
    </row>
    <row r="174" spans="3:11" x14ac:dyDescent="0.2">
      <c r="C174" s="277"/>
      <c r="D174" s="277"/>
      <c r="E174" s="277"/>
      <c r="F174" s="277"/>
      <c r="G174" s="277"/>
      <c r="H174" s="277"/>
      <c r="I174" s="277"/>
      <c r="J174" s="277"/>
      <c r="K174" s="277"/>
    </row>
    <row r="175" spans="3:11" x14ac:dyDescent="0.2">
      <c r="C175" s="277"/>
      <c r="D175" s="277"/>
      <c r="E175" s="277"/>
      <c r="F175" s="277"/>
      <c r="G175" s="277"/>
      <c r="H175" s="277"/>
      <c r="I175" s="277"/>
      <c r="J175" s="277"/>
      <c r="K175" s="277"/>
    </row>
    <row r="176" spans="3:11" x14ac:dyDescent="0.2">
      <c r="C176" s="277"/>
      <c r="D176" s="277"/>
      <c r="E176" s="277"/>
      <c r="F176" s="277"/>
      <c r="G176" s="277"/>
      <c r="H176" s="277"/>
      <c r="I176" s="277"/>
      <c r="J176" s="277"/>
      <c r="K176" s="277"/>
    </row>
    <row r="177" spans="3:11" x14ac:dyDescent="0.2">
      <c r="C177" s="277"/>
      <c r="D177" s="277"/>
      <c r="E177" s="277"/>
      <c r="F177" s="277"/>
      <c r="G177" s="277"/>
      <c r="H177" s="277"/>
      <c r="I177" s="277"/>
      <c r="J177" s="277"/>
      <c r="K177" s="277"/>
    </row>
    <row r="178" spans="3:11" x14ac:dyDescent="0.2">
      <c r="C178" s="277"/>
      <c r="D178" s="277"/>
      <c r="E178" s="277"/>
      <c r="F178" s="277"/>
      <c r="G178" s="277"/>
      <c r="H178" s="277"/>
      <c r="I178" s="277"/>
      <c r="J178" s="277"/>
      <c r="K178" s="277"/>
    </row>
    <row r="179" spans="3:11" x14ac:dyDescent="0.2">
      <c r="C179" s="277"/>
      <c r="D179" s="277"/>
      <c r="E179" s="277"/>
      <c r="F179" s="277"/>
      <c r="G179" s="277"/>
      <c r="H179" s="277"/>
      <c r="I179" s="277"/>
      <c r="J179" s="277"/>
      <c r="K179" s="277"/>
    </row>
    <row r="180" spans="3:11" x14ac:dyDescent="0.2">
      <c r="C180" s="277"/>
      <c r="D180" s="277"/>
      <c r="E180" s="277"/>
      <c r="F180" s="277"/>
      <c r="G180" s="277"/>
      <c r="H180" s="277"/>
      <c r="I180" s="277"/>
      <c r="J180" s="277"/>
      <c r="K180" s="277"/>
    </row>
    <row r="181" spans="3:11" x14ac:dyDescent="0.2">
      <c r="C181" s="277"/>
      <c r="D181" s="277"/>
      <c r="E181" s="277"/>
      <c r="F181" s="277"/>
      <c r="G181" s="277"/>
      <c r="H181" s="277"/>
      <c r="I181" s="277"/>
      <c r="J181" s="277"/>
      <c r="K181" s="277"/>
    </row>
    <row r="182" spans="3:11" x14ac:dyDescent="0.2">
      <c r="C182" s="277"/>
      <c r="D182" s="277"/>
      <c r="E182" s="277"/>
      <c r="F182" s="277"/>
      <c r="G182" s="277"/>
      <c r="H182" s="277"/>
      <c r="I182" s="277"/>
      <c r="J182" s="277"/>
      <c r="K182" s="277"/>
    </row>
    <row r="183" spans="3:11" x14ac:dyDescent="0.2">
      <c r="C183" s="277"/>
      <c r="D183" s="277"/>
      <c r="E183" s="277"/>
      <c r="F183" s="277"/>
      <c r="G183" s="277"/>
      <c r="H183" s="277"/>
      <c r="I183" s="277"/>
      <c r="J183" s="277"/>
      <c r="K183" s="277"/>
    </row>
    <row r="184" spans="3:11" x14ac:dyDescent="0.2">
      <c r="C184" s="277"/>
      <c r="D184" s="277"/>
      <c r="E184" s="277"/>
      <c r="F184" s="277"/>
      <c r="G184" s="277"/>
      <c r="H184" s="277"/>
      <c r="I184" s="277"/>
      <c r="J184" s="277"/>
      <c r="K184" s="277"/>
    </row>
    <row r="185" spans="3:11" x14ac:dyDescent="0.2">
      <c r="C185" s="277"/>
      <c r="D185" s="277"/>
      <c r="E185" s="277"/>
      <c r="F185" s="277"/>
      <c r="G185" s="277"/>
      <c r="H185" s="277"/>
      <c r="I185" s="277"/>
      <c r="J185" s="277"/>
      <c r="K185" s="277"/>
    </row>
    <row r="186" spans="3:11" x14ac:dyDescent="0.2">
      <c r="C186" s="277"/>
      <c r="D186" s="277"/>
      <c r="E186" s="277"/>
      <c r="F186" s="277"/>
      <c r="G186" s="277"/>
      <c r="H186" s="277"/>
      <c r="I186" s="277"/>
      <c r="J186" s="277"/>
      <c r="K186" s="277"/>
    </row>
    <row r="187" spans="3:11" x14ac:dyDescent="0.2">
      <c r="C187" s="277"/>
      <c r="D187" s="277"/>
      <c r="E187" s="277"/>
      <c r="F187" s="277"/>
      <c r="G187" s="277"/>
      <c r="H187" s="277"/>
      <c r="I187" s="277"/>
      <c r="J187" s="277"/>
      <c r="K187" s="277"/>
    </row>
    <row r="188" spans="3:11" x14ac:dyDescent="0.2">
      <c r="C188" s="277"/>
      <c r="D188" s="277"/>
      <c r="E188" s="277"/>
      <c r="F188" s="277"/>
      <c r="G188" s="277"/>
      <c r="H188" s="277"/>
      <c r="I188" s="277"/>
      <c r="J188" s="277"/>
      <c r="K188" s="277"/>
    </row>
    <row r="189" spans="3:11" x14ac:dyDescent="0.2">
      <c r="C189" s="277"/>
      <c r="D189" s="277"/>
      <c r="E189" s="277"/>
      <c r="F189" s="277"/>
      <c r="G189" s="277"/>
      <c r="H189" s="277"/>
      <c r="I189" s="277"/>
      <c r="J189" s="277"/>
      <c r="K189" s="277"/>
    </row>
    <row r="190" spans="3:11" x14ac:dyDescent="0.2">
      <c r="C190" s="277"/>
      <c r="D190" s="277"/>
      <c r="E190" s="277"/>
      <c r="F190" s="277"/>
      <c r="G190" s="277"/>
      <c r="H190" s="277"/>
      <c r="I190" s="277"/>
      <c r="J190" s="277"/>
      <c r="K190" s="277"/>
    </row>
    <row r="191" spans="3:11" x14ac:dyDescent="0.2">
      <c r="C191" s="277"/>
      <c r="D191" s="277"/>
      <c r="E191" s="277"/>
      <c r="F191" s="277"/>
      <c r="G191" s="277"/>
      <c r="H191" s="277"/>
      <c r="I191" s="277"/>
      <c r="J191" s="277"/>
      <c r="K191" s="277"/>
    </row>
    <row r="192" spans="3:11" x14ac:dyDescent="0.2">
      <c r="C192" s="277"/>
      <c r="D192" s="277"/>
      <c r="E192" s="277"/>
      <c r="F192" s="277"/>
      <c r="G192" s="277"/>
      <c r="H192" s="277"/>
      <c r="I192" s="277"/>
      <c r="J192" s="277"/>
      <c r="K192" s="277"/>
    </row>
    <row r="193" spans="3:11" x14ac:dyDescent="0.2">
      <c r="C193" s="277"/>
      <c r="D193" s="277"/>
      <c r="E193" s="277"/>
      <c r="F193" s="277"/>
      <c r="G193" s="277"/>
      <c r="H193" s="277"/>
      <c r="I193" s="277"/>
      <c r="J193" s="277"/>
      <c r="K193" s="277"/>
    </row>
    <row r="194" spans="3:11" x14ac:dyDescent="0.2">
      <c r="C194" s="277"/>
      <c r="D194" s="277"/>
      <c r="E194" s="277"/>
      <c r="F194" s="277"/>
      <c r="G194" s="277"/>
      <c r="H194" s="277"/>
      <c r="I194" s="277"/>
      <c r="J194" s="277"/>
      <c r="K194" s="277"/>
    </row>
    <row r="195" spans="3:11" x14ac:dyDescent="0.2">
      <c r="C195" s="277"/>
      <c r="D195" s="277"/>
      <c r="E195" s="277"/>
      <c r="F195" s="277"/>
      <c r="G195" s="277"/>
      <c r="H195" s="277"/>
      <c r="I195" s="277"/>
      <c r="J195" s="277"/>
      <c r="K195" s="277"/>
    </row>
    <row r="196" spans="3:11" x14ac:dyDescent="0.2">
      <c r="C196" s="277"/>
      <c r="D196" s="277"/>
      <c r="E196" s="277"/>
      <c r="F196" s="277"/>
      <c r="G196" s="277"/>
      <c r="H196" s="277"/>
      <c r="I196" s="277"/>
      <c r="J196" s="277"/>
      <c r="K196" s="277"/>
    </row>
    <row r="197" spans="3:11" x14ac:dyDescent="0.2">
      <c r="C197" s="277"/>
      <c r="D197" s="277"/>
      <c r="E197" s="277"/>
      <c r="F197" s="277"/>
      <c r="G197" s="277"/>
      <c r="H197" s="277"/>
      <c r="I197" s="277"/>
      <c r="J197" s="277"/>
      <c r="K197" s="277"/>
    </row>
    <row r="198" spans="3:11" x14ac:dyDescent="0.2">
      <c r="C198" s="277"/>
      <c r="D198" s="277"/>
      <c r="E198" s="277"/>
      <c r="F198" s="277"/>
      <c r="G198" s="277"/>
      <c r="H198" s="277"/>
      <c r="I198" s="277"/>
      <c r="J198" s="277"/>
      <c r="K198" s="277"/>
    </row>
    <row r="199" spans="3:11" x14ac:dyDescent="0.2">
      <c r="C199" s="277"/>
      <c r="D199" s="277"/>
      <c r="E199" s="277"/>
      <c r="F199" s="277"/>
      <c r="G199" s="277"/>
      <c r="H199" s="277"/>
      <c r="I199" s="277"/>
      <c r="J199" s="277"/>
      <c r="K199" s="277"/>
    </row>
    <row r="200" spans="3:11" x14ac:dyDescent="0.2">
      <c r="C200" s="277"/>
      <c r="D200" s="277"/>
      <c r="E200" s="277"/>
      <c r="F200" s="277"/>
      <c r="G200" s="277"/>
      <c r="H200" s="277"/>
      <c r="I200" s="277"/>
      <c r="J200" s="277"/>
      <c r="K200" s="277"/>
    </row>
    <row r="201" spans="3:11" x14ac:dyDescent="0.2">
      <c r="C201" s="277"/>
      <c r="D201" s="277"/>
      <c r="E201" s="277"/>
      <c r="F201" s="277"/>
      <c r="G201" s="277"/>
      <c r="H201" s="277"/>
      <c r="I201" s="277"/>
      <c r="J201" s="277"/>
      <c r="K201" s="277"/>
    </row>
    <row r="202" spans="3:11" x14ac:dyDescent="0.2">
      <c r="C202" s="277"/>
      <c r="D202" s="277"/>
      <c r="E202" s="277"/>
      <c r="F202" s="277"/>
      <c r="G202" s="277"/>
      <c r="H202" s="277"/>
      <c r="I202" s="277"/>
      <c r="J202" s="277"/>
      <c r="K202" s="277"/>
    </row>
    <row r="203" spans="3:11" x14ac:dyDescent="0.2">
      <c r="C203" s="277"/>
      <c r="D203" s="277"/>
      <c r="E203" s="277"/>
      <c r="F203" s="277"/>
      <c r="G203" s="277"/>
      <c r="H203" s="277"/>
      <c r="I203" s="277"/>
      <c r="J203" s="277"/>
      <c r="K203" s="277"/>
    </row>
    <row r="204" spans="3:11" x14ac:dyDescent="0.2">
      <c r="C204" s="277"/>
      <c r="D204" s="277"/>
      <c r="E204" s="277"/>
      <c r="F204" s="277"/>
      <c r="G204" s="277"/>
      <c r="H204" s="277"/>
      <c r="I204" s="277"/>
      <c r="J204" s="277"/>
      <c r="K204" s="277"/>
    </row>
    <row r="205" spans="3:11" x14ac:dyDescent="0.2">
      <c r="C205" s="277"/>
      <c r="D205" s="277"/>
      <c r="E205" s="277"/>
      <c r="F205" s="277"/>
      <c r="G205" s="277"/>
      <c r="H205" s="277"/>
      <c r="I205" s="277"/>
      <c r="J205" s="277"/>
      <c r="K205" s="277"/>
    </row>
    <row r="206" spans="3:11" x14ac:dyDescent="0.2">
      <c r="C206" s="277"/>
      <c r="D206" s="277"/>
      <c r="E206" s="277"/>
      <c r="F206" s="277"/>
      <c r="G206" s="277"/>
      <c r="H206" s="277"/>
      <c r="I206" s="277"/>
      <c r="J206" s="277"/>
      <c r="K206" s="277"/>
    </row>
    <row r="207" spans="3:11" x14ac:dyDescent="0.2">
      <c r="C207" s="277"/>
      <c r="D207" s="277"/>
      <c r="E207" s="277"/>
      <c r="F207" s="277"/>
      <c r="G207" s="277"/>
      <c r="H207" s="277"/>
      <c r="I207" s="277"/>
      <c r="J207" s="277"/>
      <c r="K207" s="277"/>
    </row>
    <row r="208" spans="3:11" x14ac:dyDescent="0.2">
      <c r="C208" s="277"/>
      <c r="D208" s="277"/>
      <c r="E208" s="277"/>
      <c r="F208" s="277"/>
      <c r="G208" s="277"/>
      <c r="H208" s="277"/>
      <c r="I208" s="277"/>
      <c r="J208" s="277"/>
      <c r="K208" s="277"/>
    </row>
    <row r="209" spans="3:11" x14ac:dyDescent="0.2">
      <c r="C209" s="277"/>
      <c r="D209" s="277"/>
      <c r="E209" s="277"/>
      <c r="F209" s="277"/>
      <c r="G209" s="277"/>
      <c r="H209" s="277"/>
      <c r="I209" s="277"/>
      <c r="J209" s="277"/>
      <c r="K209" s="277"/>
    </row>
    <row r="210" spans="3:11" x14ac:dyDescent="0.2">
      <c r="C210" s="277"/>
      <c r="D210" s="277"/>
      <c r="E210" s="277"/>
      <c r="F210" s="277"/>
      <c r="G210" s="277"/>
      <c r="H210" s="277"/>
      <c r="I210" s="277"/>
      <c r="J210" s="277"/>
      <c r="K210" s="277"/>
    </row>
    <row r="211" spans="3:11" x14ac:dyDescent="0.2">
      <c r="C211" s="277"/>
      <c r="D211" s="277"/>
      <c r="E211" s="277"/>
      <c r="F211" s="277"/>
      <c r="G211" s="277"/>
      <c r="H211" s="277"/>
      <c r="I211" s="277"/>
      <c r="J211" s="277"/>
      <c r="K211" s="277"/>
    </row>
    <row r="212" spans="3:11" x14ac:dyDescent="0.2">
      <c r="C212" s="277"/>
      <c r="D212" s="277"/>
      <c r="E212" s="277"/>
      <c r="F212" s="277"/>
      <c r="G212" s="277"/>
      <c r="H212" s="277"/>
      <c r="I212" s="277"/>
      <c r="J212" s="277"/>
      <c r="K212" s="277"/>
    </row>
    <row r="213" spans="3:11" x14ac:dyDescent="0.2">
      <c r="C213" s="277"/>
      <c r="D213" s="277"/>
      <c r="E213" s="277"/>
      <c r="F213" s="277"/>
      <c r="G213" s="277"/>
      <c r="H213" s="277"/>
      <c r="I213" s="277"/>
      <c r="J213" s="277"/>
      <c r="K213" s="277"/>
    </row>
    <row r="214" spans="3:11" x14ac:dyDescent="0.2">
      <c r="C214" s="277"/>
      <c r="D214" s="277"/>
      <c r="E214" s="277"/>
      <c r="F214" s="277"/>
      <c r="G214" s="277"/>
      <c r="H214" s="277"/>
      <c r="I214" s="277"/>
      <c r="J214" s="277"/>
      <c r="K214" s="277"/>
    </row>
    <row r="215" spans="3:11" x14ac:dyDescent="0.2">
      <c r="C215" s="277"/>
      <c r="D215" s="277"/>
      <c r="E215" s="277"/>
      <c r="F215" s="277"/>
      <c r="G215" s="277"/>
      <c r="H215" s="277"/>
      <c r="I215" s="277"/>
      <c r="J215" s="277"/>
      <c r="K215" s="277"/>
    </row>
    <row r="216" spans="3:11" x14ac:dyDescent="0.2">
      <c r="C216" s="277"/>
      <c r="D216" s="277"/>
      <c r="E216" s="277"/>
      <c r="F216" s="277"/>
      <c r="G216" s="277"/>
      <c r="H216" s="277"/>
      <c r="I216" s="277"/>
      <c r="J216" s="277"/>
      <c r="K216" s="277"/>
    </row>
    <row r="217" spans="3:11" x14ac:dyDescent="0.2">
      <c r="C217" s="277"/>
      <c r="D217" s="277"/>
      <c r="E217" s="277"/>
      <c r="F217" s="277"/>
      <c r="G217" s="277"/>
      <c r="H217" s="277"/>
      <c r="I217" s="277"/>
      <c r="J217" s="277"/>
      <c r="K217" s="277"/>
    </row>
    <row r="218" spans="3:11" x14ac:dyDescent="0.2">
      <c r="C218" s="277"/>
      <c r="D218" s="277"/>
      <c r="E218" s="277"/>
      <c r="F218" s="277"/>
      <c r="G218" s="277"/>
      <c r="H218" s="277"/>
      <c r="I218" s="277"/>
      <c r="J218" s="277"/>
      <c r="K218" s="277"/>
    </row>
    <row r="219" spans="3:11" x14ac:dyDescent="0.2">
      <c r="C219" s="277"/>
      <c r="D219" s="277"/>
      <c r="E219" s="277"/>
      <c r="F219" s="277"/>
      <c r="G219" s="277"/>
      <c r="H219" s="277"/>
      <c r="I219" s="277"/>
      <c r="J219" s="277"/>
      <c r="K219" s="277"/>
    </row>
    <row r="220" spans="3:11" x14ac:dyDescent="0.2">
      <c r="C220" s="277"/>
      <c r="D220" s="277"/>
      <c r="E220" s="277"/>
      <c r="F220" s="277"/>
      <c r="G220" s="277"/>
      <c r="H220" s="277"/>
      <c r="I220" s="277"/>
      <c r="J220" s="277"/>
      <c r="K220" s="277"/>
    </row>
    <row r="221" spans="3:11" x14ac:dyDescent="0.2">
      <c r="C221" s="277"/>
      <c r="D221" s="277"/>
      <c r="E221" s="277"/>
      <c r="F221" s="277"/>
      <c r="G221" s="277"/>
      <c r="H221" s="277"/>
      <c r="I221" s="277"/>
      <c r="J221" s="277"/>
      <c r="K221" s="277"/>
    </row>
    <row r="222" spans="3:11" x14ac:dyDescent="0.2">
      <c r="C222" s="277"/>
      <c r="D222" s="277"/>
      <c r="E222" s="277"/>
      <c r="F222" s="277"/>
      <c r="G222" s="277"/>
      <c r="H222" s="277"/>
      <c r="I222" s="277"/>
      <c r="J222" s="277"/>
      <c r="K222" s="277"/>
    </row>
    <row r="223" spans="3:11" x14ac:dyDescent="0.2">
      <c r="C223" s="277"/>
      <c r="D223" s="277"/>
      <c r="E223" s="277"/>
      <c r="F223" s="277"/>
      <c r="G223" s="277"/>
      <c r="H223" s="277"/>
      <c r="I223" s="277"/>
      <c r="J223" s="277"/>
      <c r="K223" s="277"/>
    </row>
    <row r="224" spans="3:11" x14ac:dyDescent="0.2">
      <c r="C224" s="277"/>
      <c r="D224" s="277"/>
      <c r="E224" s="277"/>
      <c r="F224" s="277"/>
      <c r="G224" s="277"/>
      <c r="H224" s="277"/>
      <c r="I224" s="277"/>
      <c r="J224" s="277"/>
      <c r="K224" s="277"/>
    </row>
    <row r="225" spans="3:11" x14ac:dyDescent="0.2">
      <c r="C225" s="277"/>
      <c r="D225" s="277"/>
      <c r="E225" s="277"/>
      <c r="F225" s="277"/>
      <c r="G225" s="277"/>
      <c r="H225" s="277"/>
      <c r="I225" s="277"/>
      <c r="J225" s="277"/>
      <c r="K225" s="277"/>
    </row>
    <row r="226" spans="3:11" x14ac:dyDescent="0.2">
      <c r="C226" s="277"/>
      <c r="D226" s="277"/>
      <c r="E226" s="277"/>
      <c r="F226" s="277"/>
      <c r="G226" s="277"/>
      <c r="H226" s="277"/>
      <c r="I226" s="277"/>
      <c r="J226" s="277"/>
      <c r="K226" s="277"/>
    </row>
    <row r="227" spans="3:11" x14ac:dyDescent="0.2">
      <c r="C227" s="277"/>
      <c r="D227" s="277"/>
      <c r="E227" s="277"/>
      <c r="F227" s="277"/>
      <c r="G227" s="277"/>
      <c r="H227" s="277"/>
      <c r="I227" s="277"/>
      <c r="J227" s="277"/>
      <c r="K227" s="277"/>
    </row>
    <row r="228" spans="3:11" x14ac:dyDescent="0.2">
      <c r="C228" s="277"/>
      <c r="D228" s="277"/>
      <c r="E228" s="277"/>
      <c r="F228" s="277"/>
      <c r="G228" s="277"/>
      <c r="H228" s="277"/>
      <c r="I228" s="277"/>
      <c r="J228" s="277"/>
      <c r="K228" s="277"/>
    </row>
    <row r="229" spans="3:11" x14ac:dyDescent="0.2">
      <c r="C229" s="277"/>
      <c r="D229" s="277"/>
      <c r="E229" s="277"/>
      <c r="F229" s="277"/>
      <c r="G229" s="277"/>
      <c r="H229" s="277"/>
      <c r="I229" s="277"/>
      <c r="J229" s="277"/>
      <c r="K229" s="277"/>
    </row>
    <row r="230" spans="3:11" x14ac:dyDescent="0.2">
      <c r="C230" s="277"/>
      <c r="D230" s="277"/>
      <c r="E230" s="277"/>
      <c r="F230" s="277"/>
      <c r="G230" s="277"/>
      <c r="H230" s="277"/>
      <c r="I230" s="277"/>
      <c r="J230" s="277"/>
      <c r="K230" s="277"/>
    </row>
    <row r="231" spans="3:11" x14ac:dyDescent="0.2">
      <c r="C231" s="277"/>
      <c r="D231" s="277"/>
      <c r="E231" s="277"/>
      <c r="F231" s="277"/>
      <c r="G231" s="277"/>
      <c r="H231" s="277"/>
      <c r="I231" s="277"/>
      <c r="J231" s="277"/>
      <c r="K231" s="277"/>
    </row>
    <row r="232" spans="3:11" x14ac:dyDescent="0.2">
      <c r="C232" s="277"/>
      <c r="D232" s="277"/>
      <c r="E232" s="277"/>
      <c r="F232" s="277"/>
      <c r="G232" s="277"/>
      <c r="H232" s="277"/>
      <c r="I232" s="277"/>
      <c r="J232" s="277"/>
      <c r="K232" s="277"/>
    </row>
    <row r="233" spans="3:11" x14ac:dyDescent="0.2">
      <c r="C233" s="277"/>
      <c r="D233" s="277"/>
      <c r="E233" s="277"/>
      <c r="F233" s="277"/>
      <c r="G233" s="277"/>
      <c r="H233" s="277"/>
      <c r="I233" s="277"/>
      <c r="J233" s="277"/>
      <c r="K233" s="277"/>
    </row>
    <row r="234" spans="3:11" x14ac:dyDescent="0.2">
      <c r="C234" s="277"/>
      <c r="D234" s="277"/>
      <c r="E234" s="277"/>
      <c r="F234" s="277"/>
      <c r="G234" s="277"/>
      <c r="H234" s="277"/>
      <c r="I234" s="277"/>
      <c r="J234" s="277"/>
      <c r="K234" s="277"/>
    </row>
    <row r="235" spans="3:11" x14ac:dyDescent="0.2">
      <c r="C235" s="277"/>
      <c r="D235" s="277"/>
      <c r="E235" s="277"/>
      <c r="F235" s="277"/>
      <c r="G235" s="277"/>
      <c r="H235" s="277"/>
      <c r="I235" s="277"/>
      <c r="J235" s="277"/>
      <c r="K235" s="277"/>
    </row>
    <row r="236" spans="3:11" x14ac:dyDescent="0.2">
      <c r="C236" s="277"/>
      <c r="D236" s="277"/>
      <c r="E236" s="277"/>
      <c r="F236" s="277"/>
      <c r="G236" s="277"/>
      <c r="H236" s="277"/>
      <c r="I236" s="277"/>
      <c r="J236" s="277"/>
      <c r="K236" s="277"/>
    </row>
    <row r="237" spans="3:11" x14ac:dyDescent="0.2">
      <c r="C237" s="277"/>
      <c r="D237" s="277"/>
      <c r="E237" s="277"/>
      <c r="F237" s="277"/>
      <c r="G237" s="277"/>
      <c r="H237" s="277"/>
      <c r="I237" s="277"/>
      <c r="J237" s="277"/>
      <c r="K237" s="277"/>
    </row>
    <row r="238" spans="3:11" x14ac:dyDescent="0.2">
      <c r="C238" s="277"/>
      <c r="D238" s="277"/>
      <c r="E238" s="277"/>
      <c r="F238" s="277"/>
      <c r="G238" s="277"/>
      <c r="H238" s="277"/>
      <c r="I238" s="277"/>
      <c r="J238" s="277"/>
      <c r="K238" s="277"/>
    </row>
    <row r="239" spans="3:11" x14ac:dyDescent="0.2">
      <c r="C239" s="277"/>
      <c r="D239" s="277"/>
      <c r="E239" s="277"/>
      <c r="F239" s="277"/>
      <c r="G239" s="277"/>
      <c r="H239" s="277"/>
      <c r="I239" s="277"/>
      <c r="J239" s="277"/>
      <c r="K239" s="277"/>
    </row>
    <row r="240" spans="3:11" x14ac:dyDescent="0.2">
      <c r="C240" s="277"/>
      <c r="D240" s="277"/>
      <c r="E240" s="277"/>
      <c r="F240" s="277"/>
      <c r="G240" s="277"/>
      <c r="H240" s="277"/>
      <c r="I240" s="277"/>
      <c r="J240" s="277"/>
      <c r="K240" s="277"/>
    </row>
    <row r="241" spans="3:11" x14ac:dyDescent="0.2">
      <c r="C241" s="277"/>
      <c r="D241" s="277"/>
      <c r="E241" s="277"/>
      <c r="F241" s="277"/>
      <c r="G241" s="277"/>
      <c r="H241" s="277"/>
      <c r="I241" s="277"/>
      <c r="J241" s="277"/>
      <c r="K241" s="277"/>
    </row>
    <row r="242" spans="3:11" x14ac:dyDescent="0.2">
      <c r="C242" s="277"/>
      <c r="D242" s="277"/>
      <c r="E242" s="277"/>
      <c r="F242" s="277"/>
      <c r="G242" s="277"/>
      <c r="H242" s="277"/>
      <c r="I242" s="277"/>
      <c r="J242" s="277"/>
      <c r="K242" s="277"/>
    </row>
    <row r="243" spans="3:11" x14ac:dyDescent="0.2">
      <c r="C243" s="277"/>
      <c r="D243" s="277"/>
      <c r="E243" s="277"/>
      <c r="F243" s="277"/>
      <c r="G243" s="277"/>
      <c r="H243" s="277"/>
      <c r="I243" s="277"/>
      <c r="J243" s="277"/>
      <c r="K243" s="277"/>
    </row>
    <row r="244" spans="3:11" x14ac:dyDescent="0.2">
      <c r="C244" s="277"/>
      <c r="D244" s="277"/>
      <c r="E244" s="277"/>
      <c r="F244" s="277"/>
      <c r="G244" s="277"/>
      <c r="H244" s="277"/>
      <c r="I244" s="277"/>
      <c r="J244" s="277"/>
      <c r="K244" s="277"/>
    </row>
    <row r="245" spans="3:11" x14ac:dyDescent="0.2">
      <c r="C245" s="277"/>
      <c r="D245" s="277"/>
      <c r="E245" s="277"/>
      <c r="F245" s="277"/>
      <c r="G245" s="277"/>
      <c r="H245" s="277"/>
      <c r="I245" s="277"/>
      <c r="J245" s="277"/>
      <c r="K245" s="277"/>
    </row>
    <row r="246" spans="3:11" x14ac:dyDescent="0.2">
      <c r="C246" s="277"/>
      <c r="D246" s="277"/>
      <c r="E246" s="277"/>
      <c r="F246" s="277"/>
      <c r="G246" s="277"/>
      <c r="H246" s="277"/>
      <c r="I246" s="277"/>
      <c r="J246" s="277"/>
      <c r="K246" s="277"/>
    </row>
    <row r="247" spans="3:11" x14ac:dyDescent="0.2">
      <c r="C247" s="277"/>
      <c r="D247" s="277"/>
      <c r="E247" s="277"/>
      <c r="F247" s="277"/>
      <c r="G247" s="277"/>
      <c r="H247" s="277"/>
      <c r="I247" s="277"/>
      <c r="J247" s="277"/>
      <c r="K247" s="277"/>
    </row>
    <row r="248" spans="3:11" x14ac:dyDescent="0.2">
      <c r="C248" s="277"/>
      <c r="D248" s="277"/>
      <c r="E248" s="277"/>
      <c r="F248" s="277"/>
      <c r="G248" s="277"/>
      <c r="H248" s="277"/>
      <c r="I248" s="277"/>
      <c r="J248" s="277"/>
      <c r="K248" s="277"/>
    </row>
    <row r="249" spans="3:11" x14ac:dyDescent="0.2">
      <c r="C249" s="277"/>
      <c r="D249" s="277"/>
      <c r="E249" s="277"/>
      <c r="F249" s="277"/>
      <c r="G249" s="277"/>
      <c r="H249" s="277"/>
      <c r="I249" s="277"/>
      <c r="J249" s="277"/>
      <c r="K249" s="277"/>
    </row>
    <row r="250" spans="3:11" x14ac:dyDescent="0.2">
      <c r="C250" s="277"/>
      <c r="D250" s="277"/>
      <c r="E250" s="277"/>
      <c r="F250" s="277"/>
      <c r="G250" s="277"/>
      <c r="H250" s="277"/>
      <c r="I250" s="277"/>
      <c r="J250" s="277"/>
      <c r="K250" s="277"/>
    </row>
    <row r="251" spans="3:11" x14ac:dyDescent="0.2">
      <c r="C251" s="277"/>
      <c r="D251" s="277"/>
      <c r="E251" s="277"/>
      <c r="F251" s="277"/>
      <c r="G251" s="277"/>
      <c r="H251" s="277"/>
      <c r="I251" s="277"/>
      <c r="J251" s="277"/>
      <c r="K251" s="277"/>
    </row>
    <row r="252" spans="3:11" x14ac:dyDescent="0.2">
      <c r="C252" s="277"/>
      <c r="D252" s="277"/>
      <c r="E252" s="277"/>
      <c r="F252" s="277"/>
      <c r="G252" s="277"/>
      <c r="H252" s="277"/>
      <c r="I252" s="277"/>
      <c r="J252" s="277"/>
      <c r="K252" s="277"/>
    </row>
    <row r="253" spans="3:11" x14ac:dyDescent="0.2">
      <c r="C253" s="277"/>
      <c r="D253" s="277"/>
      <c r="E253" s="277"/>
      <c r="F253" s="277"/>
      <c r="G253" s="277"/>
      <c r="H253" s="277"/>
      <c r="I253" s="277"/>
      <c r="J253" s="277"/>
      <c r="K253" s="277"/>
    </row>
    <row r="254" spans="3:11" x14ac:dyDescent="0.2">
      <c r="C254" s="277"/>
      <c r="D254" s="277"/>
      <c r="E254" s="277"/>
      <c r="F254" s="277"/>
      <c r="G254" s="277"/>
      <c r="H254" s="277"/>
      <c r="I254" s="277"/>
      <c r="J254" s="277"/>
      <c r="K254" s="277"/>
    </row>
    <row r="255" spans="3:11" x14ac:dyDescent="0.2">
      <c r="C255" s="277"/>
      <c r="D255" s="277"/>
      <c r="E255" s="277"/>
      <c r="F255" s="277"/>
      <c r="G255" s="277"/>
      <c r="H255" s="277"/>
      <c r="I255" s="277"/>
      <c r="J255" s="277"/>
      <c r="K255" s="277"/>
    </row>
    <row r="256" spans="3:11" x14ac:dyDescent="0.2">
      <c r="C256" s="277"/>
      <c r="D256" s="277"/>
      <c r="E256" s="277"/>
      <c r="F256" s="277"/>
      <c r="G256" s="277"/>
      <c r="H256" s="277"/>
      <c r="I256" s="277"/>
      <c r="J256" s="277"/>
      <c r="K256" s="277"/>
    </row>
    <row r="257" spans="3:11" x14ac:dyDescent="0.2">
      <c r="C257" s="277"/>
      <c r="D257" s="277"/>
      <c r="E257" s="277"/>
      <c r="F257" s="277"/>
      <c r="G257" s="277"/>
      <c r="H257" s="277"/>
      <c r="I257" s="277"/>
      <c r="J257" s="277"/>
      <c r="K257" s="277"/>
    </row>
    <row r="258" spans="3:11" x14ac:dyDescent="0.2">
      <c r="C258" s="277"/>
      <c r="D258" s="277"/>
      <c r="E258" s="277"/>
      <c r="F258" s="277"/>
      <c r="G258" s="277"/>
      <c r="H258" s="277"/>
      <c r="I258" s="277"/>
      <c r="J258" s="277"/>
      <c r="K258" s="277"/>
    </row>
    <row r="259" spans="3:11" x14ac:dyDescent="0.2">
      <c r="C259" s="277"/>
      <c r="D259" s="277"/>
      <c r="E259" s="277"/>
      <c r="F259" s="277"/>
      <c r="G259" s="277"/>
      <c r="H259" s="277"/>
      <c r="I259" s="277"/>
      <c r="J259" s="277"/>
      <c r="K259" s="277"/>
    </row>
    <row r="260" spans="3:11" x14ac:dyDescent="0.2">
      <c r="C260" s="277"/>
      <c r="D260" s="277"/>
      <c r="E260" s="277"/>
      <c r="F260" s="277"/>
      <c r="G260" s="277"/>
      <c r="H260" s="277"/>
      <c r="I260" s="277"/>
      <c r="J260" s="277"/>
      <c r="K260" s="277"/>
    </row>
    <row r="261" spans="3:11" x14ac:dyDescent="0.2">
      <c r="C261" s="277"/>
      <c r="D261" s="277"/>
      <c r="E261" s="277"/>
      <c r="F261" s="277"/>
      <c r="G261" s="277"/>
      <c r="H261" s="277"/>
      <c r="I261" s="277"/>
      <c r="J261" s="277"/>
      <c r="K261" s="277"/>
    </row>
    <row r="262" spans="3:11" x14ac:dyDescent="0.2">
      <c r="C262" s="277"/>
      <c r="D262" s="277"/>
      <c r="E262" s="277"/>
      <c r="F262" s="277"/>
      <c r="G262" s="277"/>
      <c r="H262" s="277"/>
      <c r="I262" s="277"/>
      <c r="J262" s="277"/>
      <c r="K262" s="277"/>
    </row>
    <row r="263" spans="3:11" x14ac:dyDescent="0.2">
      <c r="C263" s="277"/>
      <c r="D263" s="277"/>
      <c r="E263" s="277"/>
      <c r="F263" s="277"/>
      <c r="G263" s="277"/>
      <c r="H263" s="277"/>
      <c r="I263" s="277"/>
      <c r="J263" s="277"/>
      <c r="K263" s="277"/>
    </row>
    <row r="264" spans="3:11" x14ac:dyDescent="0.2">
      <c r="C264" s="277"/>
      <c r="D264" s="277"/>
      <c r="E264" s="277"/>
      <c r="F264" s="277"/>
      <c r="G264" s="277"/>
      <c r="H264" s="277"/>
      <c r="I264" s="277"/>
      <c r="J264" s="277"/>
      <c r="K264" s="277"/>
    </row>
    <row r="265" spans="3:11" x14ac:dyDescent="0.2">
      <c r="C265" s="277"/>
      <c r="D265" s="277"/>
      <c r="E265" s="277"/>
      <c r="F265" s="277"/>
      <c r="G265" s="277"/>
      <c r="H265" s="277"/>
      <c r="I265" s="277"/>
      <c r="J265" s="277"/>
      <c r="K265" s="277"/>
    </row>
    <row r="266" spans="3:11" x14ac:dyDescent="0.2">
      <c r="C266" s="277"/>
      <c r="D266" s="277"/>
      <c r="E266" s="277"/>
      <c r="F266" s="277"/>
      <c r="G266" s="277"/>
      <c r="H266" s="277"/>
      <c r="I266" s="277"/>
      <c r="J266" s="277"/>
      <c r="K266" s="277"/>
    </row>
    <row r="267" spans="3:11" x14ac:dyDescent="0.2">
      <c r="C267" s="277"/>
      <c r="D267" s="277"/>
      <c r="E267" s="277"/>
      <c r="F267" s="277"/>
      <c r="G267" s="277"/>
      <c r="H267" s="277"/>
      <c r="I267" s="277"/>
      <c r="J267" s="277"/>
      <c r="K267" s="277"/>
    </row>
    <row r="268" spans="3:11" x14ac:dyDescent="0.2">
      <c r="C268" s="277"/>
      <c r="D268" s="277"/>
      <c r="E268" s="277"/>
      <c r="F268" s="277"/>
      <c r="G268" s="277"/>
      <c r="H268" s="277"/>
      <c r="I268" s="277"/>
      <c r="J268" s="277"/>
      <c r="K268" s="277"/>
    </row>
    <row r="269" spans="3:11" x14ac:dyDescent="0.2">
      <c r="C269" s="277"/>
      <c r="D269" s="277"/>
      <c r="E269" s="277"/>
      <c r="F269" s="277"/>
      <c r="G269" s="277"/>
      <c r="H269" s="277"/>
      <c r="I269" s="277"/>
      <c r="J269" s="277"/>
      <c r="K269" s="277"/>
    </row>
    <row r="270" spans="3:11" x14ac:dyDescent="0.2">
      <c r="C270" s="277"/>
      <c r="D270" s="277"/>
      <c r="E270" s="277"/>
      <c r="F270" s="277"/>
      <c r="G270" s="277"/>
      <c r="H270" s="277"/>
      <c r="I270" s="277"/>
      <c r="J270" s="277"/>
      <c r="K270" s="277"/>
    </row>
    <row r="271" spans="3:11" x14ac:dyDescent="0.2">
      <c r="C271" s="277"/>
      <c r="D271" s="277"/>
      <c r="E271" s="277"/>
      <c r="F271" s="277"/>
      <c r="G271" s="277"/>
      <c r="H271" s="277"/>
      <c r="I271" s="277"/>
      <c r="J271" s="277"/>
      <c r="K271" s="277"/>
    </row>
    <row r="272" spans="3:11" x14ac:dyDescent="0.2">
      <c r="C272" s="277"/>
      <c r="D272" s="277"/>
      <c r="E272" s="277"/>
      <c r="F272" s="277"/>
      <c r="G272" s="277"/>
      <c r="H272" s="277"/>
      <c r="I272" s="277"/>
      <c r="J272" s="277"/>
      <c r="K272" s="277"/>
    </row>
    <row r="273" spans="3:11" x14ac:dyDescent="0.2">
      <c r="C273" s="277"/>
      <c r="D273" s="277"/>
      <c r="E273" s="277"/>
      <c r="F273" s="277"/>
      <c r="G273" s="277"/>
      <c r="H273" s="277"/>
      <c r="I273" s="277"/>
      <c r="J273" s="277"/>
      <c r="K273" s="277"/>
    </row>
    <row r="274" spans="3:11" x14ac:dyDescent="0.2">
      <c r="C274" s="277"/>
      <c r="D274" s="277"/>
      <c r="E274" s="277"/>
      <c r="F274" s="277"/>
      <c r="G274" s="277"/>
      <c r="H274" s="277"/>
      <c r="I274" s="277"/>
      <c r="J274" s="277"/>
      <c r="K274" s="277"/>
    </row>
    <row r="275" spans="3:11" x14ac:dyDescent="0.2">
      <c r="C275" s="277"/>
      <c r="D275" s="277"/>
      <c r="E275" s="277"/>
      <c r="F275" s="277"/>
      <c r="G275" s="277"/>
      <c r="H275" s="277"/>
      <c r="I275" s="277"/>
      <c r="J275" s="277"/>
      <c r="K275" s="277"/>
    </row>
    <row r="276" spans="3:11" x14ac:dyDescent="0.2">
      <c r="C276" s="277"/>
      <c r="D276" s="277"/>
      <c r="E276" s="277"/>
      <c r="F276" s="277"/>
      <c r="G276" s="277"/>
      <c r="H276" s="277"/>
      <c r="I276" s="277"/>
      <c r="J276" s="277"/>
      <c r="K276" s="277"/>
    </row>
    <row r="277" spans="3:11" x14ac:dyDescent="0.2">
      <c r="C277" s="277"/>
      <c r="D277" s="277"/>
      <c r="E277" s="277"/>
      <c r="F277" s="277"/>
      <c r="G277" s="277"/>
      <c r="H277" s="277"/>
      <c r="I277" s="277"/>
      <c r="J277" s="277"/>
      <c r="K277" s="277"/>
    </row>
    <row r="278" spans="3:11" x14ac:dyDescent="0.2">
      <c r="C278" s="277"/>
      <c r="D278" s="277"/>
      <c r="E278" s="277"/>
      <c r="F278" s="277"/>
      <c r="G278" s="277"/>
      <c r="H278" s="277"/>
      <c r="I278" s="277"/>
      <c r="J278" s="277"/>
      <c r="K278" s="277"/>
    </row>
    <row r="279" spans="3:11" x14ac:dyDescent="0.2">
      <c r="C279" s="277"/>
      <c r="D279" s="277"/>
      <c r="E279" s="277"/>
      <c r="F279" s="277"/>
      <c r="G279" s="277"/>
      <c r="H279" s="277"/>
      <c r="I279" s="277"/>
      <c r="J279" s="277"/>
      <c r="K279" s="277"/>
    </row>
    <row r="280" spans="3:11" x14ac:dyDescent="0.2">
      <c r="C280" s="277"/>
      <c r="D280" s="277"/>
      <c r="E280" s="277"/>
      <c r="F280" s="277"/>
      <c r="G280" s="277"/>
      <c r="H280" s="277"/>
      <c r="I280" s="277"/>
      <c r="J280" s="277"/>
      <c r="K280" s="277"/>
    </row>
    <row r="281" spans="3:11" x14ac:dyDescent="0.2">
      <c r="C281" s="277"/>
      <c r="D281" s="277"/>
      <c r="E281" s="277"/>
      <c r="F281" s="277"/>
      <c r="G281" s="277"/>
      <c r="H281" s="277"/>
      <c r="I281" s="277"/>
      <c r="J281" s="277"/>
      <c r="K281" s="277"/>
    </row>
    <row r="282" spans="3:11" x14ac:dyDescent="0.2">
      <c r="C282" s="277"/>
      <c r="D282" s="277"/>
      <c r="E282" s="277"/>
      <c r="F282" s="277"/>
      <c r="G282" s="277"/>
      <c r="H282" s="277"/>
      <c r="I282" s="277"/>
      <c r="J282" s="277"/>
      <c r="K282" s="277"/>
    </row>
    <row r="283" spans="3:11" x14ac:dyDescent="0.2">
      <c r="C283" s="277"/>
      <c r="D283" s="277"/>
      <c r="E283" s="277"/>
      <c r="F283" s="277"/>
      <c r="G283" s="277"/>
      <c r="H283" s="277"/>
      <c r="I283" s="277"/>
      <c r="J283" s="277"/>
      <c r="K283" s="277"/>
    </row>
    <row r="284" spans="3:11" x14ac:dyDescent="0.2">
      <c r="C284" s="277"/>
      <c r="D284" s="277"/>
      <c r="E284" s="277"/>
      <c r="F284" s="277"/>
      <c r="G284" s="277"/>
      <c r="H284" s="277"/>
      <c r="I284" s="277"/>
      <c r="J284" s="277"/>
      <c r="K284" s="277"/>
    </row>
    <row r="285" spans="3:11" x14ac:dyDescent="0.2">
      <c r="C285" s="277"/>
      <c r="D285" s="277"/>
      <c r="E285" s="277"/>
      <c r="F285" s="277"/>
      <c r="G285" s="277"/>
      <c r="H285" s="277"/>
      <c r="I285" s="277"/>
      <c r="J285" s="277"/>
      <c r="K285" s="277"/>
    </row>
    <row r="286" spans="3:11" x14ac:dyDescent="0.2">
      <c r="C286" s="277"/>
      <c r="D286" s="277"/>
      <c r="E286" s="277"/>
      <c r="F286" s="277"/>
      <c r="G286" s="277"/>
      <c r="H286" s="277"/>
      <c r="I286" s="277"/>
      <c r="J286" s="277"/>
      <c r="K286" s="277"/>
    </row>
    <row r="287" spans="3:11" x14ac:dyDescent="0.2">
      <c r="C287" s="277"/>
      <c r="D287" s="277"/>
      <c r="E287" s="277"/>
      <c r="F287" s="277"/>
      <c r="G287" s="277"/>
      <c r="H287" s="277"/>
      <c r="I287" s="277"/>
      <c r="J287" s="277"/>
      <c r="K287" s="277"/>
    </row>
    <row r="288" spans="3:11" x14ac:dyDescent="0.2">
      <c r="C288" s="277"/>
      <c r="D288" s="277"/>
      <c r="E288" s="277"/>
      <c r="F288" s="277"/>
      <c r="G288" s="277"/>
      <c r="H288" s="277"/>
      <c r="I288" s="277"/>
      <c r="J288" s="277"/>
      <c r="K288" s="277"/>
    </row>
    <row r="289" spans="3:11" x14ac:dyDescent="0.2">
      <c r="C289" s="277"/>
      <c r="D289" s="277"/>
      <c r="E289" s="277"/>
      <c r="F289" s="277"/>
      <c r="G289" s="277"/>
      <c r="H289" s="277"/>
      <c r="I289" s="277"/>
      <c r="J289" s="277"/>
      <c r="K289" s="277"/>
    </row>
    <row r="290" spans="3:11" x14ac:dyDescent="0.2">
      <c r="C290" s="277"/>
      <c r="D290" s="277"/>
      <c r="E290" s="277"/>
      <c r="F290" s="277"/>
      <c r="G290" s="277"/>
      <c r="H290" s="277"/>
      <c r="I290" s="277"/>
      <c r="J290" s="277"/>
      <c r="K290" s="277"/>
    </row>
    <row r="291" spans="3:11" x14ac:dyDescent="0.2">
      <c r="C291" s="277"/>
      <c r="D291" s="277"/>
      <c r="E291" s="277"/>
      <c r="F291" s="277"/>
      <c r="G291" s="277"/>
      <c r="H291" s="277"/>
      <c r="I291" s="277"/>
      <c r="J291" s="277"/>
      <c r="K291" s="277"/>
    </row>
    <row r="292" spans="3:11" x14ac:dyDescent="0.2">
      <c r="C292" s="277"/>
      <c r="D292" s="277"/>
      <c r="E292" s="277"/>
      <c r="F292" s="277"/>
      <c r="G292" s="277"/>
      <c r="H292" s="277"/>
      <c r="I292" s="277"/>
      <c r="J292" s="277"/>
      <c r="K292" s="277"/>
    </row>
    <row r="293" spans="3:11" x14ac:dyDescent="0.2">
      <c r="C293" s="277"/>
      <c r="D293" s="277"/>
      <c r="E293" s="277"/>
      <c r="F293" s="277"/>
      <c r="G293" s="277"/>
      <c r="H293" s="277"/>
      <c r="I293" s="277"/>
      <c r="J293" s="277"/>
      <c r="K293" s="277"/>
    </row>
    <row r="294" spans="3:11" x14ac:dyDescent="0.2">
      <c r="C294" s="277"/>
      <c r="D294" s="277"/>
      <c r="E294" s="277"/>
      <c r="F294" s="277"/>
      <c r="G294" s="277"/>
      <c r="H294" s="277"/>
      <c r="I294" s="277"/>
      <c r="J294" s="277"/>
      <c r="K294" s="277"/>
    </row>
    <row r="295" spans="3:11" x14ac:dyDescent="0.2">
      <c r="C295" s="277"/>
      <c r="D295" s="277"/>
      <c r="E295" s="277"/>
      <c r="F295" s="277"/>
      <c r="G295" s="277"/>
      <c r="H295" s="277"/>
      <c r="I295" s="277"/>
      <c r="J295" s="277"/>
      <c r="K295" s="277"/>
    </row>
    <row r="296" spans="3:11" x14ac:dyDescent="0.2">
      <c r="C296" s="277"/>
      <c r="D296" s="277"/>
      <c r="E296" s="277"/>
      <c r="F296" s="277"/>
      <c r="G296" s="277"/>
      <c r="H296" s="277"/>
      <c r="I296" s="277"/>
      <c r="J296" s="277"/>
      <c r="K296" s="277"/>
    </row>
    <row r="297" spans="3:11" x14ac:dyDescent="0.2">
      <c r="C297" s="277"/>
      <c r="D297" s="277"/>
      <c r="E297" s="277"/>
      <c r="F297" s="277"/>
      <c r="G297" s="277"/>
      <c r="H297" s="277"/>
      <c r="I297" s="277"/>
      <c r="J297" s="277"/>
      <c r="K297" s="277"/>
    </row>
    <row r="298" spans="3:11" x14ac:dyDescent="0.2">
      <c r="C298" s="277"/>
      <c r="D298" s="277"/>
      <c r="E298" s="277"/>
      <c r="F298" s="277"/>
      <c r="G298" s="277"/>
      <c r="H298" s="277"/>
      <c r="I298" s="277"/>
      <c r="J298" s="277"/>
      <c r="K298" s="277"/>
    </row>
    <row r="299" spans="3:11" x14ac:dyDescent="0.2">
      <c r="C299" s="277"/>
      <c r="D299" s="277"/>
      <c r="E299" s="277"/>
      <c r="F299" s="277"/>
      <c r="G299" s="277"/>
      <c r="H299" s="277"/>
      <c r="I299" s="277"/>
      <c r="J299" s="277"/>
      <c r="K299" s="277"/>
    </row>
    <row r="300" spans="3:11" x14ac:dyDescent="0.2">
      <c r="C300" s="277"/>
      <c r="D300" s="277"/>
      <c r="E300" s="277"/>
      <c r="F300" s="277"/>
      <c r="G300" s="277"/>
      <c r="H300" s="277"/>
      <c r="I300" s="277"/>
      <c r="J300" s="277"/>
      <c r="K300" s="277"/>
    </row>
    <row r="301" spans="3:11" x14ac:dyDescent="0.2">
      <c r="C301" s="277"/>
      <c r="D301" s="277"/>
      <c r="E301" s="277"/>
      <c r="F301" s="277"/>
      <c r="G301" s="277"/>
      <c r="H301" s="277"/>
      <c r="I301" s="277"/>
      <c r="J301" s="277"/>
      <c r="K301" s="277"/>
    </row>
    <row r="302" spans="3:11" x14ac:dyDescent="0.2">
      <c r="C302" s="277"/>
      <c r="D302" s="277"/>
      <c r="E302" s="277"/>
      <c r="F302" s="277"/>
      <c r="G302" s="277"/>
      <c r="H302" s="277"/>
      <c r="I302" s="277"/>
      <c r="J302" s="277"/>
      <c r="K302" s="277"/>
    </row>
    <row r="303" spans="3:11" x14ac:dyDescent="0.2">
      <c r="C303" s="277"/>
      <c r="D303" s="277"/>
      <c r="E303" s="277"/>
      <c r="F303" s="277"/>
      <c r="G303" s="277"/>
      <c r="H303" s="277"/>
      <c r="I303" s="277"/>
      <c r="J303" s="277"/>
      <c r="K303" s="277"/>
    </row>
    <row r="304" spans="3:11" x14ac:dyDescent="0.2">
      <c r="C304" s="277"/>
      <c r="D304" s="277"/>
      <c r="E304" s="277"/>
      <c r="F304" s="277"/>
      <c r="G304" s="277"/>
      <c r="H304" s="277"/>
      <c r="I304" s="277"/>
      <c r="J304" s="277"/>
      <c r="K304" s="277"/>
    </row>
    <row r="305" spans="3:11" x14ac:dyDescent="0.2">
      <c r="C305" s="277"/>
      <c r="D305" s="277"/>
      <c r="E305" s="277"/>
      <c r="F305" s="277"/>
      <c r="G305" s="277"/>
      <c r="H305" s="277"/>
      <c r="I305" s="277"/>
      <c r="J305" s="277"/>
      <c r="K305" s="277"/>
    </row>
    <row r="306" spans="3:11" x14ac:dyDescent="0.2">
      <c r="C306" s="277"/>
      <c r="D306" s="277"/>
      <c r="E306" s="277"/>
      <c r="F306" s="277"/>
      <c r="G306" s="277"/>
      <c r="H306" s="277"/>
      <c r="I306" s="277"/>
      <c r="J306" s="277"/>
      <c r="K306" s="277"/>
    </row>
    <row r="307" spans="3:11" x14ac:dyDescent="0.2">
      <c r="C307" s="277"/>
      <c r="D307" s="277"/>
      <c r="E307" s="277"/>
      <c r="F307" s="277"/>
      <c r="G307" s="277"/>
      <c r="H307" s="277"/>
      <c r="I307" s="277"/>
      <c r="J307" s="277"/>
      <c r="K307" s="277"/>
    </row>
    <row r="308" spans="3:11" x14ac:dyDescent="0.2">
      <c r="C308" s="277"/>
      <c r="D308" s="277"/>
      <c r="E308" s="277"/>
      <c r="F308" s="277"/>
      <c r="G308" s="277"/>
      <c r="H308" s="277"/>
      <c r="I308" s="277"/>
      <c r="J308" s="277"/>
      <c r="K308" s="277"/>
    </row>
    <row r="309" spans="3:11" x14ac:dyDescent="0.2">
      <c r="C309" s="277"/>
      <c r="D309" s="277"/>
      <c r="E309" s="277"/>
      <c r="F309" s="277"/>
      <c r="G309" s="277"/>
      <c r="H309" s="277"/>
      <c r="I309" s="277"/>
      <c r="J309" s="277"/>
      <c r="K309" s="277"/>
    </row>
    <row r="310" spans="3:11" x14ac:dyDescent="0.2">
      <c r="C310" s="277"/>
      <c r="D310" s="277"/>
      <c r="E310" s="277"/>
      <c r="F310" s="277"/>
      <c r="G310" s="277"/>
      <c r="H310" s="277"/>
      <c r="I310" s="277"/>
      <c r="J310" s="277"/>
      <c r="K310" s="277"/>
    </row>
    <row r="311" spans="3:11" x14ac:dyDescent="0.2">
      <c r="C311" s="277"/>
      <c r="D311" s="277"/>
      <c r="E311" s="277"/>
      <c r="F311" s="277"/>
      <c r="G311" s="277"/>
      <c r="H311" s="277"/>
      <c r="I311" s="277"/>
      <c r="J311" s="277"/>
      <c r="K311" s="277"/>
    </row>
    <row r="312" spans="3:11" x14ac:dyDescent="0.2">
      <c r="C312" s="277"/>
      <c r="D312" s="277"/>
      <c r="E312" s="277"/>
      <c r="F312" s="277"/>
      <c r="G312" s="277"/>
      <c r="H312" s="277"/>
      <c r="I312" s="277"/>
      <c r="J312" s="277"/>
      <c r="K312" s="277"/>
    </row>
    <row r="313" spans="3:11" x14ac:dyDescent="0.2">
      <c r="C313" s="277"/>
      <c r="D313" s="277"/>
      <c r="E313" s="277"/>
      <c r="F313" s="277"/>
      <c r="G313" s="277"/>
      <c r="H313" s="277"/>
      <c r="I313" s="277"/>
      <c r="J313" s="277"/>
      <c r="K313" s="277"/>
    </row>
    <row r="314" spans="3:11" x14ac:dyDescent="0.2">
      <c r="C314" s="277"/>
      <c r="D314" s="277"/>
      <c r="E314" s="277"/>
      <c r="F314" s="277"/>
      <c r="G314" s="277"/>
      <c r="H314" s="277"/>
      <c r="I314" s="277"/>
      <c r="J314" s="277"/>
      <c r="K314" s="277"/>
    </row>
    <row r="315" spans="3:11" x14ac:dyDescent="0.2">
      <c r="C315" s="277"/>
      <c r="D315" s="277"/>
      <c r="E315" s="277"/>
      <c r="F315" s="277"/>
      <c r="G315" s="277"/>
      <c r="H315" s="277"/>
      <c r="I315" s="277"/>
      <c r="J315" s="277"/>
      <c r="K315" s="277"/>
    </row>
    <row r="316" spans="3:11" x14ac:dyDescent="0.2">
      <c r="C316" s="277"/>
      <c r="D316" s="277"/>
      <c r="E316" s="277"/>
      <c r="F316" s="277"/>
      <c r="G316" s="277"/>
      <c r="H316" s="277"/>
      <c r="I316" s="277"/>
      <c r="J316" s="277"/>
      <c r="K316" s="277"/>
    </row>
    <row r="317" spans="3:11" x14ac:dyDescent="0.2">
      <c r="C317" s="277"/>
      <c r="D317" s="277"/>
      <c r="E317" s="277"/>
      <c r="F317" s="277"/>
      <c r="G317" s="277"/>
      <c r="H317" s="277"/>
      <c r="I317" s="277"/>
      <c r="J317" s="277"/>
      <c r="K317" s="277"/>
    </row>
    <row r="318" spans="3:11" x14ac:dyDescent="0.2">
      <c r="C318" s="277"/>
      <c r="D318" s="277"/>
      <c r="E318" s="277"/>
      <c r="F318" s="277"/>
      <c r="G318" s="277"/>
      <c r="H318" s="277"/>
      <c r="I318" s="277"/>
      <c r="J318" s="277"/>
      <c r="K318" s="277"/>
    </row>
    <row r="319" spans="3:11" x14ac:dyDescent="0.2">
      <c r="C319" s="277"/>
      <c r="D319" s="277"/>
      <c r="E319" s="277"/>
      <c r="F319" s="277"/>
      <c r="G319" s="277"/>
      <c r="H319" s="277"/>
      <c r="I319" s="277"/>
      <c r="J319" s="277"/>
      <c r="K319" s="277"/>
    </row>
    <row r="320" spans="3:11" x14ac:dyDescent="0.2">
      <c r="C320" s="277"/>
      <c r="D320" s="277"/>
      <c r="E320" s="277"/>
      <c r="F320" s="277"/>
      <c r="G320" s="277"/>
      <c r="H320" s="277"/>
      <c r="I320" s="277"/>
      <c r="J320" s="277"/>
      <c r="K320" s="277"/>
    </row>
    <row r="321" spans="3:11" x14ac:dyDescent="0.2">
      <c r="C321" s="277"/>
      <c r="D321" s="277"/>
      <c r="E321" s="277"/>
      <c r="F321" s="277"/>
      <c r="G321" s="277"/>
      <c r="H321" s="277"/>
      <c r="I321" s="277"/>
      <c r="J321" s="277"/>
      <c r="K321" s="277"/>
    </row>
    <row r="322" spans="3:11" x14ac:dyDescent="0.2">
      <c r="C322" s="277"/>
      <c r="D322" s="277"/>
      <c r="E322" s="277"/>
      <c r="F322" s="277"/>
      <c r="G322" s="277"/>
      <c r="H322" s="277"/>
      <c r="I322" s="277"/>
      <c r="J322" s="277"/>
      <c r="K322" s="277"/>
    </row>
    <row r="323" spans="3:11" x14ac:dyDescent="0.2">
      <c r="C323" s="277"/>
      <c r="D323" s="277"/>
      <c r="E323" s="277"/>
      <c r="F323" s="277"/>
      <c r="G323" s="277"/>
      <c r="H323" s="277"/>
      <c r="I323" s="277"/>
      <c r="J323" s="277"/>
      <c r="K323" s="277"/>
    </row>
    <row r="324" spans="3:11" x14ac:dyDescent="0.2">
      <c r="C324" s="277"/>
      <c r="D324" s="277"/>
      <c r="E324" s="277"/>
      <c r="F324" s="277"/>
      <c r="G324" s="277"/>
      <c r="H324" s="277"/>
      <c r="I324" s="277"/>
      <c r="J324" s="277"/>
      <c r="K324" s="277"/>
    </row>
    <row r="325" spans="3:11" x14ac:dyDescent="0.2">
      <c r="C325" s="277"/>
      <c r="D325" s="277"/>
      <c r="E325" s="277"/>
      <c r="F325" s="277"/>
      <c r="G325" s="277"/>
      <c r="H325" s="277"/>
      <c r="I325" s="277"/>
      <c r="J325" s="277"/>
      <c r="K325" s="277"/>
    </row>
    <row r="326" spans="3:11" x14ac:dyDescent="0.2">
      <c r="C326" s="277"/>
      <c r="D326" s="277"/>
      <c r="E326" s="277"/>
      <c r="F326" s="277"/>
      <c r="G326" s="277"/>
      <c r="H326" s="277"/>
      <c r="I326" s="277"/>
      <c r="J326" s="277"/>
      <c r="K326" s="277"/>
    </row>
    <row r="327" spans="3:11" x14ac:dyDescent="0.2">
      <c r="C327" s="277"/>
      <c r="D327" s="277"/>
      <c r="E327" s="277"/>
      <c r="F327" s="277"/>
      <c r="G327" s="277"/>
      <c r="H327" s="277"/>
      <c r="I327" s="277"/>
      <c r="J327" s="277"/>
      <c r="K327" s="277"/>
    </row>
    <row r="328" spans="3:11" x14ac:dyDescent="0.2">
      <c r="C328" s="277"/>
      <c r="D328" s="277"/>
      <c r="E328" s="277"/>
      <c r="F328" s="277"/>
      <c r="G328" s="277"/>
      <c r="H328" s="277"/>
      <c r="I328" s="277"/>
      <c r="J328" s="277"/>
      <c r="K328" s="277"/>
    </row>
    <row r="329" spans="3:11" x14ac:dyDescent="0.2">
      <c r="C329" s="277"/>
      <c r="D329" s="277"/>
      <c r="E329" s="277"/>
      <c r="F329" s="277"/>
      <c r="G329" s="277"/>
      <c r="H329" s="277"/>
      <c r="I329" s="277"/>
      <c r="J329" s="277"/>
      <c r="K329" s="277"/>
    </row>
    <row r="330" spans="3:11" x14ac:dyDescent="0.2">
      <c r="C330" s="277"/>
      <c r="D330" s="277"/>
      <c r="E330" s="277"/>
      <c r="F330" s="277"/>
      <c r="G330" s="277"/>
      <c r="H330" s="277"/>
      <c r="I330" s="277"/>
      <c r="J330" s="277"/>
      <c r="K330" s="277"/>
    </row>
    <row r="331" spans="3:11" x14ac:dyDescent="0.2">
      <c r="C331" s="277"/>
      <c r="D331" s="277"/>
      <c r="E331" s="277"/>
      <c r="F331" s="277"/>
      <c r="G331" s="277"/>
      <c r="H331" s="277"/>
      <c r="I331" s="277"/>
      <c r="J331" s="277"/>
      <c r="K331" s="277"/>
    </row>
    <row r="332" spans="3:11" x14ac:dyDescent="0.2">
      <c r="C332" s="277"/>
      <c r="D332" s="277"/>
      <c r="E332" s="277"/>
      <c r="F332" s="277"/>
      <c r="G332" s="277"/>
      <c r="H332" s="277"/>
      <c r="I332" s="277"/>
      <c r="J332" s="277"/>
      <c r="K332" s="277"/>
    </row>
    <row r="333" spans="3:11" x14ac:dyDescent="0.2">
      <c r="C333" s="277"/>
      <c r="D333" s="277"/>
      <c r="E333" s="277"/>
      <c r="F333" s="277"/>
      <c r="G333" s="277"/>
      <c r="H333" s="277"/>
      <c r="I333" s="277"/>
      <c r="J333" s="277"/>
      <c r="K333" s="277"/>
    </row>
    <row r="334" spans="3:11" x14ac:dyDescent="0.2">
      <c r="C334" s="277"/>
      <c r="D334" s="277"/>
      <c r="E334" s="277"/>
      <c r="F334" s="277"/>
      <c r="G334" s="277"/>
      <c r="H334" s="277"/>
      <c r="I334" s="277"/>
      <c r="J334" s="277"/>
      <c r="K334" s="277"/>
    </row>
    <row r="335" spans="3:11" x14ac:dyDescent="0.2">
      <c r="C335" s="277"/>
      <c r="D335" s="277"/>
      <c r="E335" s="277"/>
      <c r="F335" s="277"/>
      <c r="G335" s="277"/>
      <c r="H335" s="277"/>
      <c r="I335" s="277"/>
      <c r="J335" s="277"/>
      <c r="K335" s="277"/>
    </row>
    <row r="336" spans="3:11" x14ac:dyDescent="0.2">
      <c r="C336" s="277"/>
      <c r="D336" s="277"/>
      <c r="E336" s="277"/>
      <c r="F336" s="277"/>
      <c r="G336" s="277"/>
      <c r="H336" s="277"/>
      <c r="I336" s="277"/>
      <c r="J336" s="277"/>
      <c r="K336" s="277"/>
    </row>
    <row r="337" spans="3:11" x14ac:dyDescent="0.2">
      <c r="C337" s="277"/>
      <c r="D337" s="277"/>
      <c r="E337" s="277"/>
      <c r="F337" s="277"/>
      <c r="G337" s="277"/>
      <c r="H337" s="277"/>
      <c r="I337" s="277"/>
      <c r="J337" s="277"/>
      <c r="K337" s="277"/>
    </row>
    <row r="338" spans="3:11" x14ac:dyDescent="0.2">
      <c r="C338" s="277"/>
      <c r="D338" s="277"/>
      <c r="E338" s="277"/>
      <c r="F338" s="277"/>
      <c r="G338" s="277"/>
      <c r="H338" s="277"/>
      <c r="I338" s="277"/>
      <c r="J338" s="277"/>
      <c r="K338" s="277"/>
    </row>
    <row r="339" spans="3:11" x14ac:dyDescent="0.2">
      <c r="C339" s="277"/>
      <c r="D339" s="277"/>
      <c r="E339" s="277"/>
      <c r="F339" s="277"/>
      <c r="G339" s="277"/>
      <c r="H339" s="277"/>
      <c r="I339" s="277"/>
      <c r="J339" s="277"/>
      <c r="K339" s="277"/>
    </row>
    <row r="340" spans="3:11" x14ac:dyDescent="0.2">
      <c r="C340" s="277"/>
      <c r="D340" s="277"/>
      <c r="E340" s="277"/>
      <c r="F340" s="277"/>
      <c r="G340" s="277"/>
      <c r="H340" s="277"/>
      <c r="I340" s="277"/>
      <c r="J340" s="277"/>
      <c r="K340" s="277"/>
    </row>
    <row r="341" spans="3:11" x14ac:dyDescent="0.2">
      <c r="C341" s="277"/>
      <c r="D341" s="277"/>
      <c r="E341" s="277"/>
      <c r="F341" s="277"/>
      <c r="G341" s="277"/>
      <c r="H341" s="277"/>
      <c r="I341" s="277"/>
      <c r="J341" s="277"/>
      <c r="K341" s="277"/>
    </row>
    <row r="342" spans="3:11" x14ac:dyDescent="0.2">
      <c r="C342" s="277"/>
      <c r="D342" s="277"/>
      <c r="E342" s="277"/>
      <c r="F342" s="277"/>
      <c r="G342" s="277"/>
      <c r="H342" s="277"/>
      <c r="I342" s="277"/>
      <c r="J342" s="277"/>
      <c r="K342" s="277"/>
    </row>
    <row r="343" spans="3:11" x14ac:dyDescent="0.2">
      <c r="C343" s="277"/>
      <c r="D343" s="277"/>
      <c r="E343" s="277"/>
      <c r="F343" s="277"/>
      <c r="G343" s="277"/>
      <c r="H343" s="277"/>
      <c r="I343" s="277"/>
      <c r="J343" s="277"/>
      <c r="K343" s="277"/>
    </row>
    <row r="344" spans="3:11" x14ac:dyDescent="0.2">
      <c r="C344" s="277"/>
      <c r="D344" s="277"/>
      <c r="E344" s="277"/>
      <c r="F344" s="277"/>
      <c r="G344" s="277"/>
      <c r="H344" s="277"/>
      <c r="I344" s="277"/>
      <c r="J344" s="277"/>
      <c r="K344" s="277"/>
    </row>
    <row r="345" spans="3:11" x14ac:dyDescent="0.2">
      <c r="C345" s="277"/>
      <c r="D345" s="277"/>
      <c r="E345" s="277"/>
      <c r="F345" s="277"/>
      <c r="G345" s="277"/>
      <c r="H345" s="277"/>
      <c r="I345" s="277"/>
      <c r="J345" s="277"/>
      <c r="K345" s="277"/>
    </row>
    <row r="346" spans="3:11" x14ac:dyDescent="0.2">
      <c r="C346" s="277"/>
      <c r="D346" s="277"/>
      <c r="E346" s="277"/>
      <c r="F346" s="277"/>
      <c r="G346" s="277"/>
      <c r="H346" s="277"/>
      <c r="I346" s="277"/>
      <c r="J346" s="277"/>
      <c r="K346" s="277"/>
    </row>
    <row r="347" spans="3:11" x14ac:dyDescent="0.2">
      <c r="C347" s="277"/>
      <c r="D347" s="277"/>
      <c r="E347" s="277"/>
      <c r="F347" s="277"/>
      <c r="G347" s="277"/>
      <c r="H347" s="277"/>
      <c r="I347" s="277"/>
      <c r="J347" s="277"/>
      <c r="K347" s="277"/>
    </row>
    <row r="348" spans="3:11" x14ac:dyDescent="0.2">
      <c r="C348" s="277"/>
      <c r="D348" s="277"/>
      <c r="E348" s="277"/>
      <c r="F348" s="277"/>
      <c r="G348" s="277"/>
      <c r="H348" s="277"/>
      <c r="I348" s="277"/>
      <c r="J348" s="277"/>
      <c r="K348" s="277"/>
    </row>
    <row r="349" spans="3:11" x14ac:dyDescent="0.2">
      <c r="C349" s="277"/>
      <c r="D349" s="277"/>
      <c r="E349" s="277"/>
      <c r="F349" s="277"/>
      <c r="G349" s="277"/>
      <c r="H349" s="277"/>
      <c r="I349" s="277"/>
      <c r="J349" s="277"/>
      <c r="K349" s="277"/>
    </row>
    <row r="350" spans="3:11" x14ac:dyDescent="0.2">
      <c r="C350" s="277"/>
      <c r="D350" s="277"/>
      <c r="E350" s="277"/>
      <c r="F350" s="277"/>
      <c r="G350" s="277"/>
      <c r="H350" s="277"/>
      <c r="I350" s="277"/>
      <c r="J350" s="277"/>
      <c r="K350" s="277"/>
    </row>
    <row r="351" spans="3:11" x14ac:dyDescent="0.2">
      <c r="C351" s="277"/>
      <c r="D351" s="277"/>
      <c r="E351" s="277"/>
      <c r="F351" s="277"/>
      <c r="G351" s="277"/>
      <c r="H351" s="277"/>
      <c r="I351" s="277"/>
      <c r="J351" s="277"/>
      <c r="K351" s="277"/>
    </row>
    <row r="352" spans="3:11" x14ac:dyDescent="0.2">
      <c r="C352" s="277"/>
      <c r="D352" s="277"/>
      <c r="E352" s="277"/>
      <c r="F352" s="277"/>
      <c r="G352" s="277"/>
      <c r="H352" s="277"/>
      <c r="I352" s="277"/>
      <c r="J352" s="277"/>
      <c r="K352" s="277"/>
    </row>
    <row r="353" spans="3:11" x14ac:dyDescent="0.2">
      <c r="C353" s="277"/>
      <c r="D353" s="277"/>
      <c r="E353" s="277"/>
      <c r="F353" s="277"/>
      <c r="G353" s="277"/>
      <c r="H353" s="277"/>
      <c r="I353" s="277"/>
      <c r="J353" s="277"/>
      <c r="K353" s="277"/>
    </row>
    <row r="354" spans="3:11" x14ac:dyDescent="0.2">
      <c r="C354" s="277"/>
      <c r="D354" s="277"/>
      <c r="E354" s="277"/>
      <c r="F354" s="277"/>
      <c r="G354" s="277"/>
      <c r="H354" s="277"/>
      <c r="I354" s="277"/>
      <c r="J354" s="277"/>
      <c r="K354" s="277"/>
    </row>
    <row r="355" spans="3:11" x14ac:dyDescent="0.2">
      <c r="C355" s="277"/>
      <c r="D355" s="277"/>
      <c r="E355" s="277"/>
      <c r="F355" s="277"/>
      <c r="G355" s="277"/>
      <c r="H355" s="277"/>
      <c r="I355" s="277"/>
      <c r="J355" s="277"/>
      <c r="K355" s="277"/>
    </row>
    <row r="356" spans="3:11" x14ac:dyDescent="0.2">
      <c r="C356" s="277"/>
      <c r="D356" s="277"/>
      <c r="E356" s="277"/>
      <c r="F356" s="277"/>
      <c r="G356" s="277"/>
      <c r="H356" s="277"/>
      <c r="I356" s="277"/>
      <c r="J356" s="277"/>
      <c r="K356" s="277"/>
    </row>
    <row r="357" spans="3:11" x14ac:dyDescent="0.2">
      <c r="C357" s="277"/>
      <c r="D357" s="277"/>
      <c r="E357" s="277"/>
      <c r="F357" s="277"/>
      <c r="G357" s="277"/>
      <c r="H357" s="277"/>
      <c r="I357" s="277"/>
      <c r="J357" s="277"/>
      <c r="K357" s="277"/>
    </row>
    <row r="358" spans="3:11" x14ac:dyDescent="0.2">
      <c r="C358" s="277"/>
      <c r="D358" s="277"/>
      <c r="E358" s="277"/>
      <c r="F358" s="277"/>
      <c r="G358" s="277"/>
      <c r="H358" s="277"/>
      <c r="I358" s="277"/>
      <c r="J358" s="277"/>
      <c r="K358" s="277"/>
    </row>
    <row r="359" spans="3:11" x14ac:dyDescent="0.2">
      <c r="C359" s="277"/>
      <c r="D359" s="277"/>
      <c r="E359" s="277"/>
      <c r="F359" s="277"/>
      <c r="G359" s="277"/>
      <c r="H359" s="277"/>
      <c r="I359" s="277"/>
      <c r="J359" s="277"/>
      <c r="K359" s="277"/>
    </row>
    <row r="360" spans="3:11" x14ac:dyDescent="0.2">
      <c r="C360" s="277"/>
      <c r="D360" s="277"/>
      <c r="E360" s="277"/>
      <c r="F360" s="277"/>
      <c r="G360" s="277"/>
      <c r="H360" s="277"/>
      <c r="I360" s="277"/>
      <c r="J360" s="277"/>
      <c r="K360" s="277"/>
    </row>
    <row r="361" spans="3:11" x14ac:dyDescent="0.2">
      <c r="C361" s="277"/>
      <c r="D361" s="277"/>
      <c r="E361" s="277"/>
      <c r="F361" s="277"/>
      <c r="G361" s="277"/>
      <c r="H361" s="277"/>
      <c r="I361" s="277"/>
      <c r="J361" s="277"/>
      <c r="K361" s="277"/>
    </row>
    <row r="362" spans="3:11" x14ac:dyDescent="0.2">
      <c r="C362" s="277"/>
      <c r="D362" s="277"/>
      <c r="E362" s="277"/>
      <c r="F362" s="277"/>
      <c r="G362" s="277"/>
      <c r="H362" s="277"/>
      <c r="I362" s="277"/>
      <c r="J362" s="277"/>
      <c r="K362" s="277"/>
    </row>
    <row r="363" spans="3:11" x14ac:dyDescent="0.2">
      <c r="C363" s="277"/>
      <c r="D363" s="277"/>
      <c r="E363" s="277"/>
      <c r="F363" s="277"/>
      <c r="G363" s="277"/>
      <c r="H363" s="277"/>
      <c r="I363" s="277"/>
      <c r="J363" s="277"/>
      <c r="K363" s="277"/>
    </row>
    <row r="364" spans="3:11" x14ac:dyDescent="0.2">
      <c r="C364" s="277"/>
      <c r="D364" s="277"/>
      <c r="E364" s="277"/>
      <c r="F364" s="277"/>
      <c r="G364" s="277"/>
      <c r="H364" s="277"/>
      <c r="I364" s="277"/>
      <c r="J364" s="277"/>
      <c r="K364" s="277"/>
    </row>
    <row r="365" spans="3:11" x14ac:dyDescent="0.2">
      <c r="C365" s="277"/>
      <c r="D365" s="277"/>
      <c r="E365" s="277"/>
      <c r="F365" s="277"/>
      <c r="G365" s="277"/>
      <c r="H365" s="277"/>
      <c r="I365" s="277"/>
      <c r="J365" s="277"/>
      <c r="K365" s="277"/>
    </row>
    <row r="366" spans="3:11" x14ac:dyDescent="0.2">
      <c r="C366" s="277"/>
      <c r="D366" s="277"/>
      <c r="E366" s="277"/>
      <c r="F366" s="277"/>
      <c r="G366" s="277"/>
      <c r="H366" s="277"/>
      <c r="I366" s="277"/>
      <c r="J366" s="277"/>
      <c r="K366" s="277"/>
    </row>
    <row r="367" spans="3:11" x14ac:dyDescent="0.2">
      <c r="C367" s="277"/>
      <c r="D367" s="277"/>
      <c r="E367" s="277"/>
      <c r="F367" s="277"/>
      <c r="G367" s="277"/>
      <c r="H367" s="277"/>
      <c r="I367" s="277"/>
      <c r="J367" s="277"/>
      <c r="K367" s="277"/>
    </row>
    <row r="368" spans="3:11" x14ac:dyDescent="0.2">
      <c r="C368" s="277"/>
      <c r="D368" s="277"/>
      <c r="E368" s="277"/>
      <c r="F368" s="277"/>
      <c r="G368" s="277"/>
      <c r="H368" s="277"/>
      <c r="I368" s="277"/>
      <c r="J368" s="277"/>
      <c r="K368" s="277"/>
    </row>
    <row r="369" spans="3:11" x14ac:dyDescent="0.2">
      <c r="C369" s="277"/>
      <c r="D369" s="277"/>
      <c r="E369" s="277"/>
      <c r="F369" s="277"/>
      <c r="G369" s="277"/>
      <c r="H369" s="277"/>
      <c r="I369" s="277"/>
      <c r="J369" s="277"/>
      <c r="K369" s="277"/>
    </row>
    <row r="370" spans="3:11" x14ac:dyDescent="0.2">
      <c r="C370" s="277"/>
      <c r="D370" s="277"/>
      <c r="E370" s="277"/>
      <c r="F370" s="277"/>
      <c r="G370" s="277"/>
      <c r="H370" s="277"/>
      <c r="I370" s="277"/>
      <c r="J370" s="277"/>
      <c r="K370" s="277"/>
    </row>
    <row r="371" spans="3:11" x14ac:dyDescent="0.2">
      <c r="C371" s="277"/>
      <c r="D371" s="277"/>
      <c r="E371" s="277"/>
      <c r="F371" s="277"/>
      <c r="G371" s="277"/>
      <c r="H371" s="277"/>
      <c r="I371" s="277"/>
      <c r="J371" s="277"/>
      <c r="K371" s="277"/>
    </row>
    <row r="372" spans="3:11" x14ac:dyDescent="0.2">
      <c r="C372" s="277"/>
      <c r="D372" s="277"/>
      <c r="E372" s="277"/>
      <c r="F372" s="277"/>
      <c r="G372" s="277"/>
      <c r="H372" s="277"/>
      <c r="I372" s="277"/>
      <c r="J372" s="277"/>
      <c r="K372" s="277"/>
    </row>
    <row r="373" spans="3:11" x14ac:dyDescent="0.2">
      <c r="C373" s="277"/>
      <c r="D373" s="277"/>
      <c r="E373" s="277"/>
      <c r="F373" s="277"/>
      <c r="G373" s="277"/>
      <c r="H373" s="277"/>
      <c r="I373" s="277"/>
      <c r="J373" s="277"/>
      <c r="K373" s="277"/>
    </row>
    <row r="374" spans="3:11" x14ac:dyDescent="0.2">
      <c r="C374" s="277"/>
      <c r="D374" s="277"/>
      <c r="E374" s="277"/>
      <c r="F374" s="277"/>
      <c r="G374" s="277"/>
      <c r="H374" s="277"/>
      <c r="I374" s="277"/>
      <c r="J374" s="277"/>
      <c r="K374" s="277"/>
    </row>
    <row r="375" spans="3:11" x14ac:dyDescent="0.2">
      <c r="C375" s="277"/>
      <c r="D375" s="277"/>
      <c r="E375" s="277"/>
      <c r="F375" s="277"/>
      <c r="G375" s="277"/>
      <c r="H375" s="277"/>
      <c r="I375" s="277"/>
      <c r="J375" s="277"/>
      <c r="K375" s="277"/>
    </row>
    <row r="376" spans="3:11" x14ac:dyDescent="0.2">
      <c r="C376" s="277"/>
      <c r="D376" s="277"/>
      <c r="E376" s="277"/>
      <c r="F376" s="277"/>
      <c r="G376" s="277"/>
      <c r="H376" s="277"/>
      <c r="I376" s="277"/>
      <c r="J376" s="277"/>
      <c r="K376" s="277"/>
    </row>
    <row r="377" spans="3:11" x14ac:dyDescent="0.2">
      <c r="C377" s="277"/>
      <c r="D377" s="277"/>
      <c r="E377" s="277"/>
      <c r="F377" s="277"/>
      <c r="G377" s="277"/>
      <c r="H377" s="277"/>
      <c r="I377" s="277"/>
      <c r="J377" s="277"/>
      <c r="K377" s="277"/>
    </row>
    <row r="378" spans="3:11" x14ac:dyDescent="0.2">
      <c r="C378" s="277"/>
      <c r="D378" s="277"/>
      <c r="E378" s="277"/>
      <c r="F378" s="277"/>
      <c r="G378" s="277"/>
      <c r="H378" s="277"/>
      <c r="I378" s="277"/>
      <c r="J378" s="277"/>
      <c r="K378" s="277"/>
    </row>
    <row r="379" spans="3:11" x14ac:dyDescent="0.2">
      <c r="C379" s="277"/>
      <c r="D379" s="277"/>
      <c r="E379" s="277"/>
      <c r="F379" s="277"/>
      <c r="G379" s="277"/>
      <c r="H379" s="277"/>
      <c r="I379" s="277"/>
      <c r="J379" s="277"/>
      <c r="K379" s="277"/>
    </row>
    <row r="380" spans="3:11" x14ac:dyDescent="0.2">
      <c r="C380" s="277"/>
      <c r="D380" s="277"/>
      <c r="E380" s="277"/>
      <c r="F380" s="277"/>
      <c r="G380" s="277"/>
      <c r="H380" s="277"/>
      <c r="I380" s="277"/>
      <c r="J380" s="277"/>
      <c r="K380" s="277"/>
    </row>
    <row r="381" spans="3:11" x14ac:dyDescent="0.2">
      <c r="C381" s="277"/>
      <c r="D381" s="277"/>
      <c r="E381" s="277"/>
      <c r="F381" s="277"/>
      <c r="G381" s="277"/>
      <c r="H381" s="277"/>
      <c r="I381" s="277"/>
      <c r="J381" s="277"/>
      <c r="K381" s="277"/>
    </row>
    <row r="382" spans="3:11" x14ac:dyDescent="0.2">
      <c r="C382" s="277"/>
      <c r="D382" s="277"/>
      <c r="E382" s="277"/>
      <c r="F382" s="277"/>
      <c r="G382" s="277"/>
      <c r="H382" s="277"/>
      <c r="I382" s="277"/>
      <c r="J382" s="277"/>
      <c r="K382" s="277"/>
    </row>
    <row r="383" spans="3:11" x14ac:dyDescent="0.2">
      <c r="C383" s="277"/>
      <c r="D383" s="277"/>
      <c r="E383" s="277"/>
      <c r="F383" s="277"/>
      <c r="G383" s="277"/>
      <c r="H383" s="277"/>
      <c r="I383" s="277"/>
      <c r="J383" s="277"/>
      <c r="K383" s="277"/>
    </row>
    <row r="384" spans="3:11" x14ac:dyDescent="0.2">
      <c r="C384" s="277"/>
      <c r="D384" s="277"/>
      <c r="E384" s="277"/>
      <c r="F384" s="277"/>
      <c r="G384" s="277"/>
      <c r="H384" s="277"/>
      <c r="I384" s="277"/>
      <c r="J384" s="277"/>
      <c r="K384" s="277"/>
    </row>
    <row r="385" spans="3:11" x14ac:dyDescent="0.2">
      <c r="C385" s="277"/>
      <c r="D385" s="277"/>
      <c r="E385" s="277"/>
      <c r="F385" s="277"/>
      <c r="G385" s="277"/>
      <c r="H385" s="277"/>
      <c r="I385" s="277"/>
      <c r="J385" s="277"/>
      <c r="K385" s="277"/>
    </row>
    <row r="386" spans="3:11" x14ac:dyDescent="0.2">
      <c r="C386" s="277"/>
      <c r="D386" s="277"/>
      <c r="E386" s="277"/>
      <c r="F386" s="277"/>
      <c r="G386" s="277"/>
      <c r="H386" s="277"/>
      <c r="I386" s="277"/>
      <c r="J386" s="277"/>
      <c r="K386" s="277"/>
    </row>
    <row r="387" spans="3:11" x14ac:dyDescent="0.2">
      <c r="C387" s="277"/>
      <c r="D387" s="277"/>
      <c r="E387" s="277"/>
      <c r="F387" s="277"/>
      <c r="G387" s="277"/>
      <c r="H387" s="277"/>
      <c r="I387" s="277"/>
      <c r="J387" s="277"/>
      <c r="K387" s="277"/>
    </row>
    <row r="388" spans="3:11" x14ac:dyDescent="0.2">
      <c r="C388" s="277"/>
      <c r="D388" s="277"/>
      <c r="E388" s="277"/>
      <c r="F388" s="277"/>
      <c r="G388" s="277"/>
      <c r="H388" s="277"/>
      <c r="I388" s="277"/>
      <c r="J388" s="277"/>
      <c r="K388" s="277"/>
    </row>
    <row r="389" spans="3:11" x14ac:dyDescent="0.2">
      <c r="C389" s="277"/>
      <c r="D389" s="277"/>
      <c r="E389" s="277"/>
      <c r="F389" s="277"/>
      <c r="G389" s="277"/>
      <c r="H389" s="277"/>
      <c r="I389" s="277"/>
      <c r="J389" s="277"/>
      <c r="K389" s="277"/>
    </row>
    <row r="390" spans="3:11" x14ac:dyDescent="0.2">
      <c r="C390" s="277"/>
      <c r="D390" s="277"/>
      <c r="E390" s="277"/>
      <c r="F390" s="277"/>
      <c r="G390" s="277"/>
      <c r="H390" s="277"/>
      <c r="I390" s="277"/>
      <c r="J390" s="277"/>
      <c r="K390" s="277"/>
    </row>
    <row r="391" spans="3:11" x14ac:dyDescent="0.2">
      <c r="C391" s="277"/>
      <c r="D391" s="277"/>
      <c r="E391" s="277"/>
      <c r="F391" s="277"/>
      <c r="G391" s="277"/>
      <c r="H391" s="277"/>
      <c r="I391" s="277"/>
      <c r="J391" s="277"/>
      <c r="K391" s="277"/>
    </row>
    <row r="392" spans="3:11" x14ac:dyDescent="0.2">
      <c r="C392" s="277"/>
      <c r="D392" s="277"/>
      <c r="E392" s="277"/>
      <c r="F392" s="277"/>
      <c r="G392" s="277"/>
      <c r="H392" s="277"/>
      <c r="I392" s="277"/>
      <c r="J392" s="277"/>
      <c r="K392" s="277"/>
    </row>
    <row r="393" spans="3:11" x14ac:dyDescent="0.2">
      <c r="C393" s="277"/>
      <c r="D393" s="277"/>
      <c r="E393" s="277"/>
      <c r="F393" s="277"/>
      <c r="G393" s="277"/>
      <c r="H393" s="277"/>
      <c r="I393" s="277"/>
      <c r="J393" s="277"/>
      <c r="K393" s="277"/>
    </row>
    <row r="394" spans="3:11" x14ac:dyDescent="0.2">
      <c r="C394" s="277"/>
      <c r="D394" s="277"/>
      <c r="E394" s="277"/>
      <c r="F394" s="277"/>
      <c r="G394" s="277"/>
      <c r="H394" s="277"/>
      <c r="I394" s="277"/>
      <c r="J394" s="277"/>
      <c r="K394" s="277"/>
    </row>
    <row r="395" spans="3:11" x14ac:dyDescent="0.2">
      <c r="C395" s="277"/>
      <c r="D395" s="277"/>
      <c r="E395" s="277"/>
      <c r="F395" s="277"/>
      <c r="G395" s="277"/>
      <c r="H395" s="277"/>
      <c r="I395" s="277"/>
      <c r="J395" s="277"/>
      <c r="K395" s="277"/>
    </row>
    <row r="396" spans="3:11" x14ac:dyDescent="0.2">
      <c r="C396" s="277"/>
      <c r="D396" s="277"/>
      <c r="E396" s="277"/>
      <c r="F396" s="277"/>
      <c r="G396" s="277"/>
      <c r="H396" s="277"/>
      <c r="I396" s="277"/>
      <c r="J396" s="277"/>
      <c r="K396" s="277"/>
    </row>
    <row r="397" spans="3:11" x14ac:dyDescent="0.2">
      <c r="C397" s="277"/>
      <c r="D397" s="277"/>
      <c r="E397" s="277"/>
      <c r="F397" s="277"/>
      <c r="G397" s="277"/>
      <c r="H397" s="277"/>
      <c r="I397" s="277"/>
      <c r="J397" s="277"/>
      <c r="K397" s="277"/>
    </row>
    <row r="398" spans="3:11" x14ac:dyDescent="0.2">
      <c r="C398" s="277"/>
      <c r="D398" s="277"/>
      <c r="E398" s="277"/>
      <c r="F398" s="277"/>
      <c r="G398" s="277"/>
      <c r="H398" s="277"/>
      <c r="I398" s="277"/>
      <c r="J398" s="277"/>
      <c r="K398" s="277"/>
    </row>
    <row r="399" spans="3:11" x14ac:dyDescent="0.2">
      <c r="C399" s="277"/>
      <c r="D399" s="277"/>
      <c r="E399" s="277"/>
      <c r="F399" s="277"/>
      <c r="G399" s="277"/>
      <c r="H399" s="277"/>
      <c r="I399" s="277"/>
      <c r="J399" s="277"/>
      <c r="K399" s="277"/>
    </row>
    <row r="400" spans="3:11" x14ac:dyDescent="0.2">
      <c r="C400" s="277"/>
      <c r="D400" s="277"/>
      <c r="E400" s="277"/>
      <c r="F400" s="277"/>
      <c r="G400" s="277"/>
      <c r="H400" s="277"/>
      <c r="I400" s="277"/>
      <c r="J400" s="277"/>
      <c r="K400" s="277"/>
    </row>
    <row r="401" spans="3:11" x14ac:dyDescent="0.2">
      <c r="C401" s="277"/>
      <c r="D401" s="277"/>
      <c r="E401" s="277"/>
      <c r="F401" s="277"/>
      <c r="G401" s="277"/>
      <c r="H401" s="277"/>
      <c r="I401" s="277"/>
      <c r="J401" s="277"/>
      <c r="K401" s="277"/>
    </row>
    <row r="402" spans="3:11" x14ac:dyDescent="0.2">
      <c r="C402" s="277"/>
      <c r="D402" s="277"/>
      <c r="E402" s="277"/>
      <c r="F402" s="277"/>
      <c r="G402" s="277"/>
      <c r="H402" s="277"/>
      <c r="I402" s="277"/>
      <c r="J402" s="277"/>
      <c r="K402" s="277"/>
    </row>
    <row r="403" spans="3:11" x14ac:dyDescent="0.2">
      <c r="C403" s="277"/>
      <c r="D403" s="277"/>
      <c r="E403" s="277"/>
      <c r="F403" s="277"/>
      <c r="G403" s="277"/>
      <c r="H403" s="277"/>
      <c r="I403" s="277"/>
      <c r="J403" s="277"/>
      <c r="K403" s="277"/>
    </row>
    <row r="404" spans="3:11" x14ac:dyDescent="0.2">
      <c r="C404" s="277"/>
      <c r="D404" s="277"/>
      <c r="E404" s="277"/>
      <c r="F404" s="277"/>
      <c r="G404" s="277"/>
      <c r="H404" s="277"/>
      <c r="I404" s="277"/>
      <c r="J404" s="277"/>
      <c r="K404" s="277"/>
    </row>
    <row r="405" spans="3:11" x14ac:dyDescent="0.2">
      <c r="C405" s="277"/>
      <c r="D405" s="277"/>
      <c r="E405" s="277"/>
      <c r="F405" s="277"/>
      <c r="G405" s="277"/>
      <c r="H405" s="277"/>
      <c r="I405" s="277"/>
      <c r="J405" s="277"/>
      <c r="K405" s="277"/>
    </row>
    <row r="406" spans="3:11" x14ac:dyDescent="0.2">
      <c r="C406" s="277"/>
      <c r="D406" s="277"/>
      <c r="E406" s="277"/>
      <c r="F406" s="277"/>
      <c r="G406" s="277"/>
      <c r="H406" s="277"/>
      <c r="I406" s="277"/>
      <c r="J406" s="277"/>
      <c r="K406" s="277"/>
    </row>
    <row r="407" spans="3:11" x14ac:dyDescent="0.2">
      <c r="C407" s="277"/>
      <c r="D407" s="277"/>
      <c r="E407" s="277"/>
      <c r="F407" s="277"/>
      <c r="G407" s="277"/>
      <c r="H407" s="277"/>
      <c r="I407" s="277"/>
      <c r="J407" s="277"/>
      <c r="K407" s="277"/>
    </row>
    <row r="408" spans="3:11" x14ac:dyDescent="0.2">
      <c r="C408" s="277"/>
      <c r="D408" s="277"/>
      <c r="E408" s="277"/>
      <c r="F408" s="277"/>
      <c r="G408" s="277"/>
      <c r="H408" s="277"/>
      <c r="I408" s="277"/>
      <c r="J408" s="277"/>
      <c r="K408" s="277"/>
    </row>
    <row r="409" spans="3:11" x14ac:dyDescent="0.2">
      <c r="C409" s="277"/>
      <c r="D409" s="277"/>
      <c r="E409" s="277"/>
      <c r="F409" s="277"/>
      <c r="G409" s="277"/>
      <c r="H409" s="277"/>
      <c r="I409" s="277"/>
      <c r="J409" s="277"/>
      <c r="K409" s="277"/>
    </row>
    <row r="410" spans="3:11" x14ac:dyDescent="0.2">
      <c r="C410" s="277"/>
      <c r="D410" s="277"/>
      <c r="E410" s="277"/>
      <c r="F410" s="277"/>
      <c r="G410" s="277"/>
      <c r="H410" s="277"/>
      <c r="I410" s="277"/>
      <c r="J410" s="277"/>
      <c r="K410" s="277"/>
    </row>
    <row r="411" spans="3:11" x14ac:dyDescent="0.2">
      <c r="C411" s="277"/>
      <c r="D411" s="277"/>
      <c r="E411" s="277"/>
      <c r="F411" s="277"/>
      <c r="G411" s="277"/>
      <c r="H411" s="277"/>
      <c r="I411" s="277"/>
      <c r="J411" s="277"/>
      <c r="K411" s="277"/>
    </row>
    <row r="412" spans="3:11" x14ac:dyDescent="0.2">
      <c r="C412" s="277"/>
      <c r="D412" s="277"/>
      <c r="E412" s="277"/>
      <c r="F412" s="277"/>
      <c r="G412" s="277"/>
      <c r="H412" s="277"/>
      <c r="I412" s="277"/>
      <c r="J412" s="277"/>
      <c r="K412" s="277"/>
    </row>
    <row r="413" spans="3:11" x14ac:dyDescent="0.2">
      <c r="C413" s="277"/>
      <c r="D413" s="277"/>
      <c r="E413" s="277"/>
      <c r="F413" s="277"/>
      <c r="G413" s="277"/>
      <c r="H413" s="277"/>
      <c r="I413" s="277"/>
      <c r="J413" s="277"/>
      <c r="K413" s="277"/>
    </row>
    <row r="414" spans="3:11" x14ac:dyDescent="0.2">
      <c r="C414" s="277"/>
      <c r="D414" s="277"/>
      <c r="E414" s="277"/>
      <c r="F414" s="277"/>
      <c r="G414" s="277"/>
      <c r="H414" s="277"/>
      <c r="I414" s="277"/>
      <c r="J414" s="277"/>
      <c r="K414" s="277"/>
    </row>
    <row r="415" spans="3:11" x14ac:dyDescent="0.2">
      <c r="C415" s="277"/>
      <c r="D415" s="277"/>
      <c r="E415" s="277"/>
      <c r="F415" s="277"/>
      <c r="G415" s="277"/>
      <c r="H415" s="277"/>
      <c r="I415" s="277"/>
      <c r="J415" s="277"/>
      <c r="K415" s="277"/>
    </row>
    <row r="416" spans="3:11" x14ac:dyDescent="0.2">
      <c r="C416" s="277"/>
      <c r="D416" s="277"/>
      <c r="E416" s="277"/>
      <c r="F416" s="277"/>
      <c r="G416" s="277"/>
      <c r="H416" s="277"/>
      <c r="I416" s="277"/>
      <c r="J416" s="277"/>
      <c r="K416" s="277"/>
    </row>
    <row r="417" spans="3:11" x14ac:dyDescent="0.2">
      <c r="C417" s="277"/>
      <c r="D417" s="277"/>
      <c r="E417" s="277"/>
      <c r="F417" s="277"/>
      <c r="G417" s="277"/>
      <c r="H417" s="277"/>
      <c r="I417" s="277"/>
      <c r="J417" s="277"/>
      <c r="K417" s="277"/>
    </row>
    <row r="418" spans="3:11" x14ac:dyDescent="0.2">
      <c r="C418" s="277"/>
      <c r="D418" s="277"/>
      <c r="E418" s="277"/>
      <c r="F418" s="277"/>
      <c r="G418" s="277"/>
      <c r="H418" s="277"/>
      <c r="I418" s="277"/>
      <c r="J418" s="277"/>
      <c r="K418" s="277"/>
    </row>
    <row r="419" spans="3:11" x14ac:dyDescent="0.2">
      <c r="C419" s="277"/>
      <c r="D419" s="277"/>
      <c r="E419" s="277"/>
      <c r="F419" s="277"/>
      <c r="G419" s="277"/>
      <c r="H419" s="277"/>
      <c r="I419" s="277"/>
      <c r="J419" s="277"/>
      <c r="K419" s="277"/>
    </row>
    <row r="420" spans="3:11" x14ac:dyDescent="0.2">
      <c r="C420" s="277"/>
      <c r="D420" s="277"/>
      <c r="E420" s="277"/>
      <c r="F420" s="277"/>
      <c r="G420" s="277"/>
      <c r="H420" s="277"/>
      <c r="I420" s="277"/>
      <c r="J420" s="277"/>
      <c r="K420" s="277"/>
    </row>
    <row r="421" spans="3:11" x14ac:dyDescent="0.2">
      <c r="C421" s="277"/>
      <c r="D421" s="277"/>
      <c r="E421" s="277"/>
      <c r="F421" s="277"/>
      <c r="G421" s="277"/>
      <c r="H421" s="277"/>
      <c r="I421" s="277"/>
      <c r="J421" s="277"/>
      <c r="K421" s="277"/>
    </row>
    <row r="422" spans="3:11" x14ac:dyDescent="0.2">
      <c r="C422" s="277"/>
      <c r="D422" s="277"/>
      <c r="E422" s="277"/>
      <c r="F422" s="277"/>
      <c r="G422" s="277"/>
      <c r="H422" s="277"/>
      <c r="I422" s="277"/>
      <c r="J422" s="277"/>
      <c r="K422" s="277"/>
    </row>
    <row r="423" spans="3:11" x14ac:dyDescent="0.2">
      <c r="C423" s="277"/>
      <c r="D423" s="277"/>
      <c r="E423" s="277"/>
      <c r="F423" s="277"/>
      <c r="G423" s="277"/>
      <c r="H423" s="277"/>
      <c r="I423" s="277"/>
      <c r="J423" s="277"/>
      <c r="K423" s="277"/>
    </row>
    <row r="424" spans="3:11" x14ac:dyDescent="0.2">
      <c r="C424" s="277"/>
      <c r="D424" s="277"/>
      <c r="E424" s="277"/>
      <c r="F424" s="277"/>
      <c r="G424" s="277"/>
      <c r="H424" s="277"/>
      <c r="I424" s="277"/>
      <c r="J424" s="277"/>
      <c r="K424" s="277"/>
    </row>
    <row r="425" spans="3:11" x14ac:dyDescent="0.2">
      <c r="C425" s="277"/>
      <c r="D425" s="277"/>
      <c r="E425" s="277"/>
      <c r="F425" s="277"/>
      <c r="G425" s="277"/>
      <c r="H425" s="277"/>
      <c r="I425" s="277"/>
      <c r="J425" s="277"/>
      <c r="K425" s="277"/>
    </row>
    <row r="426" spans="3:11" x14ac:dyDescent="0.2">
      <c r="C426" s="277"/>
      <c r="D426" s="277"/>
      <c r="E426" s="277"/>
      <c r="F426" s="277"/>
      <c r="G426" s="277"/>
      <c r="H426" s="277"/>
      <c r="I426" s="277"/>
      <c r="J426" s="277"/>
      <c r="K426" s="277"/>
    </row>
    <row r="427" spans="3:11" x14ac:dyDescent="0.2">
      <c r="C427" s="277"/>
      <c r="D427" s="277"/>
      <c r="E427" s="277"/>
      <c r="F427" s="277"/>
      <c r="G427" s="277"/>
      <c r="H427" s="277"/>
      <c r="I427" s="277"/>
      <c r="J427" s="277"/>
      <c r="K427" s="277"/>
    </row>
    <row r="428" spans="3:11" x14ac:dyDescent="0.2">
      <c r="C428" s="277"/>
      <c r="D428" s="277"/>
      <c r="E428" s="277"/>
      <c r="F428" s="277"/>
      <c r="G428" s="277"/>
      <c r="H428" s="277"/>
      <c r="I428" s="277"/>
      <c r="J428" s="277"/>
      <c r="K428" s="277"/>
    </row>
    <row r="429" spans="3:11" x14ac:dyDescent="0.2">
      <c r="C429" s="277"/>
      <c r="D429" s="277"/>
      <c r="E429" s="277"/>
      <c r="F429" s="277"/>
      <c r="G429" s="277"/>
      <c r="H429" s="277"/>
      <c r="I429" s="277"/>
      <c r="J429" s="277"/>
      <c r="K429" s="277"/>
    </row>
    <row r="430" spans="3:11" x14ac:dyDescent="0.2">
      <c r="C430" s="277"/>
      <c r="D430" s="277"/>
      <c r="E430" s="277"/>
      <c r="F430" s="277"/>
      <c r="G430" s="277"/>
      <c r="H430" s="277"/>
      <c r="I430" s="277"/>
      <c r="J430" s="277"/>
      <c r="K430" s="277"/>
    </row>
    <row r="431" spans="3:11" x14ac:dyDescent="0.2">
      <c r="C431" s="277"/>
      <c r="D431" s="277"/>
      <c r="E431" s="277"/>
      <c r="F431" s="277"/>
      <c r="G431" s="277"/>
      <c r="H431" s="277"/>
      <c r="I431" s="277"/>
      <c r="J431" s="277"/>
      <c r="K431" s="277"/>
    </row>
    <row r="432" spans="3:11" x14ac:dyDescent="0.2">
      <c r="C432" s="277"/>
      <c r="D432" s="277"/>
      <c r="E432" s="277"/>
      <c r="F432" s="277"/>
      <c r="G432" s="277"/>
      <c r="H432" s="277"/>
      <c r="I432" s="277"/>
      <c r="J432" s="277"/>
      <c r="K432" s="277"/>
    </row>
    <row r="433" spans="3:11" x14ac:dyDescent="0.2">
      <c r="C433" s="277"/>
      <c r="D433" s="277"/>
      <c r="E433" s="277"/>
      <c r="F433" s="277"/>
      <c r="G433" s="277"/>
      <c r="H433" s="277"/>
      <c r="I433" s="277"/>
      <c r="J433" s="277"/>
      <c r="K433" s="277"/>
    </row>
    <row r="434" spans="3:11" x14ac:dyDescent="0.2">
      <c r="C434" s="277"/>
      <c r="D434" s="277"/>
      <c r="E434" s="277"/>
      <c r="F434" s="277"/>
      <c r="G434" s="277"/>
      <c r="H434" s="277"/>
      <c r="I434" s="277"/>
      <c r="J434" s="277"/>
      <c r="K434" s="277"/>
    </row>
    <row r="435" spans="3:11" x14ac:dyDescent="0.2">
      <c r="C435" s="277"/>
      <c r="D435" s="277"/>
      <c r="E435" s="277"/>
      <c r="F435" s="277"/>
      <c r="G435" s="277"/>
      <c r="H435" s="277"/>
      <c r="I435" s="277"/>
      <c r="J435" s="277"/>
      <c r="K435" s="277"/>
    </row>
    <row r="436" spans="3:11" x14ac:dyDescent="0.2">
      <c r="C436" s="277"/>
      <c r="D436" s="277"/>
      <c r="E436" s="277"/>
      <c r="F436" s="277"/>
      <c r="G436" s="277"/>
      <c r="H436" s="277"/>
      <c r="I436" s="277"/>
      <c r="J436" s="277"/>
      <c r="K436" s="277"/>
    </row>
    <row r="437" spans="3:11" x14ac:dyDescent="0.2">
      <c r="C437" s="277"/>
      <c r="D437" s="277"/>
      <c r="E437" s="277"/>
      <c r="F437" s="277"/>
      <c r="G437" s="277"/>
      <c r="H437" s="277"/>
      <c r="I437" s="277"/>
      <c r="J437" s="277"/>
      <c r="K437" s="277"/>
    </row>
    <row r="438" spans="3:11" x14ac:dyDescent="0.2">
      <c r="C438" s="277"/>
      <c r="D438" s="277"/>
      <c r="E438" s="277"/>
      <c r="F438" s="277"/>
      <c r="G438" s="277"/>
      <c r="H438" s="277"/>
      <c r="I438" s="277"/>
      <c r="J438" s="277"/>
      <c r="K438" s="277"/>
    </row>
    <row r="439" spans="3:11" x14ac:dyDescent="0.2">
      <c r="C439" s="277"/>
      <c r="D439" s="277"/>
      <c r="E439" s="277"/>
      <c r="F439" s="277"/>
      <c r="G439" s="277"/>
      <c r="H439" s="277"/>
      <c r="I439" s="277"/>
      <c r="J439" s="277"/>
      <c r="K439" s="277"/>
    </row>
    <row r="440" spans="3:11" x14ac:dyDescent="0.2">
      <c r="C440" s="277"/>
      <c r="D440" s="277"/>
      <c r="E440" s="277"/>
      <c r="F440" s="277"/>
      <c r="G440" s="277"/>
      <c r="H440" s="277"/>
      <c r="I440" s="277"/>
      <c r="J440" s="277"/>
      <c r="K440" s="277"/>
    </row>
    <row r="441" spans="3:11" x14ac:dyDescent="0.2">
      <c r="C441" s="277"/>
      <c r="D441" s="277"/>
      <c r="E441" s="277"/>
      <c r="F441" s="277"/>
      <c r="G441" s="277"/>
      <c r="H441" s="277"/>
      <c r="I441" s="277"/>
      <c r="J441" s="277"/>
      <c r="K441" s="277"/>
    </row>
    <row r="442" spans="3:11" x14ac:dyDescent="0.2">
      <c r="C442" s="277"/>
      <c r="D442" s="277"/>
      <c r="E442" s="277"/>
      <c r="F442" s="277"/>
      <c r="G442" s="277"/>
      <c r="H442" s="277"/>
      <c r="I442" s="277"/>
      <c r="J442" s="277"/>
      <c r="K442" s="277"/>
    </row>
    <row r="443" spans="3:11" x14ac:dyDescent="0.2">
      <c r="C443" s="277"/>
      <c r="D443" s="277"/>
      <c r="E443" s="277"/>
      <c r="F443" s="277"/>
      <c r="G443" s="277"/>
      <c r="H443" s="277"/>
      <c r="I443" s="277"/>
      <c r="J443" s="277"/>
      <c r="K443" s="277"/>
    </row>
    <row r="444" spans="3:11" x14ac:dyDescent="0.2">
      <c r="C444" s="277"/>
      <c r="D444" s="277"/>
      <c r="E444" s="277"/>
      <c r="F444" s="277"/>
      <c r="G444" s="277"/>
      <c r="H444" s="277"/>
      <c r="I444" s="277"/>
      <c r="J444" s="277"/>
      <c r="K444" s="277"/>
    </row>
    <row r="445" spans="3:11" x14ac:dyDescent="0.2">
      <c r="C445" s="277"/>
      <c r="D445" s="277"/>
      <c r="E445" s="277"/>
      <c r="F445" s="277"/>
      <c r="G445" s="277"/>
      <c r="H445" s="277"/>
      <c r="I445" s="277"/>
      <c r="J445" s="277"/>
      <c r="K445" s="277"/>
    </row>
    <row r="446" spans="3:11" x14ac:dyDescent="0.2">
      <c r="C446" s="277"/>
      <c r="D446" s="277"/>
      <c r="E446" s="277"/>
      <c r="F446" s="277"/>
      <c r="G446" s="277"/>
      <c r="H446" s="277"/>
      <c r="I446" s="277"/>
      <c r="J446" s="277"/>
      <c r="K446" s="277"/>
    </row>
    <row r="447" spans="3:11" x14ac:dyDescent="0.2">
      <c r="C447" s="277"/>
      <c r="D447" s="277"/>
      <c r="E447" s="277"/>
      <c r="F447" s="277"/>
      <c r="G447" s="277"/>
      <c r="H447" s="277"/>
      <c r="I447" s="277"/>
      <c r="J447" s="277"/>
      <c r="K447" s="277"/>
    </row>
    <row r="448" spans="3:11" x14ac:dyDescent="0.2">
      <c r="C448" s="277"/>
      <c r="D448" s="277"/>
      <c r="E448" s="277"/>
      <c r="F448" s="277"/>
      <c r="G448" s="277"/>
      <c r="H448" s="277"/>
      <c r="I448" s="277"/>
      <c r="J448" s="277"/>
      <c r="K448" s="277"/>
    </row>
    <row r="449" spans="3:11" x14ac:dyDescent="0.2">
      <c r="C449" s="277"/>
      <c r="D449" s="277"/>
      <c r="E449" s="277"/>
      <c r="F449" s="277"/>
      <c r="G449" s="277"/>
      <c r="H449" s="277"/>
      <c r="I449" s="277"/>
      <c r="J449" s="277"/>
      <c r="K449" s="277"/>
    </row>
    <row r="450" spans="3:11" x14ac:dyDescent="0.2">
      <c r="C450" s="277"/>
      <c r="D450" s="277"/>
      <c r="E450" s="277"/>
      <c r="F450" s="277"/>
      <c r="G450" s="277"/>
      <c r="H450" s="277"/>
      <c r="I450" s="277"/>
      <c r="J450" s="277"/>
      <c r="K450" s="277"/>
    </row>
    <row r="451" spans="3:11" x14ac:dyDescent="0.2">
      <c r="C451" s="277"/>
      <c r="D451" s="277"/>
      <c r="E451" s="277"/>
      <c r="F451" s="277"/>
      <c r="G451" s="277"/>
      <c r="H451" s="277"/>
      <c r="I451" s="277"/>
      <c r="J451" s="277"/>
      <c r="K451" s="277"/>
    </row>
    <row r="452" spans="3:11" x14ac:dyDescent="0.2">
      <c r="C452" s="277"/>
      <c r="D452" s="277"/>
      <c r="E452" s="277"/>
      <c r="F452" s="277"/>
      <c r="G452" s="277"/>
      <c r="H452" s="277"/>
      <c r="I452" s="277"/>
      <c r="J452" s="277"/>
      <c r="K452" s="277"/>
    </row>
    <row r="453" spans="3:11" x14ac:dyDescent="0.2">
      <c r="C453" s="277"/>
      <c r="D453" s="277"/>
      <c r="E453" s="277"/>
      <c r="F453" s="277"/>
      <c r="G453" s="277"/>
      <c r="H453" s="277"/>
      <c r="I453" s="277"/>
      <c r="J453" s="277"/>
      <c r="K453" s="277"/>
    </row>
    <row r="454" spans="3:11" x14ac:dyDescent="0.2">
      <c r="C454" s="277"/>
      <c r="D454" s="277"/>
      <c r="E454" s="277"/>
      <c r="F454" s="277"/>
      <c r="G454" s="277"/>
      <c r="H454" s="277"/>
      <c r="I454" s="277"/>
      <c r="J454" s="277"/>
      <c r="K454" s="277"/>
    </row>
    <row r="455" spans="3:11" x14ac:dyDescent="0.2">
      <c r="C455" s="277"/>
      <c r="D455" s="277"/>
      <c r="E455" s="277"/>
      <c r="F455" s="277"/>
      <c r="G455" s="277"/>
      <c r="H455" s="277"/>
      <c r="I455" s="277"/>
      <c r="J455" s="277"/>
      <c r="K455" s="277"/>
    </row>
    <row r="456" spans="3:11" x14ac:dyDescent="0.2">
      <c r="C456" s="277"/>
      <c r="D456" s="277"/>
      <c r="E456" s="277"/>
      <c r="F456" s="277"/>
      <c r="G456" s="277"/>
      <c r="H456" s="277"/>
      <c r="I456" s="277"/>
      <c r="J456" s="277"/>
      <c r="K456" s="277"/>
    </row>
    <row r="457" spans="3:11" x14ac:dyDescent="0.2">
      <c r="C457" s="277"/>
      <c r="D457" s="277"/>
      <c r="E457" s="277"/>
      <c r="F457" s="277"/>
      <c r="G457" s="277"/>
      <c r="H457" s="277"/>
      <c r="I457" s="277"/>
      <c r="J457" s="277"/>
      <c r="K457" s="277"/>
    </row>
    <row r="458" spans="3:11" x14ac:dyDescent="0.2">
      <c r="C458" s="277"/>
      <c r="D458" s="277"/>
      <c r="E458" s="277"/>
      <c r="F458" s="277"/>
      <c r="G458" s="277"/>
      <c r="H458" s="277"/>
      <c r="I458" s="277"/>
      <c r="J458" s="277"/>
      <c r="K458" s="277"/>
    </row>
    <row r="459" spans="3:11" x14ac:dyDescent="0.2">
      <c r="C459" s="277"/>
      <c r="D459" s="277"/>
      <c r="E459" s="277"/>
      <c r="F459" s="277"/>
      <c r="G459" s="277"/>
      <c r="H459" s="277"/>
      <c r="I459" s="277"/>
      <c r="J459" s="277"/>
      <c r="K459" s="277"/>
    </row>
    <row r="460" spans="3:11" x14ac:dyDescent="0.2">
      <c r="C460" s="277"/>
      <c r="D460" s="277"/>
      <c r="E460" s="277"/>
      <c r="F460" s="277"/>
      <c r="G460" s="277"/>
      <c r="H460" s="277"/>
      <c r="I460" s="277"/>
      <c r="J460" s="277"/>
      <c r="K460" s="277"/>
    </row>
    <row r="461" spans="3:11" x14ac:dyDescent="0.2">
      <c r="C461" s="277"/>
      <c r="D461" s="277"/>
      <c r="E461" s="277"/>
      <c r="F461" s="277"/>
      <c r="G461" s="277"/>
      <c r="H461" s="277"/>
      <c r="I461" s="277"/>
      <c r="J461" s="277"/>
      <c r="K461" s="277"/>
    </row>
    <row r="462" spans="3:11" x14ac:dyDescent="0.2">
      <c r="C462" s="277"/>
      <c r="D462" s="277"/>
      <c r="E462" s="277"/>
      <c r="F462" s="277"/>
      <c r="G462" s="277"/>
      <c r="H462" s="277"/>
      <c r="I462" s="277"/>
      <c r="J462" s="277"/>
      <c r="K462" s="277"/>
    </row>
    <row r="463" spans="3:11" x14ac:dyDescent="0.2">
      <c r="C463" s="277"/>
      <c r="D463" s="277"/>
      <c r="E463" s="277"/>
      <c r="F463" s="277"/>
      <c r="G463" s="277"/>
      <c r="H463" s="277"/>
      <c r="I463" s="277"/>
      <c r="J463" s="277"/>
      <c r="K463" s="277"/>
    </row>
    <row r="464" spans="3:11" x14ac:dyDescent="0.2">
      <c r="C464" s="277"/>
      <c r="D464" s="277"/>
      <c r="E464" s="277"/>
      <c r="F464" s="277"/>
      <c r="G464" s="277"/>
      <c r="H464" s="277"/>
      <c r="I464" s="277"/>
      <c r="J464" s="277"/>
      <c r="K464" s="277"/>
    </row>
    <row r="465" spans="3:11" x14ac:dyDescent="0.2">
      <c r="C465" s="277"/>
      <c r="D465" s="277"/>
      <c r="E465" s="277"/>
      <c r="F465" s="277"/>
      <c r="G465" s="277"/>
      <c r="H465" s="277"/>
      <c r="I465" s="277"/>
      <c r="J465" s="277"/>
      <c r="K465" s="277"/>
    </row>
    <row r="466" spans="3:11" x14ac:dyDescent="0.2">
      <c r="C466" s="277"/>
      <c r="D466" s="277"/>
      <c r="E466" s="277"/>
      <c r="F466" s="277"/>
      <c r="G466" s="277"/>
      <c r="H466" s="277"/>
      <c r="I466" s="277"/>
      <c r="J466" s="277"/>
      <c r="K466" s="277"/>
    </row>
    <row r="467" spans="3:11" x14ac:dyDescent="0.2">
      <c r="C467" s="277"/>
      <c r="D467" s="277"/>
      <c r="E467" s="277"/>
      <c r="F467" s="277"/>
      <c r="G467" s="277"/>
      <c r="H467" s="277"/>
      <c r="I467" s="277"/>
      <c r="J467" s="277"/>
      <c r="K467" s="277"/>
    </row>
    <row r="468" spans="3:11" x14ac:dyDescent="0.2">
      <c r="C468" s="277"/>
      <c r="D468" s="277"/>
      <c r="E468" s="277"/>
      <c r="F468" s="277"/>
      <c r="G468" s="277"/>
      <c r="H468" s="277"/>
      <c r="I468" s="277"/>
      <c r="J468" s="277"/>
      <c r="K468" s="277"/>
    </row>
    <row r="469" spans="3:11" x14ac:dyDescent="0.2">
      <c r="C469" s="277"/>
      <c r="D469" s="277"/>
      <c r="E469" s="277"/>
      <c r="F469" s="277"/>
      <c r="G469" s="277"/>
      <c r="H469" s="277"/>
      <c r="I469" s="277"/>
      <c r="J469" s="277"/>
      <c r="K469" s="277"/>
    </row>
    <row r="470" spans="3:11" x14ac:dyDescent="0.2">
      <c r="C470" s="277"/>
      <c r="D470" s="277"/>
      <c r="E470" s="277"/>
      <c r="F470" s="277"/>
      <c r="G470" s="277"/>
      <c r="H470" s="277"/>
      <c r="I470" s="277"/>
      <c r="J470" s="277"/>
      <c r="K470" s="277"/>
    </row>
    <row r="471" spans="3:11" x14ac:dyDescent="0.2">
      <c r="C471" s="277"/>
      <c r="D471" s="277"/>
      <c r="E471" s="277"/>
      <c r="F471" s="277"/>
      <c r="G471" s="277"/>
      <c r="H471" s="277"/>
      <c r="I471" s="277"/>
      <c r="J471" s="277"/>
      <c r="K471" s="277"/>
    </row>
    <row r="472" spans="3:11" x14ac:dyDescent="0.2">
      <c r="C472" s="277"/>
      <c r="D472" s="277"/>
      <c r="E472" s="277"/>
      <c r="F472" s="277"/>
      <c r="G472" s="277"/>
      <c r="H472" s="277"/>
      <c r="I472" s="277"/>
      <c r="J472" s="277"/>
      <c r="K472" s="277"/>
    </row>
    <row r="473" spans="3:11" x14ac:dyDescent="0.2">
      <c r="C473" s="277"/>
      <c r="D473" s="277"/>
      <c r="E473" s="277"/>
      <c r="F473" s="277"/>
      <c r="G473" s="277"/>
      <c r="H473" s="277"/>
      <c r="I473" s="277"/>
      <c r="J473" s="277"/>
      <c r="K473" s="277"/>
    </row>
    <row r="474" spans="3:11" x14ac:dyDescent="0.2">
      <c r="C474" s="277"/>
      <c r="D474" s="277"/>
      <c r="E474" s="277"/>
      <c r="F474" s="277"/>
      <c r="G474" s="277"/>
      <c r="H474" s="277"/>
      <c r="I474" s="277"/>
      <c r="J474" s="277"/>
      <c r="K474" s="277"/>
    </row>
    <row r="475" spans="3:11" x14ac:dyDescent="0.2">
      <c r="C475" s="277"/>
      <c r="D475" s="277"/>
      <c r="E475" s="277"/>
      <c r="F475" s="277"/>
      <c r="G475" s="277"/>
      <c r="H475" s="277"/>
      <c r="I475" s="277"/>
      <c r="J475" s="277"/>
      <c r="K475" s="277"/>
    </row>
    <row r="476" spans="3:11" x14ac:dyDescent="0.2">
      <c r="C476" s="277"/>
      <c r="D476" s="277"/>
      <c r="E476" s="277"/>
      <c r="F476" s="277"/>
      <c r="G476" s="277"/>
      <c r="H476" s="277"/>
      <c r="I476" s="277"/>
      <c r="J476" s="277"/>
      <c r="K476" s="277"/>
    </row>
    <row r="477" spans="3:11" x14ac:dyDescent="0.2">
      <c r="C477" s="277"/>
      <c r="D477" s="277"/>
      <c r="E477" s="277"/>
      <c r="F477" s="277"/>
      <c r="G477" s="277"/>
      <c r="H477" s="277"/>
      <c r="I477" s="277"/>
      <c r="J477" s="277"/>
      <c r="K477" s="277"/>
    </row>
    <row r="478" spans="3:11" x14ac:dyDescent="0.2">
      <c r="C478" s="277"/>
      <c r="D478" s="277"/>
      <c r="E478" s="277"/>
      <c r="F478" s="277"/>
      <c r="G478" s="277"/>
      <c r="H478" s="277"/>
      <c r="I478" s="277"/>
      <c r="J478" s="277"/>
      <c r="K478" s="277"/>
    </row>
    <row r="479" spans="3:11" x14ac:dyDescent="0.2">
      <c r="C479" s="277"/>
      <c r="D479" s="277"/>
      <c r="E479" s="277"/>
      <c r="F479" s="277"/>
      <c r="G479" s="277"/>
      <c r="H479" s="277"/>
      <c r="I479" s="277"/>
      <c r="J479" s="277"/>
      <c r="K479" s="277"/>
    </row>
    <row r="480" spans="3:11" x14ac:dyDescent="0.2">
      <c r="C480" s="277"/>
      <c r="D480" s="277"/>
      <c r="E480" s="277"/>
      <c r="F480" s="277"/>
      <c r="G480" s="277"/>
      <c r="H480" s="277"/>
      <c r="I480" s="277"/>
      <c r="J480" s="277"/>
      <c r="K480" s="277"/>
    </row>
    <row r="481" spans="3:11" x14ac:dyDescent="0.2">
      <c r="C481" s="277"/>
      <c r="D481" s="277"/>
      <c r="E481" s="277"/>
      <c r="F481" s="277"/>
      <c r="G481" s="277"/>
      <c r="H481" s="277"/>
      <c r="I481" s="277"/>
      <c r="J481" s="277"/>
      <c r="K481" s="277"/>
    </row>
    <row r="482" spans="3:11" x14ac:dyDescent="0.2">
      <c r="C482" s="277"/>
      <c r="D482" s="277"/>
      <c r="E482" s="277"/>
      <c r="F482" s="277"/>
      <c r="G482" s="277"/>
      <c r="H482" s="277"/>
      <c r="I482" s="277"/>
      <c r="J482" s="277"/>
      <c r="K482" s="277"/>
    </row>
    <row r="483" spans="3:11" x14ac:dyDescent="0.2">
      <c r="C483" s="277"/>
      <c r="D483" s="277"/>
      <c r="E483" s="277"/>
      <c r="F483" s="277"/>
      <c r="G483" s="277"/>
      <c r="H483" s="277"/>
      <c r="I483" s="277"/>
      <c r="J483" s="277"/>
      <c r="K483" s="277"/>
    </row>
    <row r="484" spans="3:11" x14ac:dyDescent="0.2">
      <c r="C484" s="277"/>
      <c r="D484" s="277"/>
      <c r="E484" s="277"/>
      <c r="F484" s="277"/>
      <c r="G484" s="277"/>
      <c r="H484" s="277"/>
      <c r="I484" s="277"/>
      <c r="J484" s="277"/>
      <c r="K484" s="277"/>
    </row>
    <row r="485" spans="3:11" x14ac:dyDescent="0.2">
      <c r="C485" s="277"/>
      <c r="D485" s="277"/>
      <c r="E485" s="277"/>
      <c r="F485" s="277"/>
      <c r="G485" s="277"/>
      <c r="H485" s="277"/>
      <c r="I485" s="277"/>
      <c r="J485" s="277"/>
      <c r="K485" s="277"/>
    </row>
    <row r="486" spans="3:11" x14ac:dyDescent="0.2">
      <c r="C486" s="277"/>
      <c r="D486" s="277"/>
      <c r="E486" s="277"/>
      <c r="F486" s="277"/>
      <c r="G486" s="277"/>
      <c r="H486" s="277"/>
      <c r="I486" s="277"/>
      <c r="J486" s="277"/>
      <c r="K486" s="277"/>
    </row>
    <row r="487" spans="3:11" x14ac:dyDescent="0.2">
      <c r="C487" s="277"/>
      <c r="D487" s="277"/>
      <c r="E487" s="277"/>
      <c r="F487" s="277"/>
      <c r="G487" s="277"/>
      <c r="H487" s="277"/>
      <c r="I487" s="277"/>
      <c r="J487" s="277"/>
      <c r="K487" s="277"/>
    </row>
    <row r="488" spans="3:11" x14ac:dyDescent="0.2">
      <c r="C488" s="277"/>
      <c r="D488" s="277"/>
      <c r="E488" s="277"/>
      <c r="F488" s="277"/>
      <c r="G488" s="277"/>
      <c r="H488" s="277"/>
      <c r="I488" s="277"/>
      <c r="J488" s="277"/>
      <c r="K488" s="277"/>
    </row>
    <row r="489" spans="3:11" x14ac:dyDescent="0.2">
      <c r="C489" s="277"/>
      <c r="D489" s="277"/>
      <c r="E489" s="277"/>
      <c r="F489" s="277"/>
      <c r="G489" s="277"/>
      <c r="H489" s="277"/>
      <c r="I489" s="277"/>
      <c r="J489" s="277"/>
      <c r="K489" s="277"/>
    </row>
    <row r="490" spans="3:11" x14ac:dyDescent="0.2">
      <c r="C490" s="277"/>
      <c r="D490" s="277"/>
      <c r="E490" s="277"/>
      <c r="F490" s="277"/>
      <c r="G490" s="277"/>
      <c r="H490" s="277"/>
      <c r="I490" s="277"/>
      <c r="J490" s="277"/>
      <c r="K490" s="277"/>
    </row>
    <row r="491" spans="3:11" x14ac:dyDescent="0.2">
      <c r="C491" s="277"/>
      <c r="D491" s="277"/>
      <c r="E491" s="277"/>
      <c r="F491" s="277"/>
      <c r="G491" s="277"/>
      <c r="H491" s="277"/>
      <c r="I491" s="277"/>
      <c r="J491" s="277"/>
      <c r="K491" s="277"/>
    </row>
    <row r="492" spans="3:11" x14ac:dyDescent="0.2">
      <c r="C492" s="277"/>
      <c r="D492" s="277"/>
      <c r="E492" s="277"/>
      <c r="F492" s="277"/>
      <c r="G492" s="277"/>
      <c r="H492" s="277"/>
      <c r="I492" s="277"/>
      <c r="J492" s="277"/>
      <c r="K492" s="277"/>
    </row>
    <row r="493" spans="3:11" x14ac:dyDescent="0.2">
      <c r="C493" s="277"/>
      <c r="D493" s="277"/>
      <c r="E493" s="277"/>
      <c r="F493" s="277"/>
      <c r="G493" s="277"/>
      <c r="H493" s="277"/>
      <c r="I493" s="277"/>
      <c r="J493" s="277"/>
      <c r="K493" s="277"/>
    </row>
    <row r="494" spans="3:11" x14ac:dyDescent="0.2">
      <c r="C494" s="277"/>
      <c r="D494" s="277"/>
      <c r="E494" s="277"/>
      <c r="F494" s="277"/>
      <c r="G494" s="277"/>
      <c r="H494" s="277"/>
      <c r="I494" s="277"/>
      <c r="J494" s="277"/>
      <c r="K494" s="277"/>
    </row>
    <row r="495" spans="3:11" x14ac:dyDescent="0.2">
      <c r="C495" s="277"/>
      <c r="D495" s="277"/>
      <c r="E495" s="277"/>
      <c r="F495" s="277"/>
      <c r="G495" s="277"/>
      <c r="H495" s="277"/>
      <c r="I495" s="277"/>
      <c r="J495" s="277"/>
      <c r="K495" s="277"/>
    </row>
    <row r="496" spans="3:11" x14ac:dyDescent="0.2">
      <c r="C496" s="277"/>
      <c r="D496" s="277"/>
      <c r="E496" s="277"/>
      <c r="F496" s="277"/>
      <c r="G496" s="277"/>
      <c r="H496" s="277"/>
      <c r="I496" s="277"/>
      <c r="J496" s="277"/>
      <c r="K496" s="277"/>
    </row>
    <row r="497" spans="3:11" x14ac:dyDescent="0.2">
      <c r="C497" s="277"/>
      <c r="D497" s="277"/>
      <c r="E497" s="277"/>
      <c r="F497" s="277"/>
      <c r="G497" s="277"/>
      <c r="H497" s="277"/>
      <c r="I497" s="277"/>
      <c r="J497" s="277"/>
      <c r="K497" s="277"/>
    </row>
    <row r="498" spans="3:11" x14ac:dyDescent="0.2">
      <c r="C498" s="277"/>
      <c r="D498" s="277"/>
      <c r="E498" s="277"/>
      <c r="F498" s="277"/>
      <c r="G498" s="277"/>
      <c r="H498" s="277"/>
      <c r="I498" s="277"/>
      <c r="J498" s="277"/>
      <c r="K498" s="277"/>
    </row>
    <row r="499" spans="3:11" x14ac:dyDescent="0.2">
      <c r="C499" s="277"/>
      <c r="D499" s="277"/>
      <c r="E499" s="277"/>
      <c r="F499" s="277"/>
      <c r="G499" s="277"/>
      <c r="H499" s="277"/>
      <c r="I499" s="277"/>
      <c r="J499" s="277"/>
      <c r="K499" s="277"/>
    </row>
    <row r="500" spans="3:11" x14ac:dyDescent="0.2">
      <c r="C500" s="277"/>
      <c r="D500" s="277"/>
      <c r="E500" s="277"/>
      <c r="F500" s="277"/>
      <c r="G500" s="277"/>
      <c r="H500" s="277"/>
      <c r="I500" s="277"/>
      <c r="J500" s="277"/>
      <c r="K500" s="277"/>
    </row>
    <row r="501" spans="3:11" x14ac:dyDescent="0.2">
      <c r="C501" s="277"/>
      <c r="D501" s="277"/>
      <c r="E501" s="277"/>
      <c r="F501" s="277"/>
      <c r="G501" s="277"/>
      <c r="H501" s="277"/>
      <c r="I501" s="277"/>
      <c r="J501" s="277"/>
      <c r="K501" s="277"/>
    </row>
    <row r="502" spans="3:11" x14ac:dyDescent="0.2">
      <c r="C502" s="277"/>
      <c r="D502" s="277"/>
      <c r="E502" s="277"/>
      <c r="F502" s="277"/>
      <c r="G502" s="277"/>
      <c r="H502" s="277"/>
      <c r="I502" s="277"/>
      <c r="J502" s="277"/>
      <c r="K502" s="277"/>
    </row>
    <row r="503" spans="3:11" x14ac:dyDescent="0.2">
      <c r="C503" s="277"/>
      <c r="D503" s="277"/>
      <c r="E503" s="277"/>
      <c r="F503" s="277"/>
      <c r="G503" s="277"/>
      <c r="H503" s="277"/>
      <c r="I503" s="277"/>
      <c r="J503" s="277"/>
      <c r="K503" s="277"/>
    </row>
    <row r="504" spans="3:11" x14ac:dyDescent="0.2">
      <c r="C504" s="277"/>
      <c r="D504" s="277"/>
      <c r="E504" s="277"/>
      <c r="F504" s="277"/>
      <c r="G504" s="277"/>
      <c r="H504" s="277"/>
      <c r="I504" s="277"/>
      <c r="J504" s="277"/>
      <c r="K504" s="277"/>
    </row>
    <row r="505" spans="3:11" x14ac:dyDescent="0.2">
      <c r="C505" s="277"/>
      <c r="D505" s="277"/>
      <c r="E505" s="277"/>
      <c r="F505" s="277"/>
      <c r="G505" s="277"/>
      <c r="H505" s="277"/>
      <c r="I505" s="277"/>
      <c r="J505" s="277"/>
      <c r="K505" s="277"/>
    </row>
    <row r="506" spans="3:11" x14ac:dyDescent="0.2">
      <c r="C506" s="277"/>
      <c r="D506" s="277"/>
      <c r="E506" s="277"/>
      <c r="F506" s="277"/>
      <c r="G506" s="277"/>
      <c r="H506" s="277"/>
      <c r="I506" s="277"/>
      <c r="J506" s="277"/>
      <c r="K506" s="277"/>
    </row>
    <row r="507" spans="3:11" x14ac:dyDescent="0.2">
      <c r="C507" s="277"/>
      <c r="D507" s="277"/>
      <c r="E507" s="277"/>
      <c r="F507" s="277"/>
      <c r="G507" s="277"/>
      <c r="H507" s="277"/>
      <c r="I507" s="277"/>
      <c r="J507" s="277"/>
      <c r="K507" s="277"/>
    </row>
    <row r="508" spans="3:11" x14ac:dyDescent="0.2">
      <c r="C508" s="277"/>
      <c r="D508" s="277"/>
      <c r="E508" s="277"/>
      <c r="F508" s="277"/>
      <c r="G508" s="277"/>
      <c r="H508" s="277"/>
      <c r="I508" s="277"/>
      <c r="J508" s="277"/>
      <c r="K508" s="277"/>
    </row>
    <row r="509" spans="3:11" x14ac:dyDescent="0.2">
      <c r="C509" s="277"/>
      <c r="D509" s="277"/>
      <c r="E509" s="277"/>
      <c r="F509" s="277"/>
      <c r="G509" s="277"/>
      <c r="H509" s="277"/>
      <c r="I509" s="277"/>
      <c r="J509" s="277"/>
      <c r="K509" s="277"/>
    </row>
    <row r="510" spans="3:11" x14ac:dyDescent="0.2">
      <c r="C510" s="277"/>
      <c r="D510" s="277"/>
      <c r="E510" s="277"/>
      <c r="F510" s="277"/>
      <c r="G510" s="277"/>
      <c r="H510" s="277"/>
      <c r="I510" s="277"/>
      <c r="J510" s="277"/>
      <c r="K510" s="277"/>
    </row>
    <row r="511" spans="3:11" x14ac:dyDescent="0.2">
      <c r="C511" s="277"/>
      <c r="D511" s="277"/>
      <c r="E511" s="277"/>
      <c r="F511" s="277"/>
      <c r="G511" s="277"/>
      <c r="H511" s="277"/>
      <c r="I511" s="277"/>
      <c r="J511" s="277"/>
      <c r="K511" s="277"/>
    </row>
    <row r="512" spans="3:11" x14ac:dyDescent="0.2">
      <c r="C512" s="277"/>
      <c r="D512" s="277"/>
      <c r="E512" s="277"/>
      <c r="F512" s="277"/>
      <c r="G512" s="277"/>
      <c r="H512" s="277"/>
      <c r="I512" s="277"/>
      <c r="J512" s="277"/>
      <c r="K512" s="277"/>
    </row>
    <row r="513" spans="3:11" x14ac:dyDescent="0.2">
      <c r="C513" s="277"/>
      <c r="D513" s="277"/>
      <c r="E513" s="277"/>
      <c r="F513" s="277"/>
      <c r="G513" s="277"/>
      <c r="H513" s="277"/>
      <c r="I513" s="277"/>
      <c r="J513" s="277"/>
      <c r="K513" s="277"/>
    </row>
    <row r="514" spans="3:11" x14ac:dyDescent="0.2">
      <c r="C514" s="277"/>
      <c r="D514" s="277"/>
      <c r="E514" s="277"/>
      <c r="F514" s="277"/>
      <c r="G514" s="277"/>
      <c r="H514" s="277"/>
      <c r="I514" s="277"/>
      <c r="J514" s="277"/>
      <c r="K514" s="277"/>
    </row>
    <row r="515" spans="3:11" x14ac:dyDescent="0.2">
      <c r="C515" s="277"/>
      <c r="D515" s="277"/>
      <c r="E515" s="277"/>
      <c r="F515" s="277"/>
      <c r="G515" s="277"/>
      <c r="H515" s="277"/>
      <c r="I515" s="277"/>
      <c r="J515" s="277"/>
      <c r="K515" s="277"/>
    </row>
    <row r="516" spans="3:11" x14ac:dyDescent="0.2">
      <c r="C516" s="277"/>
      <c r="D516" s="277"/>
      <c r="E516" s="277"/>
      <c r="F516" s="277"/>
      <c r="G516" s="277"/>
      <c r="H516" s="277"/>
      <c r="I516" s="277"/>
      <c r="J516" s="277"/>
      <c r="K516" s="277"/>
    </row>
    <row r="517" spans="3:11" x14ac:dyDescent="0.2">
      <c r="C517" s="277"/>
      <c r="D517" s="277"/>
      <c r="E517" s="277"/>
      <c r="F517" s="277"/>
      <c r="G517" s="277"/>
      <c r="H517" s="277"/>
      <c r="I517" s="277"/>
      <c r="J517" s="277"/>
      <c r="K517" s="277"/>
    </row>
    <row r="518" spans="3:11" x14ac:dyDescent="0.2">
      <c r="C518" s="277"/>
      <c r="D518" s="277"/>
      <c r="E518" s="277"/>
      <c r="F518" s="277"/>
      <c r="G518" s="277"/>
      <c r="H518" s="277"/>
      <c r="I518" s="277"/>
      <c r="J518" s="277"/>
      <c r="K518" s="277"/>
    </row>
    <row r="519" spans="3:11" x14ac:dyDescent="0.2">
      <c r="C519" s="277"/>
      <c r="D519" s="277"/>
      <c r="E519" s="277"/>
      <c r="F519" s="277"/>
      <c r="G519" s="277"/>
      <c r="H519" s="277"/>
      <c r="I519" s="277"/>
      <c r="J519" s="277"/>
      <c r="K519" s="277"/>
    </row>
    <row r="520" spans="3:11" x14ac:dyDescent="0.2">
      <c r="C520" s="277"/>
      <c r="D520" s="277"/>
      <c r="E520" s="277"/>
      <c r="F520" s="277"/>
      <c r="G520" s="277"/>
      <c r="H520" s="277"/>
      <c r="I520" s="277"/>
      <c r="J520" s="277"/>
      <c r="K520" s="277"/>
    </row>
    <row r="521" spans="3:11" x14ac:dyDescent="0.2">
      <c r="C521" s="277"/>
      <c r="D521" s="277"/>
      <c r="E521" s="277"/>
      <c r="F521" s="277"/>
      <c r="G521" s="277"/>
      <c r="H521" s="277"/>
      <c r="I521" s="277"/>
      <c r="J521" s="277"/>
      <c r="K521" s="277"/>
    </row>
    <row r="522" spans="3:11" x14ac:dyDescent="0.2">
      <c r="C522" s="277"/>
      <c r="D522" s="277"/>
      <c r="E522" s="277"/>
      <c r="F522" s="277"/>
      <c r="G522" s="277"/>
      <c r="H522" s="277"/>
      <c r="I522" s="277"/>
      <c r="J522" s="277"/>
      <c r="K522" s="277"/>
    </row>
    <row r="523" spans="3:11" x14ac:dyDescent="0.2">
      <c r="C523" s="277"/>
      <c r="D523" s="277"/>
      <c r="E523" s="277"/>
      <c r="F523" s="277"/>
      <c r="G523" s="277"/>
      <c r="H523" s="277"/>
      <c r="I523" s="277"/>
      <c r="J523" s="277"/>
      <c r="K523" s="277"/>
    </row>
    <row r="524" spans="3:11" x14ac:dyDescent="0.2">
      <c r="C524" s="277"/>
      <c r="D524" s="277"/>
      <c r="E524" s="277"/>
      <c r="F524" s="277"/>
      <c r="G524" s="277"/>
      <c r="H524" s="277"/>
      <c r="I524" s="277"/>
      <c r="J524" s="277"/>
      <c r="K524" s="277"/>
    </row>
    <row r="525" spans="3:11" x14ac:dyDescent="0.2">
      <c r="C525" s="277"/>
      <c r="D525" s="277"/>
      <c r="E525" s="277"/>
      <c r="F525" s="277"/>
      <c r="G525" s="277"/>
      <c r="H525" s="277"/>
      <c r="I525" s="277"/>
      <c r="J525" s="277"/>
      <c r="K525" s="277"/>
    </row>
    <row r="526" spans="3:11" x14ac:dyDescent="0.2">
      <c r="C526" s="277"/>
      <c r="D526" s="277"/>
      <c r="E526" s="277"/>
      <c r="F526" s="277"/>
      <c r="G526" s="277"/>
      <c r="H526" s="277"/>
      <c r="I526" s="277"/>
      <c r="J526" s="277"/>
      <c r="K526" s="277"/>
    </row>
    <row r="527" spans="3:11" x14ac:dyDescent="0.2">
      <c r="C527" s="277"/>
      <c r="D527" s="277"/>
      <c r="E527" s="277"/>
      <c r="F527" s="277"/>
      <c r="G527" s="277"/>
      <c r="H527" s="277"/>
      <c r="I527" s="277"/>
      <c r="J527" s="277"/>
      <c r="K527" s="277"/>
    </row>
    <row r="528" spans="3:11" x14ac:dyDescent="0.2">
      <c r="C528" s="277"/>
      <c r="D528" s="277"/>
      <c r="E528" s="277"/>
      <c r="F528" s="277"/>
      <c r="G528" s="277"/>
      <c r="H528" s="277"/>
      <c r="I528" s="277"/>
      <c r="J528" s="277"/>
      <c r="K528" s="277"/>
    </row>
    <row r="529" spans="3:11" x14ac:dyDescent="0.2">
      <c r="C529" s="277"/>
      <c r="D529" s="277"/>
      <c r="E529" s="277"/>
      <c r="F529" s="277"/>
      <c r="G529" s="277"/>
      <c r="H529" s="277"/>
      <c r="I529" s="277"/>
      <c r="J529" s="277"/>
      <c r="K529" s="277"/>
    </row>
    <row r="530" spans="3:11" x14ac:dyDescent="0.2">
      <c r="C530" s="277"/>
      <c r="D530" s="277"/>
      <c r="E530" s="277"/>
      <c r="F530" s="277"/>
      <c r="G530" s="277"/>
      <c r="H530" s="277"/>
      <c r="I530" s="277"/>
      <c r="J530" s="277"/>
      <c r="K530" s="277"/>
    </row>
    <row r="531" spans="3:11" x14ac:dyDescent="0.2">
      <c r="C531" s="277"/>
      <c r="D531" s="277"/>
      <c r="E531" s="277"/>
      <c r="F531" s="277"/>
      <c r="G531" s="277"/>
      <c r="H531" s="277"/>
      <c r="I531" s="277"/>
      <c r="J531" s="277"/>
      <c r="K531" s="277"/>
    </row>
    <row r="532" spans="3:11" x14ac:dyDescent="0.2">
      <c r="C532" s="277"/>
      <c r="D532" s="277"/>
      <c r="E532" s="277"/>
      <c r="F532" s="277"/>
      <c r="G532" s="277"/>
      <c r="H532" s="277"/>
      <c r="I532" s="277"/>
      <c r="J532" s="277"/>
      <c r="K532" s="277"/>
    </row>
    <row r="533" spans="3:11" x14ac:dyDescent="0.2">
      <c r="C533" s="277"/>
      <c r="D533" s="277"/>
      <c r="E533" s="277"/>
      <c r="F533" s="277"/>
      <c r="G533" s="277"/>
      <c r="H533" s="277"/>
      <c r="I533" s="277"/>
      <c r="J533" s="277"/>
      <c r="K533" s="277"/>
    </row>
    <row r="534" spans="3:11" x14ac:dyDescent="0.2">
      <c r="C534" s="277"/>
      <c r="D534" s="277"/>
      <c r="E534" s="277"/>
      <c r="F534" s="277"/>
      <c r="G534" s="277"/>
      <c r="H534" s="277"/>
      <c r="I534" s="277"/>
      <c r="J534" s="277"/>
      <c r="K534" s="277"/>
    </row>
    <row r="535" spans="3:11" x14ac:dyDescent="0.2">
      <c r="C535" s="277"/>
      <c r="D535" s="277"/>
      <c r="E535" s="277"/>
      <c r="F535" s="277"/>
      <c r="G535" s="277"/>
      <c r="H535" s="277"/>
      <c r="I535" s="277"/>
      <c r="J535" s="277"/>
      <c r="K535" s="277"/>
    </row>
    <row r="536" spans="3:11" x14ac:dyDescent="0.2">
      <c r="C536" s="277"/>
      <c r="D536" s="277"/>
      <c r="E536" s="277"/>
      <c r="F536" s="277"/>
      <c r="G536" s="277"/>
      <c r="H536" s="277"/>
      <c r="I536" s="277"/>
      <c r="J536" s="277"/>
      <c r="K536" s="277"/>
    </row>
    <row r="537" spans="3:11" x14ac:dyDescent="0.2">
      <c r="C537" s="277"/>
      <c r="D537" s="277"/>
      <c r="E537" s="277"/>
      <c r="F537" s="277"/>
      <c r="G537" s="277"/>
      <c r="H537" s="277"/>
      <c r="I537" s="277"/>
      <c r="J537" s="277"/>
      <c r="K537" s="277"/>
    </row>
    <row r="538" spans="3:11" x14ac:dyDescent="0.2">
      <c r="C538" s="277"/>
      <c r="D538" s="277"/>
      <c r="E538" s="277"/>
      <c r="F538" s="277"/>
      <c r="G538" s="277"/>
      <c r="H538" s="277"/>
      <c r="I538" s="277"/>
      <c r="J538" s="277"/>
      <c r="K538" s="277"/>
    </row>
    <row r="539" spans="3:11" x14ac:dyDescent="0.2">
      <c r="C539" s="277"/>
      <c r="D539" s="277"/>
      <c r="E539" s="277"/>
      <c r="F539" s="277"/>
      <c r="G539" s="277"/>
      <c r="H539" s="277"/>
      <c r="I539" s="277"/>
      <c r="J539" s="277"/>
      <c r="K539" s="277"/>
    </row>
    <row r="540" spans="3:11" x14ac:dyDescent="0.2">
      <c r="C540" s="277"/>
      <c r="D540" s="277"/>
      <c r="E540" s="277"/>
      <c r="F540" s="277"/>
      <c r="G540" s="277"/>
      <c r="H540" s="277"/>
      <c r="I540" s="277"/>
      <c r="J540" s="277"/>
      <c r="K540" s="277"/>
    </row>
    <row r="541" spans="3:11" x14ac:dyDescent="0.2">
      <c r="C541" s="277"/>
      <c r="D541" s="277"/>
      <c r="E541" s="277"/>
      <c r="F541" s="277"/>
      <c r="G541" s="277"/>
      <c r="H541" s="277"/>
      <c r="I541" s="277"/>
      <c r="J541" s="277"/>
      <c r="K541" s="277"/>
    </row>
    <row r="542" spans="3:11" x14ac:dyDescent="0.2">
      <c r="C542" s="277"/>
      <c r="D542" s="277"/>
      <c r="E542" s="277"/>
      <c r="F542" s="277"/>
      <c r="G542" s="277"/>
      <c r="H542" s="277"/>
      <c r="I542" s="277"/>
      <c r="J542" s="277"/>
      <c r="K542" s="277"/>
    </row>
    <row r="543" spans="3:11" x14ac:dyDescent="0.2">
      <c r="C543" s="277"/>
      <c r="D543" s="277"/>
      <c r="E543" s="277"/>
      <c r="F543" s="277"/>
      <c r="G543" s="277"/>
      <c r="H543" s="277"/>
      <c r="I543" s="277"/>
      <c r="J543" s="277"/>
      <c r="K543" s="277"/>
    </row>
    <row r="544" spans="3:11" x14ac:dyDescent="0.2">
      <c r="C544" s="277"/>
      <c r="D544" s="277"/>
      <c r="E544" s="277"/>
      <c r="F544" s="277"/>
      <c r="G544" s="277"/>
      <c r="H544" s="277"/>
      <c r="I544" s="277"/>
      <c r="J544" s="277"/>
      <c r="K544" s="277"/>
    </row>
    <row r="545" spans="3:11" x14ac:dyDescent="0.2">
      <c r="C545" s="277"/>
      <c r="D545" s="277"/>
      <c r="E545" s="277"/>
      <c r="F545" s="277"/>
      <c r="G545" s="277"/>
      <c r="H545" s="277"/>
      <c r="I545" s="277"/>
      <c r="J545" s="277"/>
      <c r="K545" s="277"/>
    </row>
    <row r="546" spans="3:11" x14ac:dyDescent="0.2">
      <c r="C546" s="277"/>
      <c r="D546" s="277"/>
      <c r="E546" s="277"/>
      <c r="F546" s="277"/>
      <c r="G546" s="277"/>
      <c r="H546" s="277"/>
      <c r="I546" s="277"/>
      <c r="J546" s="277"/>
      <c r="K546" s="277"/>
    </row>
    <row r="547" spans="3:11" x14ac:dyDescent="0.2">
      <c r="C547" s="277"/>
      <c r="D547" s="277"/>
      <c r="E547" s="277"/>
      <c r="F547" s="277"/>
      <c r="G547" s="277"/>
      <c r="H547" s="277"/>
      <c r="I547" s="277"/>
      <c r="J547" s="277"/>
      <c r="K547" s="277"/>
    </row>
    <row r="548" spans="3:11" x14ac:dyDescent="0.2">
      <c r="C548" s="277"/>
      <c r="D548" s="277"/>
      <c r="E548" s="277"/>
      <c r="F548" s="277"/>
      <c r="G548" s="277"/>
      <c r="H548" s="277"/>
      <c r="I548" s="277"/>
      <c r="J548" s="277"/>
      <c r="K548" s="277"/>
    </row>
    <row r="549" spans="3:11" x14ac:dyDescent="0.2">
      <c r="C549" s="277"/>
      <c r="D549" s="277"/>
      <c r="E549" s="277"/>
      <c r="F549" s="277"/>
      <c r="G549" s="277"/>
      <c r="H549" s="277"/>
      <c r="I549" s="277"/>
      <c r="J549" s="277"/>
      <c r="K549" s="277"/>
    </row>
    <row r="550" spans="3:11" x14ac:dyDescent="0.2">
      <c r="C550" s="277"/>
      <c r="D550" s="277"/>
      <c r="E550" s="277"/>
      <c r="F550" s="277"/>
      <c r="G550" s="277"/>
      <c r="H550" s="277"/>
      <c r="I550" s="277"/>
      <c r="J550" s="277"/>
      <c r="K550" s="277"/>
    </row>
    <row r="551" spans="3:11" x14ac:dyDescent="0.2">
      <c r="C551" s="277"/>
      <c r="D551" s="277"/>
      <c r="E551" s="277"/>
      <c r="F551" s="277"/>
      <c r="G551" s="277"/>
      <c r="H551" s="277"/>
      <c r="I551" s="277"/>
      <c r="J551" s="277"/>
      <c r="K551" s="277"/>
    </row>
    <row r="552" spans="3:11" x14ac:dyDescent="0.2">
      <c r="C552" s="277"/>
      <c r="D552" s="277"/>
      <c r="E552" s="277"/>
      <c r="F552" s="277"/>
      <c r="G552" s="277"/>
      <c r="H552" s="277"/>
      <c r="I552" s="277"/>
      <c r="J552" s="277"/>
      <c r="K552" s="277"/>
    </row>
    <row r="553" spans="3:11" x14ac:dyDescent="0.2">
      <c r="C553" s="277"/>
      <c r="D553" s="277"/>
      <c r="E553" s="277"/>
      <c r="F553" s="277"/>
      <c r="G553" s="277"/>
      <c r="H553" s="277"/>
      <c r="I553" s="277"/>
      <c r="J553" s="277"/>
      <c r="K553" s="277"/>
    </row>
    <row r="554" spans="3:11" x14ac:dyDescent="0.2">
      <c r="C554" s="277"/>
      <c r="D554" s="277"/>
      <c r="E554" s="277"/>
      <c r="F554" s="277"/>
      <c r="G554" s="277"/>
      <c r="H554" s="277"/>
      <c r="I554" s="277"/>
      <c r="J554" s="277"/>
      <c r="K554" s="277"/>
    </row>
    <row r="555" spans="3:11" x14ac:dyDescent="0.2">
      <c r="C555" s="277"/>
      <c r="D555" s="277"/>
      <c r="E555" s="277"/>
      <c r="F555" s="277"/>
      <c r="G555" s="277"/>
      <c r="H555" s="277"/>
      <c r="I555" s="277"/>
      <c r="J555" s="277"/>
      <c r="K555" s="277"/>
    </row>
    <row r="556" spans="3:11" x14ac:dyDescent="0.2">
      <c r="C556" s="277"/>
      <c r="D556" s="277"/>
      <c r="E556" s="277"/>
      <c r="F556" s="277"/>
      <c r="G556" s="277"/>
      <c r="H556" s="277"/>
      <c r="I556" s="277"/>
      <c r="J556" s="277"/>
      <c r="K556" s="277"/>
    </row>
    <row r="557" spans="3:11" x14ac:dyDescent="0.2">
      <c r="C557" s="277"/>
      <c r="D557" s="277"/>
      <c r="E557" s="277"/>
      <c r="F557" s="277"/>
      <c r="G557" s="277"/>
      <c r="H557" s="277"/>
      <c r="I557" s="277"/>
      <c r="J557" s="277"/>
      <c r="K557" s="277"/>
    </row>
    <row r="558" spans="3:11" x14ac:dyDescent="0.2">
      <c r="C558" s="277"/>
      <c r="D558" s="277"/>
      <c r="E558" s="277"/>
      <c r="F558" s="277"/>
      <c r="G558" s="277"/>
      <c r="H558" s="277"/>
      <c r="I558" s="277"/>
      <c r="J558" s="277"/>
      <c r="K558" s="277"/>
    </row>
    <row r="559" spans="3:11" x14ac:dyDescent="0.2">
      <c r="C559" s="277"/>
      <c r="D559" s="277"/>
      <c r="E559" s="277"/>
      <c r="F559" s="277"/>
      <c r="G559" s="277"/>
      <c r="H559" s="277"/>
      <c r="I559" s="277"/>
      <c r="J559" s="277"/>
      <c r="K559" s="277"/>
    </row>
    <row r="560" spans="3:11" x14ac:dyDescent="0.2">
      <c r="C560" s="277"/>
      <c r="D560" s="277"/>
      <c r="E560" s="277"/>
      <c r="F560" s="277"/>
      <c r="G560" s="277"/>
      <c r="H560" s="277"/>
      <c r="I560" s="277"/>
      <c r="J560" s="277"/>
      <c r="K560" s="277"/>
    </row>
    <row r="561" spans="3:11" x14ac:dyDescent="0.2">
      <c r="C561" s="277"/>
      <c r="D561" s="277"/>
      <c r="E561" s="277"/>
      <c r="F561" s="277"/>
      <c r="G561" s="277"/>
      <c r="H561" s="277"/>
      <c r="I561" s="277"/>
      <c r="J561" s="277"/>
      <c r="K561" s="277"/>
    </row>
    <row r="562" spans="3:11" x14ac:dyDescent="0.2">
      <c r="C562" s="277"/>
      <c r="D562" s="277"/>
      <c r="E562" s="277"/>
      <c r="F562" s="277"/>
      <c r="G562" s="277"/>
      <c r="H562" s="277"/>
      <c r="I562" s="277"/>
      <c r="J562" s="277"/>
      <c r="K562" s="277"/>
    </row>
    <row r="563" spans="3:11" x14ac:dyDescent="0.2">
      <c r="C563" s="277"/>
      <c r="D563" s="277"/>
      <c r="E563" s="277"/>
      <c r="F563" s="277"/>
      <c r="G563" s="277"/>
      <c r="H563" s="277"/>
      <c r="I563" s="277"/>
      <c r="J563" s="277"/>
      <c r="K563" s="277"/>
    </row>
    <row r="564" spans="3:11" x14ac:dyDescent="0.2">
      <c r="C564" s="277"/>
      <c r="D564" s="277"/>
      <c r="E564" s="277"/>
      <c r="F564" s="277"/>
      <c r="G564" s="277"/>
      <c r="H564" s="277"/>
      <c r="I564" s="277"/>
      <c r="J564" s="277"/>
      <c r="K564" s="277"/>
    </row>
    <row r="565" spans="3:11" x14ac:dyDescent="0.2">
      <c r="C565" s="277"/>
      <c r="D565" s="277"/>
      <c r="E565" s="277"/>
      <c r="F565" s="277"/>
      <c r="G565" s="277"/>
      <c r="H565" s="277"/>
      <c r="I565" s="277"/>
      <c r="J565" s="277"/>
      <c r="K565" s="277"/>
    </row>
    <row r="566" spans="3:11" x14ac:dyDescent="0.2">
      <c r="C566" s="277"/>
      <c r="D566" s="277"/>
      <c r="E566" s="277"/>
      <c r="F566" s="277"/>
      <c r="G566" s="277"/>
      <c r="H566" s="277"/>
      <c r="I566" s="277"/>
      <c r="J566" s="277"/>
      <c r="K566" s="277"/>
    </row>
    <row r="567" spans="3:11" x14ac:dyDescent="0.2">
      <c r="C567" s="277"/>
      <c r="D567" s="277"/>
      <c r="E567" s="277"/>
      <c r="F567" s="277"/>
      <c r="G567" s="277"/>
      <c r="H567" s="277"/>
      <c r="I567" s="277"/>
      <c r="J567" s="277"/>
      <c r="K567" s="277"/>
    </row>
    <row r="568" spans="3:11" x14ac:dyDescent="0.2">
      <c r="C568" s="277"/>
      <c r="D568" s="277"/>
      <c r="E568" s="277"/>
      <c r="F568" s="277"/>
      <c r="G568" s="277"/>
      <c r="H568" s="277"/>
      <c r="I568" s="277"/>
      <c r="J568" s="277"/>
      <c r="K568" s="277"/>
    </row>
    <row r="569" spans="3:11" x14ac:dyDescent="0.2">
      <c r="C569" s="277"/>
      <c r="D569" s="277"/>
      <c r="E569" s="277"/>
      <c r="F569" s="277"/>
      <c r="G569" s="277"/>
      <c r="H569" s="277"/>
      <c r="I569" s="277"/>
      <c r="J569" s="277"/>
      <c r="K569" s="277"/>
    </row>
    <row r="570" spans="3:11" x14ac:dyDescent="0.2">
      <c r="C570" s="277"/>
      <c r="D570" s="277"/>
      <c r="E570" s="277"/>
      <c r="F570" s="277"/>
      <c r="G570" s="277"/>
      <c r="H570" s="277"/>
      <c r="I570" s="277"/>
      <c r="J570" s="277"/>
      <c r="K570" s="277"/>
    </row>
    <row r="571" spans="3:11" x14ac:dyDescent="0.2">
      <c r="C571" s="277"/>
      <c r="D571" s="277"/>
      <c r="E571" s="277"/>
      <c r="F571" s="277"/>
      <c r="G571" s="277"/>
      <c r="H571" s="277"/>
      <c r="I571" s="277"/>
      <c r="J571" s="277"/>
      <c r="K571" s="277"/>
    </row>
    <row r="572" spans="3:11" x14ac:dyDescent="0.2">
      <c r="C572" s="277"/>
      <c r="D572" s="277"/>
      <c r="E572" s="277"/>
      <c r="F572" s="277"/>
      <c r="G572" s="277"/>
      <c r="H572" s="277"/>
      <c r="I572" s="277"/>
      <c r="J572" s="277"/>
      <c r="K572" s="277"/>
    </row>
    <row r="573" spans="3:11" x14ac:dyDescent="0.2">
      <c r="C573" s="277"/>
      <c r="D573" s="277"/>
      <c r="E573" s="277"/>
      <c r="F573" s="277"/>
      <c r="G573" s="277"/>
      <c r="H573" s="277"/>
      <c r="I573" s="277"/>
      <c r="J573" s="277"/>
      <c r="K573" s="277"/>
    </row>
    <row r="574" spans="3:11" x14ac:dyDescent="0.2">
      <c r="C574" s="277"/>
      <c r="D574" s="277"/>
      <c r="E574" s="277"/>
      <c r="F574" s="277"/>
      <c r="G574" s="277"/>
      <c r="H574" s="277"/>
      <c r="I574" s="277"/>
      <c r="J574" s="277"/>
      <c r="K574" s="277"/>
    </row>
    <row r="575" spans="3:11" x14ac:dyDescent="0.2">
      <c r="C575" s="277"/>
      <c r="D575" s="277"/>
      <c r="E575" s="277"/>
      <c r="F575" s="277"/>
      <c r="G575" s="277"/>
      <c r="H575" s="277"/>
      <c r="I575" s="277"/>
      <c r="J575" s="277"/>
      <c r="K575" s="277"/>
    </row>
    <row r="576" spans="3:11" x14ac:dyDescent="0.2">
      <c r="C576" s="277"/>
      <c r="D576" s="277"/>
      <c r="E576" s="277"/>
      <c r="F576" s="277"/>
      <c r="G576" s="277"/>
      <c r="H576" s="277"/>
      <c r="I576" s="277"/>
      <c r="J576" s="277"/>
      <c r="K576" s="277"/>
    </row>
    <row r="577" spans="3:11" x14ac:dyDescent="0.2">
      <c r="C577" s="277"/>
      <c r="D577" s="277"/>
      <c r="E577" s="277"/>
      <c r="F577" s="277"/>
      <c r="G577" s="277"/>
      <c r="H577" s="277"/>
      <c r="I577" s="277"/>
      <c r="J577" s="277"/>
      <c r="K577" s="277"/>
    </row>
    <row r="578" spans="3:11" x14ac:dyDescent="0.2">
      <c r="C578" s="277"/>
      <c r="D578" s="277"/>
      <c r="E578" s="277"/>
      <c r="F578" s="277"/>
      <c r="G578" s="277"/>
      <c r="H578" s="277"/>
      <c r="I578" s="277"/>
      <c r="J578" s="277"/>
      <c r="K578" s="277"/>
    </row>
    <row r="579" spans="3:11" x14ac:dyDescent="0.2">
      <c r="C579" s="277"/>
      <c r="D579" s="277"/>
      <c r="E579" s="277"/>
      <c r="F579" s="277"/>
      <c r="G579" s="277"/>
      <c r="H579" s="277"/>
      <c r="I579" s="277"/>
      <c r="J579" s="277"/>
      <c r="K579" s="277"/>
    </row>
    <row r="580" spans="3:11" x14ac:dyDescent="0.2">
      <c r="C580" s="277"/>
      <c r="D580" s="277"/>
      <c r="E580" s="277"/>
      <c r="F580" s="277"/>
      <c r="G580" s="277"/>
      <c r="H580" s="277"/>
      <c r="I580" s="277"/>
      <c r="J580" s="277"/>
      <c r="K580" s="277"/>
    </row>
    <row r="581" spans="3:11" x14ac:dyDescent="0.2">
      <c r="C581" s="277"/>
      <c r="D581" s="277"/>
      <c r="E581" s="277"/>
      <c r="F581" s="277"/>
      <c r="G581" s="277"/>
      <c r="H581" s="277"/>
      <c r="I581" s="277"/>
      <c r="J581" s="277"/>
      <c r="K581" s="277"/>
    </row>
    <row r="582" spans="3:11" x14ac:dyDescent="0.2">
      <c r="C582" s="277"/>
      <c r="D582" s="277"/>
      <c r="E582" s="277"/>
      <c r="F582" s="277"/>
      <c r="G582" s="277"/>
      <c r="H582" s="277"/>
      <c r="I582" s="277"/>
      <c r="J582" s="277"/>
      <c r="K582" s="277"/>
    </row>
    <row r="583" spans="3:11" x14ac:dyDescent="0.2">
      <c r="C583" s="277"/>
      <c r="D583" s="277"/>
      <c r="E583" s="277"/>
      <c r="F583" s="277"/>
      <c r="G583" s="277"/>
      <c r="H583" s="277"/>
      <c r="I583" s="277"/>
      <c r="J583" s="277"/>
      <c r="K583" s="277"/>
    </row>
    <row r="584" spans="3:11" x14ac:dyDescent="0.2">
      <c r="C584" s="277"/>
      <c r="D584" s="277"/>
      <c r="E584" s="277"/>
      <c r="F584" s="277"/>
      <c r="G584" s="277"/>
      <c r="H584" s="277"/>
      <c r="I584" s="277"/>
      <c r="J584" s="277"/>
      <c r="K584" s="277"/>
    </row>
    <row r="585" spans="3:11" x14ac:dyDescent="0.2">
      <c r="C585" s="277"/>
      <c r="D585" s="277"/>
      <c r="E585" s="277"/>
      <c r="F585" s="277"/>
      <c r="G585" s="277"/>
      <c r="H585" s="277"/>
      <c r="I585" s="277"/>
      <c r="J585" s="277"/>
      <c r="K585" s="277"/>
    </row>
    <row r="586" spans="3:11" x14ac:dyDescent="0.2">
      <c r="C586" s="277"/>
      <c r="D586" s="277"/>
      <c r="E586" s="277"/>
      <c r="F586" s="277"/>
      <c r="G586" s="277"/>
      <c r="H586" s="277"/>
      <c r="I586" s="277"/>
      <c r="J586" s="277"/>
      <c r="K586" s="277"/>
    </row>
    <row r="587" spans="3:11" x14ac:dyDescent="0.2">
      <c r="C587" s="277"/>
      <c r="D587" s="277"/>
      <c r="E587" s="277"/>
      <c r="F587" s="277"/>
      <c r="G587" s="277"/>
      <c r="H587" s="277"/>
      <c r="I587" s="277"/>
      <c r="J587" s="277"/>
      <c r="K587" s="277"/>
    </row>
    <row r="588" spans="3:11" x14ac:dyDescent="0.2">
      <c r="C588" s="277"/>
      <c r="D588" s="277"/>
      <c r="E588" s="277"/>
      <c r="F588" s="277"/>
      <c r="G588" s="277"/>
      <c r="H588" s="277"/>
      <c r="I588" s="277"/>
      <c r="J588" s="277"/>
      <c r="K588" s="277"/>
    </row>
    <row r="589" spans="3:11" x14ac:dyDescent="0.2">
      <c r="C589" s="277"/>
      <c r="D589" s="277"/>
      <c r="E589" s="277"/>
      <c r="F589" s="277"/>
      <c r="G589" s="277"/>
      <c r="H589" s="277"/>
      <c r="I589" s="277"/>
      <c r="J589" s="277"/>
      <c r="K589" s="277"/>
    </row>
    <row r="590" spans="3:11" x14ac:dyDescent="0.2">
      <c r="C590" s="277"/>
      <c r="D590" s="277"/>
      <c r="E590" s="277"/>
      <c r="F590" s="277"/>
      <c r="G590" s="277"/>
      <c r="H590" s="277"/>
      <c r="I590" s="277"/>
      <c r="J590" s="277"/>
      <c r="K590" s="277"/>
    </row>
    <row r="591" spans="3:11" x14ac:dyDescent="0.2">
      <c r="C591" s="277"/>
      <c r="D591" s="277"/>
      <c r="E591" s="277"/>
      <c r="F591" s="277"/>
      <c r="G591" s="277"/>
      <c r="H591" s="277"/>
      <c r="I591" s="277"/>
      <c r="J591" s="277"/>
      <c r="K591" s="277"/>
    </row>
    <row r="592" spans="3:11" x14ac:dyDescent="0.2">
      <c r="C592" s="277"/>
      <c r="D592" s="277"/>
      <c r="E592" s="277"/>
      <c r="F592" s="277"/>
      <c r="G592" s="277"/>
      <c r="H592" s="277"/>
      <c r="I592" s="277"/>
      <c r="J592" s="277"/>
      <c r="K592" s="277"/>
    </row>
    <row r="593" spans="3:11" x14ac:dyDescent="0.2">
      <c r="C593" s="277"/>
      <c r="D593" s="277"/>
      <c r="E593" s="277"/>
      <c r="F593" s="277"/>
      <c r="G593" s="277"/>
      <c r="H593" s="277"/>
      <c r="I593" s="277"/>
      <c r="J593" s="277"/>
      <c r="K593" s="277"/>
    </row>
    <row r="594" spans="3:11" x14ac:dyDescent="0.2">
      <c r="C594" s="277"/>
      <c r="D594" s="277"/>
      <c r="E594" s="277"/>
      <c r="F594" s="277"/>
      <c r="G594" s="277"/>
      <c r="H594" s="277"/>
      <c r="I594" s="277"/>
      <c r="J594" s="277"/>
      <c r="K594" s="277"/>
    </row>
    <row r="595" spans="3:11" x14ac:dyDescent="0.2">
      <c r="C595" s="277"/>
      <c r="D595" s="277"/>
      <c r="E595" s="277"/>
      <c r="F595" s="277"/>
      <c r="G595" s="277"/>
      <c r="H595" s="277"/>
      <c r="I595" s="277"/>
      <c r="J595" s="277"/>
      <c r="K595" s="277"/>
    </row>
    <row r="596" spans="3:11" x14ac:dyDescent="0.2">
      <c r="C596" s="277"/>
      <c r="D596" s="277"/>
      <c r="E596" s="277"/>
      <c r="F596" s="277"/>
      <c r="G596" s="277"/>
      <c r="H596" s="277"/>
      <c r="I596" s="277"/>
      <c r="J596" s="277"/>
      <c r="K596" s="277"/>
    </row>
    <row r="597" spans="3:11" x14ac:dyDescent="0.2">
      <c r="C597" s="277"/>
      <c r="D597" s="277"/>
      <c r="E597" s="277"/>
      <c r="F597" s="277"/>
      <c r="G597" s="277"/>
      <c r="H597" s="277"/>
      <c r="I597" s="277"/>
      <c r="J597" s="277"/>
      <c r="K597" s="277"/>
    </row>
    <row r="598" spans="3:11" x14ac:dyDescent="0.2">
      <c r="C598" s="277"/>
      <c r="D598" s="277"/>
      <c r="E598" s="277"/>
      <c r="F598" s="277"/>
      <c r="G598" s="277"/>
      <c r="H598" s="277"/>
      <c r="I598" s="277"/>
      <c r="J598" s="277"/>
      <c r="K598" s="277"/>
    </row>
    <row r="599" spans="3:11" x14ac:dyDescent="0.2">
      <c r="C599" s="277"/>
      <c r="D599" s="277"/>
      <c r="E599" s="277"/>
      <c r="F599" s="277"/>
      <c r="G599" s="277"/>
      <c r="H599" s="277"/>
      <c r="I599" s="277"/>
      <c r="J599" s="277"/>
      <c r="K599" s="277"/>
    </row>
    <row r="600" spans="3:11" x14ac:dyDescent="0.2">
      <c r="C600" s="277"/>
      <c r="D600" s="277"/>
      <c r="E600" s="277"/>
      <c r="F600" s="277"/>
      <c r="G600" s="277"/>
      <c r="H600" s="277"/>
      <c r="I600" s="277"/>
      <c r="J600" s="277"/>
      <c r="K600" s="277"/>
    </row>
    <row r="601" spans="3:11" x14ac:dyDescent="0.2">
      <c r="C601" s="277"/>
      <c r="D601" s="277"/>
      <c r="E601" s="277"/>
      <c r="F601" s="277"/>
      <c r="G601" s="277"/>
      <c r="H601" s="277"/>
      <c r="I601" s="277"/>
      <c r="J601" s="277"/>
      <c r="K601" s="277"/>
    </row>
    <row r="602" spans="3:11" x14ac:dyDescent="0.2">
      <c r="C602" s="277"/>
      <c r="D602" s="277"/>
      <c r="E602" s="277"/>
      <c r="F602" s="277"/>
      <c r="G602" s="277"/>
      <c r="H602" s="277"/>
      <c r="I602" s="277"/>
      <c r="J602" s="277"/>
      <c r="K602" s="277"/>
    </row>
    <row r="603" spans="3:11" x14ac:dyDescent="0.2">
      <c r="C603" s="277"/>
      <c r="D603" s="277"/>
      <c r="E603" s="277"/>
      <c r="F603" s="277"/>
      <c r="G603" s="277"/>
      <c r="H603" s="277"/>
      <c r="I603" s="277"/>
      <c r="J603" s="277"/>
      <c r="K603" s="277"/>
    </row>
    <row r="604" spans="3:11" x14ac:dyDescent="0.2">
      <c r="C604" s="277"/>
      <c r="D604" s="277"/>
      <c r="E604" s="277"/>
      <c r="F604" s="277"/>
      <c r="G604" s="277"/>
      <c r="H604" s="277"/>
      <c r="I604" s="277"/>
      <c r="J604" s="277"/>
      <c r="K604" s="277"/>
    </row>
    <row r="605" spans="3:11" x14ac:dyDescent="0.2">
      <c r="C605" s="277"/>
      <c r="D605" s="277"/>
      <c r="E605" s="277"/>
      <c r="F605" s="277"/>
      <c r="G605" s="277"/>
      <c r="H605" s="277"/>
      <c r="I605" s="277"/>
      <c r="J605" s="277"/>
      <c r="K605" s="277"/>
    </row>
    <row r="606" spans="3:11" x14ac:dyDescent="0.2">
      <c r="C606" s="277"/>
      <c r="D606" s="277"/>
      <c r="E606" s="277"/>
      <c r="F606" s="277"/>
      <c r="G606" s="277"/>
      <c r="H606" s="277"/>
      <c r="I606" s="277"/>
      <c r="J606" s="277"/>
      <c r="K606" s="277"/>
    </row>
    <row r="607" spans="3:11" x14ac:dyDescent="0.2">
      <c r="C607" s="277"/>
      <c r="D607" s="277"/>
      <c r="E607" s="277"/>
      <c r="F607" s="277"/>
      <c r="G607" s="277"/>
      <c r="H607" s="277"/>
      <c r="I607" s="277"/>
      <c r="J607" s="277"/>
      <c r="K607" s="277"/>
    </row>
    <row r="608" spans="3:11" x14ac:dyDescent="0.2">
      <c r="C608" s="277"/>
      <c r="D608" s="277"/>
      <c r="E608" s="277"/>
      <c r="F608" s="277"/>
      <c r="G608" s="277"/>
      <c r="H608" s="277"/>
      <c r="I608" s="277"/>
      <c r="J608" s="277"/>
      <c r="K608" s="277"/>
    </row>
    <row r="609" spans="3:11" x14ac:dyDescent="0.2">
      <c r="C609" s="277"/>
      <c r="D609" s="277"/>
      <c r="E609" s="277"/>
      <c r="F609" s="277"/>
      <c r="G609" s="277"/>
      <c r="H609" s="277"/>
      <c r="I609" s="277"/>
      <c r="J609" s="277"/>
      <c r="K609" s="277"/>
    </row>
    <row r="610" spans="3:11" x14ac:dyDescent="0.2">
      <c r="C610" s="277"/>
      <c r="D610" s="277"/>
      <c r="E610" s="277"/>
      <c r="F610" s="277"/>
      <c r="G610" s="277"/>
      <c r="H610" s="277"/>
      <c r="I610" s="277"/>
      <c r="J610" s="277"/>
      <c r="K610" s="277"/>
    </row>
    <row r="611" spans="3:11" x14ac:dyDescent="0.2">
      <c r="C611" s="277"/>
      <c r="D611" s="277"/>
      <c r="E611" s="277"/>
      <c r="F611" s="277"/>
      <c r="G611" s="277"/>
      <c r="H611" s="277"/>
      <c r="I611" s="277"/>
      <c r="J611" s="277"/>
      <c r="K611" s="277"/>
    </row>
    <row r="612" spans="3:11" x14ac:dyDescent="0.2">
      <c r="C612" s="277"/>
      <c r="D612" s="277"/>
      <c r="E612" s="277"/>
      <c r="F612" s="277"/>
      <c r="G612" s="277"/>
      <c r="H612" s="277"/>
      <c r="I612" s="277"/>
      <c r="J612" s="277"/>
      <c r="K612" s="277"/>
    </row>
    <row r="613" spans="3:11" x14ac:dyDescent="0.2">
      <c r="C613" s="277"/>
      <c r="D613" s="277"/>
      <c r="E613" s="277"/>
      <c r="F613" s="277"/>
      <c r="G613" s="277"/>
      <c r="H613" s="277"/>
      <c r="I613" s="277"/>
      <c r="J613" s="277"/>
      <c r="K613" s="277"/>
    </row>
    <row r="614" spans="3:11" x14ac:dyDescent="0.2">
      <c r="C614" s="277"/>
      <c r="D614" s="277"/>
      <c r="E614" s="277"/>
      <c r="F614" s="277"/>
      <c r="G614" s="277"/>
      <c r="H614" s="277"/>
      <c r="I614" s="277"/>
      <c r="J614" s="277"/>
      <c r="K614" s="277"/>
    </row>
    <row r="615" spans="3:11" x14ac:dyDescent="0.2">
      <c r="C615" s="277"/>
      <c r="D615" s="277"/>
      <c r="E615" s="277"/>
      <c r="F615" s="277"/>
      <c r="G615" s="277"/>
      <c r="H615" s="277"/>
      <c r="I615" s="277"/>
      <c r="J615" s="277"/>
      <c r="K615" s="277"/>
    </row>
    <row r="616" spans="3:11" x14ac:dyDescent="0.2">
      <c r="C616" s="277"/>
      <c r="D616" s="277"/>
      <c r="E616" s="277"/>
      <c r="F616" s="277"/>
      <c r="G616" s="277"/>
      <c r="H616" s="277"/>
      <c r="I616" s="277"/>
      <c r="J616" s="277"/>
      <c r="K616" s="277"/>
    </row>
    <row r="617" spans="3:11" x14ac:dyDescent="0.2">
      <c r="C617" s="277"/>
      <c r="D617" s="277"/>
      <c r="E617" s="277"/>
      <c r="F617" s="277"/>
      <c r="G617" s="277"/>
      <c r="H617" s="277"/>
      <c r="I617" s="277"/>
      <c r="J617" s="277"/>
      <c r="K617" s="277"/>
    </row>
    <row r="618" spans="3:11" x14ac:dyDescent="0.2">
      <c r="C618" s="277"/>
      <c r="D618" s="277"/>
      <c r="E618" s="277"/>
      <c r="F618" s="277"/>
      <c r="G618" s="277"/>
      <c r="H618" s="277"/>
      <c r="I618" s="277"/>
      <c r="J618" s="277"/>
      <c r="K618" s="277"/>
    </row>
    <row r="619" spans="3:11" x14ac:dyDescent="0.2">
      <c r="C619" s="277"/>
      <c r="D619" s="277"/>
      <c r="E619" s="277"/>
      <c r="F619" s="277"/>
      <c r="G619" s="277"/>
      <c r="H619" s="277"/>
      <c r="I619" s="277"/>
      <c r="J619" s="277"/>
      <c r="K619" s="277"/>
    </row>
    <row r="620" spans="3:11" x14ac:dyDescent="0.2">
      <c r="C620" s="277"/>
      <c r="D620" s="277"/>
      <c r="E620" s="277"/>
      <c r="F620" s="277"/>
      <c r="G620" s="277"/>
      <c r="H620" s="277"/>
      <c r="I620" s="277"/>
      <c r="J620" s="277"/>
      <c r="K620" s="277"/>
    </row>
    <row r="621" spans="3:11" x14ac:dyDescent="0.2">
      <c r="C621" s="277"/>
      <c r="D621" s="277"/>
      <c r="E621" s="277"/>
      <c r="F621" s="277"/>
      <c r="G621" s="277"/>
      <c r="H621" s="277"/>
      <c r="I621" s="277"/>
      <c r="J621" s="277"/>
      <c r="K621" s="277"/>
    </row>
    <row r="622" spans="3:11" x14ac:dyDescent="0.2">
      <c r="C622" s="277"/>
      <c r="D622" s="277"/>
      <c r="E622" s="277"/>
      <c r="F622" s="277"/>
      <c r="G622" s="277"/>
      <c r="H622" s="277"/>
      <c r="I622" s="277"/>
      <c r="J622" s="277"/>
      <c r="K622" s="277"/>
    </row>
    <row r="623" spans="3:11" x14ac:dyDescent="0.2">
      <c r="C623" s="277"/>
      <c r="D623" s="277"/>
      <c r="E623" s="277"/>
      <c r="F623" s="277"/>
      <c r="G623" s="277"/>
      <c r="H623" s="277"/>
      <c r="I623" s="277"/>
      <c r="J623" s="277"/>
      <c r="K623" s="277"/>
    </row>
    <row r="624" spans="3:11" x14ac:dyDescent="0.2">
      <c r="C624" s="277"/>
      <c r="D624" s="277"/>
      <c r="E624" s="277"/>
      <c r="F624" s="277"/>
      <c r="G624" s="277"/>
      <c r="H624" s="277"/>
      <c r="I624" s="277"/>
      <c r="J624" s="277"/>
      <c r="K624" s="277"/>
    </row>
    <row r="625" spans="3:11" x14ac:dyDescent="0.2">
      <c r="C625" s="277"/>
      <c r="D625" s="277"/>
      <c r="E625" s="277"/>
      <c r="F625" s="277"/>
      <c r="G625" s="277"/>
      <c r="H625" s="277"/>
      <c r="I625" s="277"/>
      <c r="J625" s="277"/>
      <c r="K625" s="277"/>
    </row>
    <row r="626" spans="3:11" x14ac:dyDescent="0.2">
      <c r="C626" s="277"/>
      <c r="D626" s="277"/>
      <c r="E626" s="277"/>
      <c r="F626" s="277"/>
      <c r="G626" s="277"/>
      <c r="H626" s="277"/>
      <c r="I626" s="277"/>
      <c r="J626" s="277"/>
      <c r="K626" s="277"/>
    </row>
    <row r="627" spans="3:11" x14ac:dyDescent="0.2">
      <c r="C627" s="277"/>
      <c r="D627" s="277"/>
      <c r="E627" s="277"/>
      <c r="F627" s="277"/>
      <c r="G627" s="277"/>
      <c r="H627" s="277"/>
      <c r="I627" s="277"/>
      <c r="J627" s="277"/>
      <c r="K627" s="277"/>
    </row>
    <row r="628" spans="3:11" x14ac:dyDescent="0.2">
      <c r="C628" s="277"/>
      <c r="D628" s="277"/>
      <c r="E628" s="277"/>
      <c r="F628" s="277"/>
      <c r="G628" s="277"/>
      <c r="H628" s="277"/>
      <c r="I628" s="277"/>
      <c r="J628" s="277"/>
      <c r="K628" s="277"/>
    </row>
    <row r="629" spans="3:11" x14ac:dyDescent="0.2">
      <c r="C629" s="277"/>
      <c r="D629" s="277"/>
      <c r="E629" s="277"/>
      <c r="F629" s="277"/>
      <c r="G629" s="277"/>
      <c r="H629" s="277"/>
      <c r="I629" s="277"/>
      <c r="J629" s="277"/>
      <c r="K629" s="277"/>
    </row>
    <row r="630" spans="3:11" x14ac:dyDescent="0.2">
      <c r="C630" s="277"/>
      <c r="D630" s="277"/>
      <c r="E630" s="277"/>
      <c r="F630" s="277"/>
      <c r="G630" s="277"/>
      <c r="H630" s="277"/>
      <c r="I630" s="277"/>
      <c r="J630" s="277"/>
      <c r="K630" s="277"/>
    </row>
    <row r="631" spans="3:11" x14ac:dyDescent="0.2">
      <c r="C631" s="277"/>
      <c r="D631" s="277"/>
      <c r="E631" s="277"/>
      <c r="F631" s="277"/>
      <c r="G631" s="277"/>
      <c r="H631" s="277"/>
      <c r="I631" s="277"/>
      <c r="J631" s="277"/>
      <c r="K631" s="277"/>
    </row>
    <row r="632" spans="3:11" x14ac:dyDescent="0.2">
      <c r="C632" s="277"/>
      <c r="D632" s="277"/>
      <c r="E632" s="277"/>
      <c r="F632" s="277"/>
      <c r="G632" s="277"/>
      <c r="H632" s="277"/>
      <c r="I632" s="277"/>
      <c r="J632" s="277"/>
      <c r="K632" s="277"/>
    </row>
    <row r="633" spans="3:11" x14ac:dyDescent="0.2">
      <c r="C633" s="277"/>
      <c r="D633" s="277"/>
      <c r="E633" s="277"/>
      <c r="F633" s="277"/>
      <c r="G633" s="277"/>
      <c r="H633" s="277"/>
      <c r="I633" s="277"/>
      <c r="J633" s="277"/>
      <c r="K633" s="277"/>
    </row>
    <row r="634" spans="3:11" x14ac:dyDescent="0.2">
      <c r="C634" s="277"/>
      <c r="D634" s="277"/>
      <c r="E634" s="277"/>
      <c r="F634" s="277"/>
      <c r="G634" s="277"/>
      <c r="H634" s="277"/>
      <c r="I634" s="277"/>
      <c r="J634" s="277"/>
      <c r="K634" s="277"/>
    </row>
    <row r="635" spans="3:11" x14ac:dyDescent="0.2">
      <c r="C635" s="277"/>
      <c r="D635" s="277"/>
      <c r="E635" s="277"/>
      <c r="F635" s="277"/>
      <c r="G635" s="277"/>
      <c r="H635" s="277"/>
      <c r="I635" s="277"/>
      <c r="J635" s="277"/>
      <c r="K635" s="277"/>
    </row>
    <row r="636" spans="3:11" x14ac:dyDescent="0.2">
      <c r="C636" s="277"/>
      <c r="D636" s="277"/>
      <c r="E636" s="277"/>
      <c r="F636" s="277"/>
      <c r="G636" s="277"/>
      <c r="H636" s="277"/>
      <c r="I636" s="277"/>
      <c r="J636" s="277"/>
      <c r="K636" s="277"/>
    </row>
    <row r="637" spans="3:11" x14ac:dyDescent="0.2">
      <c r="C637" s="277"/>
      <c r="D637" s="277"/>
      <c r="E637" s="277"/>
      <c r="F637" s="277"/>
      <c r="G637" s="277"/>
      <c r="H637" s="277"/>
      <c r="I637" s="277"/>
      <c r="J637" s="277"/>
      <c r="K637" s="277"/>
    </row>
    <row r="638" spans="3:11" x14ac:dyDescent="0.2">
      <c r="C638" s="277"/>
      <c r="D638" s="277"/>
      <c r="E638" s="277"/>
      <c r="F638" s="277"/>
      <c r="G638" s="277"/>
      <c r="H638" s="277"/>
      <c r="I638" s="277"/>
      <c r="J638" s="277"/>
      <c r="K638" s="277"/>
    </row>
    <row r="639" spans="3:11" x14ac:dyDescent="0.2">
      <c r="C639" s="277"/>
      <c r="D639" s="277"/>
      <c r="E639" s="277"/>
      <c r="F639" s="277"/>
      <c r="G639" s="277"/>
      <c r="H639" s="277"/>
      <c r="I639" s="277"/>
      <c r="J639" s="277"/>
      <c r="K639" s="277"/>
    </row>
    <row r="640" spans="3:11" x14ac:dyDescent="0.2">
      <c r="C640" s="277"/>
      <c r="D640" s="277"/>
      <c r="E640" s="277"/>
      <c r="F640" s="277"/>
      <c r="G640" s="277"/>
      <c r="H640" s="277"/>
      <c r="I640" s="277"/>
      <c r="J640" s="277"/>
      <c r="K640" s="277"/>
    </row>
    <row r="641" spans="3:11" x14ac:dyDescent="0.2">
      <c r="C641" s="277"/>
      <c r="D641" s="277"/>
      <c r="E641" s="277"/>
      <c r="F641" s="277"/>
      <c r="G641" s="277"/>
      <c r="H641" s="277"/>
      <c r="I641" s="277"/>
      <c r="J641" s="277"/>
      <c r="K641" s="277"/>
    </row>
    <row r="642" spans="3:11" x14ac:dyDescent="0.2">
      <c r="C642" s="277"/>
      <c r="D642" s="277"/>
      <c r="E642" s="277"/>
      <c r="F642" s="277"/>
      <c r="G642" s="277"/>
      <c r="H642" s="277"/>
      <c r="I642" s="277"/>
      <c r="J642" s="277"/>
      <c r="K642" s="277"/>
    </row>
    <row r="643" spans="3:11" x14ac:dyDescent="0.2">
      <c r="C643" s="277"/>
      <c r="D643" s="277"/>
      <c r="E643" s="277"/>
      <c r="F643" s="277"/>
      <c r="G643" s="277"/>
      <c r="H643" s="277"/>
      <c r="I643" s="277"/>
      <c r="J643" s="277"/>
      <c r="K643" s="277"/>
    </row>
    <row r="644" spans="3:11" x14ac:dyDescent="0.2">
      <c r="C644" s="277"/>
      <c r="D644" s="277"/>
      <c r="E644" s="277"/>
      <c r="F644" s="277"/>
      <c r="G644" s="277"/>
      <c r="H644" s="277"/>
      <c r="I644" s="277"/>
      <c r="J644" s="277"/>
      <c r="K644" s="277"/>
    </row>
    <row r="645" spans="3:11" x14ac:dyDescent="0.2">
      <c r="C645" s="277"/>
      <c r="D645" s="277"/>
      <c r="E645" s="277"/>
      <c r="F645" s="277"/>
      <c r="G645" s="277"/>
      <c r="H645" s="277"/>
      <c r="I645" s="277"/>
      <c r="J645" s="277"/>
      <c r="K645" s="277"/>
    </row>
    <row r="646" spans="3:11" x14ac:dyDescent="0.2">
      <c r="C646" s="277"/>
      <c r="D646" s="277"/>
      <c r="E646" s="277"/>
      <c r="F646" s="277"/>
      <c r="G646" s="277"/>
      <c r="H646" s="277"/>
      <c r="I646" s="277"/>
      <c r="J646" s="277"/>
      <c r="K646" s="277"/>
    </row>
    <row r="647" spans="3:11" x14ac:dyDescent="0.2">
      <c r="C647" s="277"/>
      <c r="D647" s="277"/>
      <c r="E647" s="277"/>
      <c r="F647" s="277"/>
      <c r="G647" s="277"/>
      <c r="H647" s="277"/>
      <c r="I647" s="277"/>
      <c r="J647" s="277"/>
      <c r="K647" s="277"/>
    </row>
    <row r="648" spans="3:11" x14ac:dyDescent="0.2">
      <c r="C648" s="277"/>
      <c r="D648" s="277"/>
      <c r="E648" s="277"/>
      <c r="F648" s="277"/>
      <c r="G648" s="277"/>
      <c r="H648" s="277"/>
      <c r="I648" s="277"/>
      <c r="J648" s="277"/>
      <c r="K648" s="277"/>
    </row>
    <row r="649" spans="3:11" x14ac:dyDescent="0.2">
      <c r="C649" s="277"/>
      <c r="D649" s="277"/>
      <c r="E649" s="277"/>
      <c r="F649" s="277"/>
      <c r="G649" s="277"/>
      <c r="H649" s="277"/>
      <c r="I649" s="277"/>
      <c r="J649" s="277"/>
      <c r="K649" s="277"/>
    </row>
    <row r="650" spans="3:11" x14ac:dyDescent="0.2">
      <c r="C650" s="277"/>
      <c r="D650" s="277"/>
      <c r="E650" s="277"/>
      <c r="F650" s="277"/>
      <c r="G650" s="277"/>
      <c r="H650" s="277"/>
      <c r="I650" s="277"/>
      <c r="J650" s="277"/>
      <c r="K650" s="277"/>
    </row>
    <row r="651" spans="3:11" x14ac:dyDescent="0.2">
      <c r="C651" s="277"/>
      <c r="D651" s="277"/>
      <c r="E651" s="277"/>
      <c r="F651" s="277"/>
      <c r="G651" s="277"/>
      <c r="H651" s="277"/>
      <c r="I651" s="277"/>
      <c r="J651" s="277"/>
      <c r="K651" s="277"/>
    </row>
    <row r="652" spans="3:11" x14ac:dyDescent="0.2">
      <c r="C652" s="277"/>
      <c r="D652" s="277"/>
      <c r="E652" s="277"/>
      <c r="F652" s="277"/>
      <c r="G652" s="277"/>
      <c r="H652" s="277"/>
      <c r="I652" s="277"/>
      <c r="J652" s="277"/>
      <c r="K652" s="277"/>
    </row>
    <row r="653" spans="3:11" x14ac:dyDescent="0.2">
      <c r="C653" s="277"/>
      <c r="D653" s="277"/>
      <c r="E653" s="277"/>
      <c r="F653" s="277"/>
      <c r="G653" s="277"/>
      <c r="H653" s="277"/>
      <c r="I653" s="277"/>
      <c r="J653" s="277"/>
      <c r="K653" s="277"/>
    </row>
    <row r="654" spans="3:11" x14ac:dyDescent="0.2">
      <c r="C654" s="277"/>
      <c r="D654" s="277"/>
      <c r="E654" s="277"/>
      <c r="F654" s="277"/>
      <c r="G654" s="277"/>
      <c r="H654" s="277"/>
      <c r="I654" s="277"/>
      <c r="J654" s="277"/>
      <c r="K654" s="277"/>
    </row>
    <row r="655" spans="3:11" x14ac:dyDescent="0.2">
      <c r="C655" s="277"/>
      <c r="D655" s="277"/>
      <c r="E655" s="277"/>
      <c r="F655" s="277"/>
      <c r="G655" s="277"/>
      <c r="H655" s="277"/>
      <c r="I655" s="277"/>
      <c r="J655" s="277"/>
      <c r="K655" s="277"/>
    </row>
    <row r="656" spans="3:11" x14ac:dyDescent="0.2">
      <c r="C656" s="277"/>
      <c r="D656" s="277"/>
      <c r="E656" s="277"/>
      <c r="F656" s="277"/>
      <c r="G656" s="277"/>
      <c r="H656" s="277"/>
      <c r="I656" s="277"/>
      <c r="J656" s="277"/>
      <c r="K656" s="277"/>
    </row>
    <row r="657" spans="3:11" x14ac:dyDescent="0.2">
      <c r="C657" s="277"/>
      <c r="D657" s="277"/>
      <c r="E657" s="277"/>
      <c r="F657" s="277"/>
      <c r="G657" s="277"/>
      <c r="H657" s="277"/>
      <c r="I657" s="277"/>
      <c r="J657" s="277"/>
      <c r="K657" s="277"/>
    </row>
    <row r="658" spans="3:11" x14ac:dyDescent="0.2">
      <c r="C658" s="277"/>
      <c r="D658" s="277"/>
      <c r="E658" s="277"/>
      <c r="F658" s="277"/>
      <c r="G658" s="277"/>
      <c r="H658" s="277"/>
      <c r="I658" s="277"/>
      <c r="J658" s="277"/>
      <c r="K658" s="277"/>
    </row>
    <row r="659" spans="3:11" x14ac:dyDescent="0.2">
      <c r="C659" s="277"/>
      <c r="D659" s="277"/>
      <c r="E659" s="277"/>
      <c r="F659" s="277"/>
      <c r="G659" s="277"/>
      <c r="H659" s="277"/>
      <c r="I659" s="277"/>
      <c r="J659" s="277"/>
      <c r="K659" s="277"/>
    </row>
    <row r="660" spans="3:11" x14ac:dyDescent="0.2">
      <c r="C660" s="277"/>
      <c r="D660" s="277"/>
      <c r="E660" s="277"/>
      <c r="F660" s="277"/>
      <c r="G660" s="277"/>
      <c r="H660" s="277"/>
      <c r="I660" s="277"/>
      <c r="J660" s="277"/>
      <c r="K660" s="277"/>
    </row>
    <row r="661" spans="3:11" x14ac:dyDescent="0.2">
      <c r="C661" s="277"/>
      <c r="D661" s="277"/>
      <c r="E661" s="277"/>
      <c r="F661" s="277"/>
      <c r="G661" s="277"/>
      <c r="H661" s="277"/>
      <c r="I661" s="277"/>
      <c r="J661" s="277"/>
      <c r="K661" s="277"/>
    </row>
    <row r="662" spans="3:11" x14ac:dyDescent="0.2">
      <c r="C662" s="277"/>
      <c r="D662" s="277"/>
      <c r="E662" s="277"/>
      <c r="F662" s="277"/>
      <c r="G662" s="277"/>
      <c r="H662" s="277"/>
      <c r="I662" s="277"/>
      <c r="J662" s="277"/>
      <c r="K662" s="277"/>
    </row>
    <row r="663" spans="3:11" x14ac:dyDescent="0.2">
      <c r="C663" s="277"/>
      <c r="D663" s="277"/>
      <c r="E663" s="277"/>
      <c r="F663" s="277"/>
      <c r="G663" s="277"/>
      <c r="H663" s="277"/>
      <c r="I663" s="277"/>
      <c r="J663" s="277"/>
      <c r="K663" s="277"/>
    </row>
    <row r="664" spans="3:11" x14ac:dyDescent="0.2">
      <c r="C664" s="277"/>
      <c r="D664" s="277"/>
      <c r="E664" s="277"/>
      <c r="F664" s="277"/>
      <c r="G664" s="277"/>
      <c r="H664" s="277"/>
      <c r="I664" s="277"/>
      <c r="J664" s="277"/>
      <c r="K664" s="277"/>
    </row>
    <row r="665" spans="3:11" x14ac:dyDescent="0.2">
      <c r="C665" s="277"/>
      <c r="D665" s="277"/>
      <c r="E665" s="277"/>
      <c r="F665" s="277"/>
      <c r="G665" s="277"/>
      <c r="H665" s="277"/>
      <c r="I665" s="277"/>
      <c r="J665" s="277"/>
      <c r="K665" s="277"/>
    </row>
    <row r="666" spans="3:11" x14ac:dyDescent="0.2">
      <c r="C666" s="277"/>
      <c r="D666" s="277"/>
      <c r="E666" s="277"/>
      <c r="F666" s="277"/>
      <c r="G666" s="277"/>
      <c r="H666" s="277"/>
      <c r="I666" s="277"/>
      <c r="J666" s="277"/>
      <c r="K666" s="277"/>
    </row>
    <row r="667" spans="3:11" x14ac:dyDescent="0.2">
      <c r="C667" s="277"/>
      <c r="D667" s="277"/>
      <c r="E667" s="277"/>
      <c r="F667" s="277"/>
      <c r="G667" s="277"/>
      <c r="H667" s="277"/>
      <c r="I667" s="277"/>
      <c r="J667" s="277"/>
      <c r="K667" s="277"/>
    </row>
    <row r="668" spans="3:11" x14ac:dyDescent="0.2">
      <c r="C668" s="277"/>
      <c r="D668" s="277"/>
      <c r="E668" s="277"/>
      <c r="F668" s="277"/>
      <c r="G668" s="277"/>
      <c r="H668" s="277"/>
      <c r="I668" s="277"/>
      <c r="J668" s="277"/>
      <c r="K668" s="277"/>
    </row>
    <row r="669" spans="3:11" x14ac:dyDescent="0.2">
      <c r="C669" s="277"/>
      <c r="D669" s="277"/>
      <c r="E669" s="277"/>
      <c r="F669" s="277"/>
      <c r="G669" s="277"/>
      <c r="H669" s="277"/>
      <c r="I669" s="277"/>
      <c r="J669" s="277"/>
      <c r="K669" s="277"/>
    </row>
    <row r="670" spans="3:11" x14ac:dyDescent="0.2">
      <c r="C670" s="277"/>
      <c r="D670" s="277"/>
      <c r="E670" s="277"/>
      <c r="F670" s="277"/>
      <c r="G670" s="277"/>
      <c r="H670" s="277"/>
      <c r="I670" s="277"/>
      <c r="J670" s="277"/>
      <c r="K670" s="277"/>
    </row>
    <row r="671" spans="3:11" x14ac:dyDescent="0.2">
      <c r="C671" s="277"/>
      <c r="D671" s="277"/>
      <c r="E671" s="277"/>
      <c r="F671" s="277"/>
      <c r="G671" s="277"/>
      <c r="H671" s="277"/>
      <c r="I671" s="277"/>
      <c r="J671" s="277"/>
      <c r="K671" s="277"/>
    </row>
    <row r="672" spans="3:11" x14ac:dyDescent="0.2">
      <c r="C672" s="277"/>
      <c r="D672" s="277"/>
      <c r="E672" s="277"/>
      <c r="F672" s="277"/>
      <c r="G672" s="277"/>
      <c r="H672" s="277"/>
      <c r="I672" s="277"/>
      <c r="J672" s="277"/>
      <c r="K672" s="277"/>
    </row>
    <row r="673" spans="3:11" x14ac:dyDescent="0.2">
      <c r="C673" s="277"/>
      <c r="D673" s="277"/>
      <c r="E673" s="277"/>
      <c r="F673" s="277"/>
      <c r="G673" s="277"/>
      <c r="H673" s="277"/>
      <c r="I673" s="277"/>
      <c r="J673" s="277"/>
      <c r="K673" s="277"/>
    </row>
    <row r="674" spans="3:11" x14ac:dyDescent="0.2">
      <c r="C674" s="277"/>
      <c r="D674" s="277"/>
      <c r="E674" s="277"/>
      <c r="F674" s="277"/>
      <c r="G674" s="277"/>
      <c r="H674" s="277"/>
      <c r="I674" s="277"/>
      <c r="J674" s="277"/>
      <c r="K674" s="277"/>
    </row>
    <row r="675" spans="3:11" x14ac:dyDescent="0.2">
      <c r="C675" s="277"/>
      <c r="D675" s="277"/>
      <c r="E675" s="277"/>
      <c r="F675" s="277"/>
      <c r="G675" s="277"/>
      <c r="H675" s="277"/>
      <c r="I675" s="277"/>
      <c r="J675" s="277"/>
      <c r="K675" s="277"/>
    </row>
    <row r="676" spans="3:11" x14ac:dyDescent="0.2">
      <c r="C676" s="277"/>
      <c r="D676" s="277"/>
      <c r="E676" s="277"/>
      <c r="F676" s="277"/>
      <c r="G676" s="277"/>
      <c r="H676" s="277"/>
      <c r="I676" s="277"/>
      <c r="J676" s="277"/>
      <c r="K676" s="277"/>
    </row>
    <row r="677" spans="3:11" x14ac:dyDescent="0.2">
      <c r="C677" s="277"/>
      <c r="D677" s="277"/>
      <c r="E677" s="277"/>
      <c r="F677" s="277"/>
      <c r="G677" s="277"/>
      <c r="H677" s="277"/>
      <c r="I677" s="277"/>
      <c r="J677" s="277"/>
      <c r="K677" s="277"/>
    </row>
    <row r="678" spans="3:11" x14ac:dyDescent="0.2">
      <c r="C678" s="277"/>
      <c r="D678" s="277"/>
      <c r="E678" s="277"/>
      <c r="F678" s="277"/>
      <c r="G678" s="277"/>
      <c r="H678" s="277"/>
      <c r="I678" s="277"/>
      <c r="J678" s="277"/>
      <c r="K678" s="277"/>
    </row>
    <row r="679" spans="3:11" x14ac:dyDescent="0.2">
      <c r="C679" s="277"/>
      <c r="D679" s="277"/>
      <c r="E679" s="277"/>
      <c r="F679" s="277"/>
      <c r="G679" s="277"/>
      <c r="H679" s="277"/>
      <c r="I679" s="277"/>
      <c r="J679" s="277"/>
      <c r="K679" s="277"/>
    </row>
    <row r="680" spans="3:11" x14ac:dyDescent="0.2">
      <c r="C680" s="277"/>
      <c r="D680" s="277"/>
      <c r="E680" s="277"/>
      <c r="F680" s="277"/>
      <c r="G680" s="277"/>
      <c r="H680" s="277"/>
      <c r="I680" s="277"/>
      <c r="J680" s="277"/>
      <c r="K680" s="277"/>
    </row>
    <row r="681" spans="3:11" x14ac:dyDescent="0.2">
      <c r="C681" s="277"/>
      <c r="D681" s="277"/>
      <c r="E681" s="277"/>
      <c r="F681" s="277"/>
      <c r="G681" s="277"/>
      <c r="H681" s="277"/>
      <c r="I681" s="277"/>
      <c r="J681" s="277"/>
      <c r="K681" s="277"/>
    </row>
    <row r="682" spans="3:11" x14ac:dyDescent="0.2">
      <c r="C682" s="277"/>
      <c r="D682" s="277"/>
      <c r="E682" s="277"/>
      <c r="F682" s="277"/>
      <c r="G682" s="277"/>
      <c r="H682" s="277"/>
      <c r="I682" s="277"/>
      <c r="J682" s="277"/>
      <c r="K682" s="277"/>
    </row>
    <row r="683" spans="3:11" x14ac:dyDescent="0.2">
      <c r="C683" s="277"/>
      <c r="D683" s="277"/>
      <c r="E683" s="277"/>
      <c r="F683" s="277"/>
      <c r="G683" s="277"/>
      <c r="H683" s="277"/>
      <c r="I683" s="277"/>
      <c r="J683" s="277"/>
      <c r="K683" s="277"/>
    </row>
    <row r="684" spans="3:11" x14ac:dyDescent="0.2">
      <c r="C684" s="277"/>
      <c r="D684" s="277"/>
      <c r="E684" s="277"/>
      <c r="F684" s="277"/>
      <c r="G684" s="277"/>
      <c r="H684" s="277"/>
      <c r="I684" s="277"/>
      <c r="J684" s="277"/>
      <c r="K684" s="277"/>
    </row>
    <row r="685" spans="3:11" x14ac:dyDescent="0.2">
      <c r="C685" s="277"/>
      <c r="D685" s="277"/>
      <c r="E685" s="277"/>
      <c r="F685" s="277"/>
      <c r="G685" s="277"/>
      <c r="H685" s="277"/>
      <c r="I685" s="277"/>
      <c r="J685" s="277"/>
      <c r="K685" s="277"/>
    </row>
    <row r="686" spans="3:11" x14ac:dyDescent="0.2">
      <c r="C686" s="277"/>
      <c r="D686" s="277"/>
      <c r="E686" s="277"/>
      <c r="F686" s="277"/>
      <c r="G686" s="277"/>
      <c r="H686" s="277"/>
      <c r="I686" s="277"/>
      <c r="J686" s="277"/>
      <c r="K686" s="277"/>
    </row>
    <row r="687" spans="3:11" x14ac:dyDescent="0.2">
      <c r="C687" s="277"/>
      <c r="D687" s="277"/>
      <c r="E687" s="277"/>
      <c r="F687" s="277"/>
      <c r="G687" s="277"/>
      <c r="H687" s="277"/>
      <c r="I687" s="277"/>
      <c r="J687" s="277"/>
      <c r="K687" s="277"/>
    </row>
    <row r="688" spans="3:11" x14ac:dyDescent="0.2">
      <c r="C688" s="277"/>
      <c r="D688" s="277"/>
      <c r="E688" s="277"/>
      <c r="F688" s="277"/>
      <c r="G688" s="277"/>
      <c r="H688" s="277"/>
      <c r="I688" s="277"/>
      <c r="J688" s="277"/>
      <c r="K688" s="277"/>
    </row>
    <row r="689" spans="3:11" x14ac:dyDescent="0.2">
      <c r="C689" s="277"/>
      <c r="D689" s="277"/>
      <c r="E689" s="277"/>
      <c r="F689" s="277"/>
      <c r="G689" s="277"/>
      <c r="H689" s="277"/>
      <c r="I689" s="277"/>
      <c r="J689" s="277"/>
      <c r="K689" s="277"/>
    </row>
    <row r="690" spans="3:11" x14ac:dyDescent="0.2">
      <c r="C690" s="277"/>
      <c r="D690" s="277"/>
      <c r="E690" s="277"/>
      <c r="F690" s="277"/>
      <c r="G690" s="277"/>
      <c r="H690" s="277"/>
      <c r="I690" s="277"/>
      <c r="J690" s="277"/>
      <c r="K690" s="277"/>
    </row>
    <row r="691" spans="3:11" x14ac:dyDescent="0.2">
      <c r="C691" s="277"/>
      <c r="D691" s="277"/>
      <c r="E691" s="277"/>
      <c r="F691" s="277"/>
      <c r="G691" s="277"/>
      <c r="H691" s="277"/>
      <c r="I691" s="277"/>
      <c r="J691" s="277"/>
      <c r="K691" s="277"/>
    </row>
    <row r="692" spans="3:11" x14ac:dyDescent="0.2">
      <c r="C692" s="277"/>
      <c r="D692" s="277"/>
      <c r="E692" s="277"/>
      <c r="F692" s="277"/>
      <c r="G692" s="277"/>
      <c r="H692" s="277"/>
      <c r="I692" s="277"/>
      <c r="J692" s="277"/>
      <c r="K692" s="277"/>
    </row>
    <row r="693" spans="3:11" x14ac:dyDescent="0.2">
      <c r="C693" s="277"/>
      <c r="D693" s="277"/>
      <c r="E693" s="277"/>
      <c r="F693" s="277"/>
      <c r="G693" s="277"/>
      <c r="H693" s="277"/>
      <c r="I693" s="277"/>
      <c r="J693" s="277"/>
      <c r="K693" s="277"/>
    </row>
    <row r="694" spans="3:11" x14ac:dyDescent="0.2">
      <c r="C694" s="277"/>
      <c r="D694" s="277"/>
      <c r="E694" s="277"/>
      <c r="F694" s="277"/>
      <c r="G694" s="277"/>
      <c r="H694" s="277"/>
      <c r="I694" s="277"/>
      <c r="J694" s="277"/>
      <c r="K694" s="277"/>
    </row>
    <row r="695" spans="3:11" x14ac:dyDescent="0.2">
      <c r="C695" s="277"/>
      <c r="D695" s="277"/>
      <c r="E695" s="277"/>
      <c r="F695" s="277"/>
      <c r="G695" s="277"/>
      <c r="H695" s="277"/>
      <c r="I695" s="277"/>
      <c r="J695" s="277"/>
      <c r="K695" s="277"/>
    </row>
    <row r="696" spans="3:11" x14ac:dyDescent="0.2">
      <c r="C696" s="277"/>
      <c r="D696" s="277"/>
      <c r="E696" s="277"/>
      <c r="F696" s="277"/>
      <c r="G696" s="277"/>
      <c r="H696" s="277"/>
      <c r="I696" s="277"/>
      <c r="J696" s="277"/>
      <c r="K696" s="277"/>
    </row>
    <row r="697" spans="3:11" x14ac:dyDescent="0.2">
      <c r="C697" s="277"/>
      <c r="D697" s="277"/>
      <c r="E697" s="277"/>
      <c r="F697" s="277"/>
      <c r="G697" s="277"/>
      <c r="H697" s="277"/>
      <c r="I697" s="277"/>
      <c r="J697" s="277"/>
      <c r="K697" s="277"/>
    </row>
    <row r="698" spans="3:11" x14ac:dyDescent="0.2">
      <c r="C698" s="277"/>
      <c r="D698" s="277"/>
      <c r="E698" s="277"/>
      <c r="F698" s="277"/>
      <c r="G698" s="277"/>
      <c r="H698" s="277"/>
      <c r="I698" s="277"/>
      <c r="J698" s="277"/>
      <c r="K698" s="277"/>
    </row>
    <row r="699" spans="3:11" x14ac:dyDescent="0.2">
      <c r="C699" s="277"/>
      <c r="D699" s="277"/>
      <c r="E699" s="277"/>
      <c r="F699" s="277"/>
      <c r="G699" s="277"/>
      <c r="H699" s="277"/>
      <c r="I699" s="277"/>
      <c r="J699" s="277"/>
      <c r="K699" s="277"/>
    </row>
    <row r="700" spans="3:11" x14ac:dyDescent="0.2">
      <c r="C700" s="277"/>
      <c r="D700" s="277"/>
      <c r="E700" s="277"/>
      <c r="F700" s="277"/>
      <c r="G700" s="277"/>
      <c r="H700" s="277"/>
      <c r="I700" s="277"/>
      <c r="J700" s="277"/>
      <c r="K700" s="277"/>
    </row>
    <row r="701" spans="3:11" x14ac:dyDescent="0.2">
      <c r="C701" s="277"/>
      <c r="D701" s="277"/>
      <c r="E701" s="277"/>
      <c r="F701" s="277"/>
      <c r="G701" s="277"/>
      <c r="H701" s="277"/>
      <c r="I701" s="277"/>
      <c r="J701" s="277"/>
      <c r="K701" s="277"/>
    </row>
    <row r="702" spans="3:11" x14ac:dyDescent="0.2">
      <c r="C702" s="277"/>
      <c r="D702" s="277"/>
      <c r="E702" s="277"/>
      <c r="F702" s="277"/>
      <c r="G702" s="277"/>
      <c r="H702" s="277"/>
      <c r="I702" s="277"/>
      <c r="J702" s="277"/>
      <c r="K702" s="277"/>
    </row>
    <row r="703" spans="3:11" x14ac:dyDescent="0.2">
      <c r="C703" s="277"/>
      <c r="D703" s="277"/>
      <c r="E703" s="277"/>
      <c r="F703" s="277"/>
      <c r="G703" s="277"/>
      <c r="H703" s="277"/>
      <c r="I703" s="277"/>
      <c r="J703" s="277"/>
      <c r="K703" s="277"/>
    </row>
    <row r="704" spans="3:11" x14ac:dyDescent="0.2">
      <c r="C704" s="277"/>
      <c r="D704" s="277"/>
      <c r="E704" s="277"/>
      <c r="F704" s="277"/>
      <c r="G704" s="277"/>
      <c r="H704" s="277"/>
      <c r="I704" s="277"/>
      <c r="J704" s="277"/>
      <c r="K704" s="277"/>
    </row>
    <row r="705" spans="3:11" x14ac:dyDescent="0.2">
      <c r="C705" s="277"/>
      <c r="D705" s="277"/>
      <c r="E705" s="277"/>
      <c r="F705" s="277"/>
      <c r="G705" s="277"/>
      <c r="H705" s="277"/>
      <c r="I705" s="277"/>
      <c r="J705" s="277"/>
      <c r="K705" s="277"/>
    </row>
    <row r="706" spans="3:11" x14ac:dyDescent="0.2">
      <c r="C706" s="277"/>
      <c r="D706" s="277"/>
      <c r="E706" s="277"/>
      <c r="F706" s="277"/>
      <c r="G706" s="277"/>
      <c r="H706" s="277"/>
      <c r="I706" s="277"/>
      <c r="J706" s="277"/>
      <c r="K706" s="277"/>
    </row>
    <row r="707" spans="3:11" x14ac:dyDescent="0.2">
      <c r="C707" s="277"/>
      <c r="D707" s="277"/>
      <c r="E707" s="277"/>
      <c r="F707" s="277"/>
      <c r="G707" s="277"/>
      <c r="H707" s="277"/>
      <c r="I707" s="277"/>
      <c r="J707" s="277"/>
      <c r="K707" s="277"/>
    </row>
    <row r="708" spans="3:11" x14ac:dyDescent="0.2">
      <c r="C708" s="277"/>
      <c r="D708" s="277"/>
      <c r="E708" s="277"/>
      <c r="F708" s="277"/>
      <c r="G708" s="277"/>
      <c r="H708" s="277"/>
      <c r="I708" s="277"/>
      <c r="J708" s="277"/>
      <c r="K708" s="277"/>
    </row>
    <row r="709" spans="3:11" x14ac:dyDescent="0.2">
      <c r="C709" s="277"/>
      <c r="D709" s="277"/>
      <c r="E709" s="277"/>
      <c r="F709" s="277"/>
      <c r="G709" s="277"/>
      <c r="H709" s="277"/>
      <c r="I709" s="277"/>
      <c r="J709" s="277"/>
      <c r="K709" s="277"/>
    </row>
    <row r="710" spans="3:11" x14ac:dyDescent="0.2">
      <c r="C710" s="277"/>
      <c r="D710" s="277"/>
      <c r="E710" s="277"/>
      <c r="F710" s="277"/>
      <c r="G710" s="277"/>
      <c r="H710" s="277"/>
      <c r="I710" s="277"/>
      <c r="J710" s="277"/>
      <c r="K710" s="277"/>
    </row>
    <row r="711" spans="3:11" x14ac:dyDescent="0.2">
      <c r="C711" s="277"/>
      <c r="D711" s="277"/>
      <c r="E711" s="277"/>
      <c r="F711" s="277"/>
      <c r="G711" s="277"/>
      <c r="H711" s="277"/>
      <c r="I711" s="277"/>
      <c r="J711" s="277"/>
      <c r="K711" s="277"/>
    </row>
    <row r="712" spans="3:11" x14ac:dyDescent="0.2">
      <c r="C712" s="277"/>
      <c r="D712" s="277"/>
      <c r="E712" s="277"/>
      <c r="F712" s="277"/>
      <c r="G712" s="277"/>
      <c r="H712" s="277"/>
      <c r="I712" s="277"/>
      <c r="J712" s="277"/>
      <c r="K712" s="277"/>
    </row>
    <row r="713" spans="3:11" x14ac:dyDescent="0.2">
      <c r="C713" s="277"/>
      <c r="D713" s="277"/>
      <c r="E713" s="277"/>
      <c r="F713" s="277"/>
      <c r="G713" s="277"/>
      <c r="H713" s="277"/>
      <c r="I713" s="277"/>
      <c r="J713" s="277"/>
      <c r="K713" s="277"/>
    </row>
    <row r="714" spans="3:11" x14ac:dyDescent="0.2">
      <c r="C714" s="277"/>
      <c r="D714" s="277"/>
      <c r="E714" s="277"/>
      <c r="F714" s="277"/>
      <c r="G714" s="277"/>
      <c r="H714" s="277"/>
      <c r="I714" s="277"/>
      <c r="J714" s="277"/>
      <c r="K714" s="277"/>
    </row>
    <row r="715" spans="3:11" x14ac:dyDescent="0.2">
      <c r="C715" s="277"/>
      <c r="D715" s="277"/>
      <c r="E715" s="277"/>
      <c r="F715" s="277"/>
      <c r="G715" s="277"/>
      <c r="H715" s="277"/>
      <c r="I715" s="277"/>
      <c r="J715" s="277"/>
      <c r="K715" s="277"/>
    </row>
    <row r="716" spans="3:11" x14ac:dyDescent="0.2">
      <c r="C716" s="277"/>
      <c r="D716" s="277"/>
      <c r="E716" s="277"/>
      <c r="F716" s="277"/>
      <c r="G716" s="277"/>
      <c r="H716" s="277"/>
      <c r="I716" s="277"/>
      <c r="J716" s="277"/>
      <c r="K716" s="277"/>
    </row>
    <row r="717" spans="3:11" x14ac:dyDescent="0.2">
      <c r="C717" s="277"/>
      <c r="D717" s="277"/>
      <c r="E717" s="277"/>
      <c r="F717" s="277"/>
      <c r="G717" s="277"/>
      <c r="H717" s="277"/>
      <c r="I717" s="277"/>
      <c r="J717" s="277"/>
      <c r="K717" s="277"/>
    </row>
    <row r="718" spans="3:11" x14ac:dyDescent="0.2">
      <c r="C718" s="277"/>
      <c r="D718" s="277"/>
      <c r="E718" s="277"/>
      <c r="F718" s="277"/>
      <c r="G718" s="277"/>
      <c r="H718" s="277"/>
      <c r="I718" s="277"/>
      <c r="J718" s="277"/>
      <c r="K718" s="277"/>
    </row>
    <row r="719" spans="3:11" x14ac:dyDescent="0.2">
      <c r="C719" s="277"/>
      <c r="D719" s="277"/>
      <c r="E719" s="277"/>
      <c r="F719" s="277"/>
      <c r="G719" s="277"/>
      <c r="H719" s="277"/>
      <c r="I719" s="277"/>
      <c r="J719" s="277"/>
      <c r="K719" s="277"/>
    </row>
    <row r="720" spans="3:11" x14ac:dyDescent="0.2">
      <c r="C720" s="277"/>
      <c r="D720" s="277"/>
      <c r="E720" s="277"/>
      <c r="F720" s="277"/>
      <c r="G720" s="277"/>
      <c r="H720" s="277"/>
      <c r="I720" s="277"/>
      <c r="J720" s="277"/>
      <c r="K720" s="277"/>
    </row>
    <row r="721" spans="3:11" x14ac:dyDescent="0.2">
      <c r="C721" s="277"/>
      <c r="D721" s="277"/>
      <c r="E721" s="277"/>
      <c r="F721" s="277"/>
      <c r="G721" s="277"/>
      <c r="H721" s="277"/>
      <c r="I721" s="277"/>
      <c r="J721" s="277"/>
      <c r="K721" s="277"/>
    </row>
    <row r="722" spans="3:11" x14ac:dyDescent="0.2">
      <c r="C722" s="277"/>
      <c r="D722" s="277"/>
      <c r="E722" s="277"/>
      <c r="F722" s="277"/>
      <c r="G722" s="277"/>
      <c r="H722" s="277"/>
      <c r="I722" s="277"/>
      <c r="J722" s="277"/>
      <c r="K722" s="277"/>
    </row>
    <row r="723" spans="3:11" x14ac:dyDescent="0.2">
      <c r="C723" s="277"/>
      <c r="D723" s="277"/>
      <c r="E723" s="277"/>
      <c r="F723" s="277"/>
      <c r="G723" s="277"/>
      <c r="H723" s="277"/>
      <c r="I723" s="277"/>
      <c r="J723" s="277"/>
      <c r="K723" s="277"/>
    </row>
    <row r="724" spans="3:11" x14ac:dyDescent="0.2">
      <c r="C724" s="277"/>
      <c r="D724" s="277"/>
      <c r="E724" s="277"/>
      <c r="F724" s="277"/>
      <c r="G724" s="277"/>
      <c r="H724" s="277"/>
      <c r="I724" s="277"/>
      <c r="J724" s="277"/>
      <c r="K724" s="277"/>
    </row>
    <row r="725" spans="3:11" x14ac:dyDescent="0.2">
      <c r="C725" s="277"/>
      <c r="D725" s="277"/>
      <c r="E725" s="277"/>
      <c r="F725" s="277"/>
      <c r="G725" s="277"/>
      <c r="H725" s="277"/>
      <c r="I725" s="277"/>
      <c r="J725" s="277"/>
      <c r="K725" s="277"/>
    </row>
    <row r="726" spans="3:11" x14ac:dyDescent="0.2">
      <c r="C726" s="277"/>
      <c r="D726" s="277"/>
      <c r="E726" s="277"/>
      <c r="F726" s="277"/>
      <c r="G726" s="277"/>
      <c r="H726" s="277"/>
      <c r="I726" s="277"/>
      <c r="J726" s="277"/>
      <c r="K726" s="277"/>
    </row>
    <row r="727" spans="3:11" x14ac:dyDescent="0.2">
      <c r="C727" s="277"/>
      <c r="D727" s="277"/>
      <c r="E727" s="277"/>
      <c r="F727" s="277"/>
      <c r="G727" s="277"/>
      <c r="H727" s="277"/>
      <c r="I727" s="277"/>
      <c r="J727" s="277"/>
      <c r="K727" s="277"/>
    </row>
    <row r="728" spans="3:11" x14ac:dyDescent="0.2">
      <c r="C728" s="277"/>
      <c r="D728" s="277"/>
      <c r="E728" s="277"/>
      <c r="F728" s="277"/>
      <c r="G728" s="277"/>
      <c r="H728" s="277"/>
      <c r="I728" s="277"/>
      <c r="J728" s="277"/>
      <c r="K728" s="277"/>
    </row>
    <row r="729" spans="3:11" x14ac:dyDescent="0.2">
      <c r="C729" s="277"/>
      <c r="D729" s="277"/>
      <c r="E729" s="277"/>
      <c r="F729" s="277"/>
      <c r="G729" s="277"/>
      <c r="H729" s="277"/>
      <c r="I729" s="277"/>
      <c r="J729" s="277"/>
      <c r="K729" s="277"/>
    </row>
    <row r="730" spans="3:11" x14ac:dyDescent="0.2">
      <c r="C730" s="277"/>
      <c r="D730" s="277"/>
      <c r="E730" s="277"/>
      <c r="F730" s="277"/>
      <c r="G730" s="277"/>
      <c r="H730" s="277"/>
      <c r="I730" s="277"/>
      <c r="J730" s="277"/>
      <c r="K730" s="277"/>
    </row>
    <row r="731" spans="3:11" x14ac:dyDescent="0.2">
      <c r="C731" s="277"/>
      <c r="D731" s="277"/>
      <c r="E731" s="277"/>
      <c r="F731" s="277"/>
      <c r="G731" s="277"/>
      <c r="H731" s="277"/>
      <c r="I731" s="277"/>
      <c r="J731" s="277"/>
      <c r="K731" s="277"/>
    </row>
    <row r="732" spans="3:11" x14ac:dyDescent="0.2">
      <c r="C732" s="277"/>
      <c r="D732" s="277"/>
      <c r="E732" s="277"/>
      <c r="F732" s="277"/>
      <c r="G732" s="277"/>
      <c r="H732" s="277"/>
      <c r="I732" s="277"/>
      <c r="J732" s="277"/>
      <c r="K732" s="277"/>
    </row>
    <row r="733" spans="3:11" x14ac:dyDescent="0.2">
      <c r="C733" s="277"/>
      <c r="D733" s="277"/>
      <c r="E733" s="277"/>
      <c r="F733" s="277"/>
      <c r="G733" s="277"/>
      <c r="H733" s="277"/>
      <c r="I733" s="277"/>
      <c r="J733" s="277"/>
      <c r="K733" s="277"/>
    </row>
    <row r="734" spans="3:11" x14ac:dyDescent="0.2">
      <c r="C734" s="277"/>
      <c r="D734" s="277"/>
      <c r="E734" s="277"/>
      <c r="F734" s="277"/>
      <c r="G734" s="277"/>
      <c r="H734" s="277"/>
      <c r="I734" s="277"/>
      <c r="J734" s="277"/>
      <c r="K734" s="277"/>
    </row>
    <row r="735" spans="3:11" x14ac:dyDescent="0.2">
      <c r="C735" s="277"/>
      <c r="D735" s="277"/>
      <c r="E735" s="277"/>
      <c r="F735" s="277"/>
      <c r="G735" s="277"/>
      <c r="H735" s="277"/>
      <c r="I735" s="277"/>
      <c r="J735" s="277"/>
      <c r="K735" s="277"/>
    </row>
    <row r="736" spans="3:11" x14ac:dyDescent="0.2">
      <c r="C736" s="277"/>
      <c r="D736" s="277"/>
      <c r="E736" s="277"/>
      <c r="F736" s="277"/>
      <c r="G736" s="277"/>
      <c r="H736" s="277"/>
      <c r="I736" s="277"/>
      <c r="J736" s="277"/>
      <c r="K736" s="277"/>
    </row>
    <row r="737" spans="3:11" x14ac:dyDescent="0.2">
      <c r="C737" s="277"/>
      <c r="D737" s="277"/>
      <c r="E737" s="277"/>
      <c r="F737" s="277"/>
      <c r="G737" s="277"/>
      <c r="H737" s="277"/>
      <c r="I737" s="277"/>
      <c r="J737" s="277"/>
      <c r="K737" s="277"/>
    </row>
    <row r="738" spans="3:11" x14ac:dyDescent="0.2">
      <c r="C738" s="277"/>
      <c r="D738" s="277"/>
      <c r="E738" s="277"/>
      <c r="F738" s="277"/>
      <c r="G738" s="277"/>
      <c r="H738" s="277"/>
      <c r="I738" s="277"/>
      <c r="J738" s="277"/>
      <c r="K738" s="277"/>
    </row>
    <row r="739" spans="3:11" x14ac:dyDescent="0.2">
      <c r="C739" s="277"/>
      <c r="D739" s="277"/>
      <c r="E739" s="277"/>
      <c r="F739" s="277"/>
      <c r="G739" s="277"/>
      <c r="H739" s="277"/>
      <c r="I739" s="277"/>
      <c r="J739" s="277"/>
      <c r="K739" s="277"/>
    </row>
    <row r="740" spans="3:11" x14ac:dyDescent="0.2">
      <c r="C740" s="277"/>
      <c r="D740" s="277"/>
      <c r="E740" s="277"/>
      <c r="F740" s="277"/>
      <c r="G740" s="277"/>
      <c r="H740" s="277"/>
      <c r="I740" s="277"/>
      <c r="J740" s="277"/>
      <c r="K740" s="277"/>
    </row>
    <row r="741" spans="3:11" x14ac:dyDescent="0.2">
      <c r="C741" s="277"/>
      <c r="D741" s="277"/>
      <c r="E741" s="277"/>
      <c r="F741" s="277"/>
      <c r="G741" s="277"/>
      <c r="H741" s="277"/>
      <c r="I741" s="277"/>
      <c r="J741" s="277"/>
      <c r="K741" s="277"/>
    </row>
    <row r="742" spans="3:11" x14ac:dyDescent="0.2">
      <c r="C742" s="277"/>
      <c r="D742" s="277"/>
      <c r="E742" s="277"/>
      <c r="F742" s="277"/>
      <c r="G742" s="277"/>
      <c r="H742" s="277"/>
      <c r="I742" s="277"/>
      <c r="J742" s="277"/>
      <c r="K742" s="277"/>
    </row>
    <row r="743" spans="3:11" x14ac:dyDescent="0.2">
      <c r="C743" s="277"/>
      <c r="D743" s="277"/>
      <c r="E743" s="277"/>
      <c r="F743" s="277"/>
      <c r="G743" s="277"/>
      <c r="H743" s="277"/>
      <c r="I743" s="277"/>
      <c r="J743" s="277"/>
      <c r="K743" s="277"/>
    </row>
    <row r="744" spans="3:11" x14ac:dyDescent="0.2">
      <c r="C744" s="277"/>
      <c r="D744" s="277"/>
      <c r="E744" s="277"/>
      <c r="F744" s="277"/>
      <c r="G744" s="277"/>
      <c r="H744" s="277"/>
      <c r="I744" s="277"/>
      <c r="J744" s="277"/>
      <c r="K744" s="277"/>
    </row>
    <row r="745" spans="3:11" x14ac:dyDescent="0.2">
      <c r="C745" s="277"/>
      <c r="D745" s="277"/>
      <c r="E745" s="277"/>
      <c r="F745" s="277"/>
      <c r="G745" s="277"/>
      <c r="H745" s="277"/>
      <c r="I745" s="277"/>
      <c r="J745" s="277"/>
      <c r="K745" s="277"/>
    </row>
    <row r="746" spans="3:11" x14ac:dyDescent="0.2">
      <c r="C746" s="277"/>
      <c r="D746" s="277"/>
      <c r="E746" s="277"/>
      <c r="F746" s="277"/>
      <c r="G746" s="277"/>
      <c r="H746" s="277"/>
      <c r="I746" s="277"/>
      <c r="J746" s="277"/>
      <c r="K746" s="277"/>
    </row>
    <row r="747" spans="3:11" x14ac:dyDescent="0.2">
      <c r="C747" s="277"/>
      <c r="D747" s="277"/>
      <c r="E747" s="277"/>
      <c r="F747" s="277"/>
      <c r="G747" s="277"/>
      <c r="H747" s="277"/>
      <c r="I747" s="277"/>
      <c r="J747" s="277"/>
      <c r="K747" s="277"/>
    </row>
    <row r="748" spans="3:11" x14ac:dyDescent="0.2">
      <c r="C748" s="277"/>
      <c r="D748" s="277"/>
      <c r="E748" s="277"/>
      <c r="F748" s="277"/>
      <c r="G748" s="277"/>
      <c r="H748" s="277"/>
      <c r="I748" s="277"/>
      <c r="J748" s="277"/>
      <c r="K748" s="277"/>
    </row>
    <row r="749" spans="3:11" x14ac:dyDescent="0.2">
      <c r="C749" s="277"/>
      <c r="D749" s="277"/>
      <c r="E749" s="277"/>
      <c r="F749" s="277"/>
      <c r="G749" s="277"/>
      <c r="H749" s="277"/>
      <c r="I749" s="277"/>
      <c r="J749" s="277"/>
      <c r="K749" s="277"/>
    </row>
    <row r="750" spans="3:11" x14ac:dyDescent="0.2">
      <c r="C750" s="277"/>
      <c r="D750" s="277"/>
      <c r="E750" s="277"/>
      <c r="F750" s="277"/>
      <c r="G750" s="277"/>
      <c r="H750" s="277"/>
      <c r="I750" s="277"/>
      <c r="J750" s="277"/>
      <c r="K750" s="277"/>
    </row>
    <row r="751" spans="3:11" x14ac:dyDescent="0.2">
      <c r="C751" s="277"/>
      <c r="D751" s="277"/>
      <c r="E751" s="277"/>
      <c r="F751" s="277"/>
      <c r="G751" s="277"/>
      <c r="H751" s="277"/>
      <c r="I751" s="277"/>
      <c r="J751" s="277"/>
      <c r="K751" s="277"/>
    </row>
    <row r="752" spans="3:11" x14ac:dyDescent="0.2">
      <c r="C752" s="277"/>
      <c r="D752" s="277"/>
      <c r="E752" s="277"/>
      <c r="F752" s="277"/>
      <c r="G752" s="277"/>
      <c r="H752" s="277"/>
      <c r="I752" s="277"/>
      <c r="J752" s="277"/>
      <c r="K752" s="277"/>
    </row>
    <row r="753" spans="3:11" x14ac:dyDescent="0.2">
      <c r="C753" s="277"/>
      <c r="D753" s="277"/>
      <c r="E753" s="277"/>
      <c r="F753" s="277"/>
      <c r="G753" s="277"/>
      <c r="H753" s="277"/>
      <c r="I753" s="277"/>
      <c r="J753" s="277"/>
      <c r="K753" s="277"/>
    </row>
    <row r="754" spans="3:11" x14ac:dyDescent="0.2">
      <c r="C754" s="277"/>
      <c r="D754" s="277"/>
      <c r="E754" s="277"/>
      <c r="F754" s="277"/>
      <c r="G754" s="277"/>
      <c r="H754" s="277"/>
      <c r="I754" s="277"/>
      <c r="J754" s="277"/>
      <c r="K754" s="277"/>
    </row>
    <row r="755" spans="3:11" x14ac:dyDescent="0.2">
      <c r="C755" s="277"/>
      <c r="D755" s="277"/>
      <c r="E755" s="277"/>
      <c r="F755" s="277"/>
      <c r="G755" s="277"/>
      <c r="H755" s="277"/>
      <c r="I755" s="277"/>
      <c r="J755" s="277"/>
      <c r="K755" s="277"/>
    </row>
    <row r="756" spans="3:11" x14ac:dyDescent="0.2">
      <c r="C756" s="277"/>
      <c r="D756" s="277"/>
      <c r="E756" s="277"/>
      <c r="F756" s="277"/>
      <c r="G756" s="277"/>
      <c r="H756" s="277"/>
      <c r="I756" s="277"/>
      <c r="J756" s="277"/>
      <c r="K756" s="277"/>
    </row>
    <row r="757" spans="3:11" x14ac:dyDescent="0.2">
      <c r="C757" s="277"/>
      <c r="D757" s="277"/>
      <c r="E757" s="277"/>
      <c r="F757" s="277"/>
      <c r="G757" s="277"/>
      <c r="H757" s="277"/>
      <c r="I757" s="277"/>
      <c r="J757" s="277"/>
      <c r="K757" s="277"/>
    </row>
    <row r="758" spans="3:11" x14ac:dyDescent="0.2">
      <c r="C758" s="277"/>
      <c r="D758" s="277"/>
      <c r="E758" s="277"/>
      <c r="F758" s="277"/>
      <c r="G758" s="277"/>
      <c r="H758" s="277"/>
      <c r="I758" s="277"/>
      <c r="J758" s="277"/>
      <c r="K758" s="277"/>
    </row>
    <row r="759" spans="3:11" x14ac:dyDescent="0.2">
      <c r="C759" s="277"/>
      <c r="D759" s="277"/>
      <c r="E759" s="277"/>
      <c r="F759" s="277"/>
      <c r="G759" s="277"/>
      <c r="H759" s="277"/>
      <c r="I759" s="277"/>
      <c r="J759" s="277"/>
      <c r="K759" s="277"/>
    </row>
    <row r="760" spans="3:11" x14ac:dyDescent="0.2">
      <c r="C760" s="277"/>
      <c r="D760" s="277"/>
      <c r="E760" s="277"/>
      <c r="F760" s="277"/>
      <c r="G760" s="277"/>
      <c r="H760" s="277"/>
      <c r="I760" s="277"/>
      <c r="J760" s="277"/>
      <c r="K760" s="277"/>
    </row>
    <row r="761" spans="3:11" x14ac:dyDescent="0.2">
      <c r="C761" s="277"/>
      <c r="D761" s="277"/>
      <c r="E761" s="277"/>
      <c r="F761" s="277"/>
      <c r="G761" s="277"/>
      <c r="H761" s="277"/>
      <c r="I761" s="277"/>
      <c r="J761" s="277"/>
      <c r="K761" s="277"/>
    </row>
    <row r="762" spans="3:11" x14ac:dyDescent="0.2">
      <c r="C762" s="277"/>
      <c r="D762" s="277"/>
      <c r="E762" s="277"/>
      <c r="F762" s="277"/>
      <c r="G762" s="277"/>
      <c r="H762" s="277"/>
      <c r="I762" s="277"/>
      <c r="J762" s="277"/>
      <c r="K762" s="277"/>
    </row>
    <row r="763" spans="3:11" x14ac:dyDescent="0.2">
      <c r="C763" s="277"/>
      <c r="D763" s="277"/>
      <c r="E763" s="277"/>
      <c r="F763" s="277"/>
      <c r="G763" s="277"/>
      <c r="H763" s="277"/>
      <c r="I763" s="277"/>
      <c r="J763" s="277"/>
      <c r="K763" s="277"/>
    </row>
    <row r="764" spans="3:11" x14ac:dyDescent="0.2">
      <c r="C764" s="277"/>
      <c r="D764" s="277"/>
      <c r="E764" s="277"/>
      <c r="F764" s="277"/>
      <c r="G764" s="277"/>
      <c r="H764" s="277"/>
      <c r="I764" s="277"/>
      <c r="J764" s="277"/>
      <c r="K764" s="277"/>
    </row>
    <row r="765" spans="3:11" x14ac:dyDescent="0.2">
      <c r="C765" s="277"/>
      <c r="D765" s="277"/>
      <c r="E765" s="277"/>
      <c r="F765" s="277"/>
      <c r="G765" s="277"/>
      <c r="H765" s="277"/>
      <c r="I765" s="277"/>
      <c r="J765" s="277"/>
      <c r="K765" s="277"/>
    </row>
    <row r="766" spans="3:11" x14ac:dyDescent="0.2">
      <c r="C766" s="277"/>
      <c r="D766" s="277"/>
      <c r="E766" s="277"/>
      <c r="F766" s="277"/>
      <c r="G766" s="277"/>
      <c r="H766" s="277"/>
      <c r="I766" s="277"/>
      <c r="J766" s="277"/>
      <c r="K766" s="277"/>
    </row>
    <row r="767" spans="3:11" x14ac:dyDescent="0.2">
      <c r="C767" s="277"/>
      <c r="D767" s="277"/>
      <c r="E767" s="277"/>
      <c r="F767" s="277"/>
      <c r="G767" s="277"/>
      <c r="H767" s="277"/>
      <c r="I767" s="277"/>
      <c r="J767" s="277"/>
      <c r="K767" s="277"/>
    </row>
    <row r="768" spans="3:11" x14ac:dyDescent="0.2">
      <c r="C768" s="277"/>
      <c r="D768" s="277"/>
      <c r="E768" s="277"/>
      <c r="F768" s="277"/>
      <c r="G768" s="277"/>
      <c r="H768" s="277"/>
      <c r="I768" s="277"/>
      <c r="J768" s="277"/>
      <c r="K768" s="277"/>
    </row>
    <row r="769" spans="3:11" x14ac:dyDescent="0.2">
      <c r="C769" s="277"/>
      <c r="D769" s="277"/>
      <c r="E769" s="277"/>
      <c r="F769" s="277"/>
      <c r="G769" s="277"/>
      <c r="H769" s="277"/>
      <c r="I769" s="277"/>
      <c r="J769" s="277"/>
      <c r="K769" s="277"/>
    </row>
    <row r="770" spans="3:11" x14ac:dyDescent="0.2">
      <c r="C770" s="277"/>
      <c r="D770" s="277"/>
      <c r="E770" s="277"/>
      <c r="F770" s="277"/>
      <c r="G770" s="277"/>
      <c r="H770" s="277"/>
      <c r="I770" s="277"/>
      <c r="J770" s="277"/>
      <c r="K770" s="277"/>
    </row>
    <row r="771" spans="3:11" x14ac:dyDescent="0.2">
      <c r="C771" s="277"/>
      <c r="D771" s="277"/>
      <c r="E771" s="277"/>
      <c r="F771" s="277"/>
      <c r="G771" s="277"/>
      <c r="H771" s="277"/>
      <c r="I771" s="277"/>
      <c r="J771" s="277"/>
      <c r="K771" s="277"/>
    </row>
    <row r="772" spans="3:11" x14ac:dyDescent="0.2">
      <c r="C772" s="277"/>
      <c r="D772" s="277"/>
      <c r="E772" s="277"/>
      <c r="F772" s="277"/>
      <c r="G772" s="277"/>
      <c r="H772" s="277"/>
      <c r="I772" s="277"/>
      <c r="J772" s="277"/>
      <c r="K772" s="277"/>
    </row>
    <row r="773" spans="3:11" x14ac:dyDescent="0.2">
      <c r="C773" s="277"/>
      <c r="D773" s="277"/>
      <c r="E773" s="277"/>
      <c r="F773" s="277"/>
      <c r="G773" s="277"/>
      <c r="H773" s="277"/>
      <c r="I773" s="277"/>
      <c r="J773" s="277"/>
      <c r="K773" s="277"/>
    </row>
    <row r="774" spans="3:11" x14ac:dyDescent="0.2">
      <c r="C774" s="277"/>
      <c r="D774" s="277"/>
      <c r="E774" s="277"/>
      <c r="F774" s="277"/>
      <c r="G774" s="277"/>
      <c r="H774" s="277"/>
      <c r="I774" s="277"/>
      <c r="J774" s="277"/>
      <c r="K774" s="277"/>
    </row>
    <row r="775" spans="3:11" x14ac:dyDescent="0.2">
      <c r="C775" s="277"/>
      <c r="D775" s="277"/>
      <c r="E775" s="277"/>
      <c r="F775" s="277"/>
      <c r="G775" s="277"/>
      <c r="H775" s="277"/>
      <c r="I775" s="277"/>
      <c r="J775" s="277"/>
      <c r="K775" s="277"/>
    </row>
    <row r="776" spans="3:11" x14ac:dyDescent="0.2">
      <c r="C776" s="277"/>
      <c r="D776" s="277"/>
      <c r="E776" s="277"/>
      <c r="F776" s="277"/>
      <c r="G776" s="277"/>
      <c r="H776" s="277"/>
      <c r="I776" s="277"/>
      <c r="J776" s="277"/>
      <c r="K776" s="277"/>
    </row>
    <row r="777" spans="3:11" x14ac:dyDescent="0.2">
      <c r="C777" s="277"/>
      <c r="D777" s="277"/>
      <c r="E777" s="277"/>
      <c r="F777" s="277"/>
      <c r="G777" s="277"/>
      <c r="H777" s="277"/>
      <c r="I777" s="277"/>
      <c r="J777" s="277"/>
      <c r="K777" s="277"/>
    </row>
    <row r="778" spans="3:11" x14ac:dyDescent="0.2">
      <c r="C778" s="277"/>
      <c r="D778" s="277"/>
      <c r="E778" s="277"/>
      <c r="F778" s="277"/>
      <c r="G778" s="277"/>
      <c r="H778" s="277"/>
      <c r="I778" s="277"/>
      <c r="J778" s="277"/>
      <c r="K778" s="277"/>
    </row>
    <row r="779" spans="3:11" x14ac:dyDescent="0.2">
      <c r="C779" s="277"/>
      <c r="D779" s="277"/>
      <c r="E779" s="277"/>
      <c r="F779" s="277"/>
      <c r="G779" s="277"/>
      <c r="H779" s="277"/>
      <c r="I779" s="277"/>
      <c r="J779" s="277"/>
      <c r="K779" s="277"/>
    </row>
    <row r="780" spans="3:11" x14ac:dyDescent="0.2">
      <c r="C780" s="277"/>
      <c r="D780" s="277"/>
      <c r="E780" s="277"/>
      <c r="F780" s="277"/>
      <c r="G780" s="277"/>
      <c r="H780" s="277"/>
      <c r="I780" s="277"/>
      <c r="J780" s="277"/>
      <c r="K780" s="277"/>
    </row>
    <row r="781" spans="3:11" x14ac:dyDescent="0.2">
      <c r="C781" s="277"/>
      <c r="D781" s="277"/>
      <c r="E781" s="277"/>
      <c r="F781" s="277"/>
      <c r="G781" s="277"/>
      <c r="H781" s="277"/>
      <c r="I781" s="277"/>
      <c r="J781" s="277"/>
      <c r="K781" s="277"/>
    </row>
    <row r="782" spans="3:11" x14ac:dyDescent="0.2">
      <c r="C782" s="277"/>
      <c r="D782" s="277"/>
      <c r="E782" s="277"/>
      <c r="F782" s="277"/>
      <c r="G782" s="277"/>
      <c r="H782" s="277"/>
      <c r="I782" s="277"/>
      <c r="J782" s="277"/>
      <c r="K782" s="277"/>
    </row>
    <row r="783" spans="3:11" x14ac:dyDescent="0.2">
      <c r="C783" s="277"/>
      <c r="D783" s="277"/>
      <c r="E783" s="277"/>
      <c r="F783" s="277"/>
      <c r="G783" s="277"/>
      <c r="H783" s="277"/>
      <c r="I783" s="277"/>
      <c r="J783" s="277"/>
      <c r="K783" s="277"/>
    </row>
    <row r="784" spans="3:11" x14ac:dyDescent="0.2">
      <c r="C784" s="277"/>
      <c r="D784" s="277"/>
      <c r="E784" s="277"/>
      <c r="F784" s="277"/>
      <c r="G784" s="277"/>
      <c r="H784" s="277"/>
      <c r="I784" s="277"/>
      <c r="J784" s="277"/>
      <c r="K784" s="277"/>
    </row>
    <row r="785" spans="3:11" x14ac:dyDescent="0.2">
      <c r="C785" s="277"/>
      <c r="D785" s="277"/>
      <c r="E785" s="277"/>
      <c r="F785" s="277"/>
      <c r="G785" s="277"/>
      <c r="H785" s="277"/>
      <c r="I785" s="277"/>
      <c r="J785" s="277"/>
      <c r="K785" s="277"/>
    </row>
    <row r="786" spans="3:11" x14ac:dyDescent="0.2">
      <c r="C786" s="277"/>
      <c r="D786" s="277"/>
      <c r="E786" s="277"/>
      <c r="F786" s="277"/>
      <c r="G786" s="277"/>
      <c r="H786" s="277"/>
      <c r="I786" s="277"/>
      <c r="J786" s="277"/>
      <c r="K786" s="277"/>
    </row>
    <row r="787" spans="3:11" x14ac:dyDescent="0.2">
      <c r="C787" s="277"/>
      <c r="D787" s="277"/>
      <c r="E787" s="277"/>
      <c r="F787" s="277"/>
      <c r="G787" s="277"/>
      <c r="H787" s="277"/>
      <c r="I787" s="277"/>
      <c r="J787" s="277"/>
      <c r="K787" s="277"/>
    </row>
    <row r="788" spans="3:11" x14ac:dyDescent="0.2">
      <c r="C788" s="277"/>
      <c r="D788" s="277"/>
      <c r="E788" s="277"/>
      <c r="F788" s="277"/>
      <c r="G788" s="277"/>
      <c r="H788" s="277"/>
      <c r="I788" s="277"/>
      <c r="J788" s="277"/>
      <c r="K788" s="277"/>
    </row>
    <row r="789" spans="3:11" x14ac:dyDescent="0.2">
      <c r="C789" s="277"/>
      <c r="D789" s="277"/>
      <c r="E789" s="277"/>
      <c r="F789" s="277"/>
      <c r="G789" s="277"/>
      <c r="H789" s="277"/>
      <c r="I789" s="277"/>
      <c r="J789" s="277"/>
      <c r="K789" s="277"/>
    </row>
    <row r="790" spans="3:11" x14ac:dyDescent="0.2">
      <c r="C790" s="277"/>
      <c r="D790" s="277"/>
      <c r="E790" s="277"/>
      <c r="F790" s="277"/>
      <c r="G790" s="277"/>
      <c r="H790" s="277"/>
      <c r="I790" s="277"/>
      <c r="J790" s="277"/>
      <c r="K790" s="277"/>
    </row>
    <row r="791" spans="3:11" x14ac:dyDescent="0.2">
      <c r="C791" s="277"/>
      <c r="D791" s="277"/>
      <c r="E791" s="277"/>
      <c r="F791" s="277"/>
      <c r="G791" s="277"/>
      <c r="H791" s="277"/>
      <c r="I791" s="277"/>
      <c r="J791" s="277"/>
      <c r="K791" s="277"/>
    </row>
    <row r="792" spans="3:11" x14ac:dyDescent="0.2">
      <c r="C792" s="277"/>
      <c r="D792" s="277"/>
      <c r="E792" s="277"/>
      <c r="F792" s="277"/>
      <c r="G792" s="277"/>
      <c r="H792" s="277"/>
      <c r="I792" s="277"/>
      <c r="J792" s="277"/>
      <c r="K792" s="277"/>
    </row>
    <row r="793" spans="3:11" x14ac:dyDescent="0.2">
      <c r="C793" s="277"/>
      <c r="D793" s="277"/>
      <c r="E793" s="277"/>
      <c r="F793" s="277"/>
      <c r="G793" s="277"/>
      <c r="H793" s="277"/>
      <c r="I793" s="277"/>
      <c r="J793" s="277"/>
      <c r="K793" s="277"/>
    </row>
    <row r="794" spans="3:11" x14ac:dyDescent="0.2">
      <c r="C794" s="277"/>
      <c r="D794" s="277"/>
      <c r="E794" s="277"/>
      <c r="F794" s="277"/>
      <c r="G794" s="277"/>
      <c r="H794" s="277"/>
      <c r="I794" s="277"/>
      <c r="J794" s="277"/>
      <c r="K794" s="277"/>
    </row>
    <row r="795" spans="3:11" x14ac:dyDescent="0.2">
      <c r="C795" s="277"/>
      <c r="D795" s="277"/>
      <c r="E795" s="277"/>
      <c r="F795" s="277"/>
      <c r="G795" s="277"/>
      <c r="H795" s="277"/>
      <c r="I795" s="277"/>
      <c r="J795" s="277"/>
      <c r="K795" s="277"/>
    </row>
    <row r="796" spans="3:11" x14ac:dyDescent="0.2">
      <c r="C796" s="277"/>
      <c r="D796" s="277"/>
      <c r="E796" s="277"/>
      <c r="F796" s="277"/>
      <c r="G796" s="277"/>
      <c r="H796" s="277"/>
      <c r="I796" s="277"/>
      <c r="J796" s="277"/>
      <c r="K796" s="277"/>
    </row>
    <row r="797" spans="3:11" x14ac:dyDescent="0.2">
      <c r="C797" s="277"/>
      <c r="D797" s="277"/>
      <c r="E797" s="277"/>
      <c r="F797" s="277"/>
      <c r="G797" s="277"/>
      <c r="H797" s="277"/>
      <c r="I797" s="277"/>
      <c r="J797" s="277"/>
      <c r="K797" s="277"/>
    </row>
    <row r="798" spans="3:11" x14ac:dyDescent="0.2">
      <c r="C798" s="277"/>
      <c r="D798" s="277"/>
      <c r="E798" s="277"/>
      <c r="F798" s="277"/>
      <c r="G798" s="277"/>
      <c r="H798" s="277"/>
      <c r="I798" s="277"/>
      <c r="J798" s="277"/>
      <c r="K798" s="277"/>
    </row>
    <row r="799" spans="3:11" x14ac:dyDescent="0.2">
      <c r="C799" s="277"/>
      <c r="D799" s="277"/>
      <c r="E799" s="277"/>
      <c r="F799" s="277"/>
      <c r="G799" s="277"/>
      <c r="H799" s="277"/>
      <c r="I799" s="277"/>
      <c r="J799" s="277"/>
      <c r="K799" s="277"/>
    </row>
    <row r="800" spans="3:11" x14ac:dyDescent="0.2">
      <c r="C800" s="277"/>
      <c r="D800" s="277"/>
      <c r="E800" s="277"/>
      <c r="F800" s="277"/>
      <c r="G800" s="277"/>
      <c r="H800" s="277"/>
      <c r="I800" s="277"/>
      <c r="J800" s="277"/>
      <c r="K800" s="277"/>
    </row>
    <row r="801" spans="3:11" x14ac:dyDescent="0.2">
      <c r="C801" s="277"/>
      <c r="D801" s="277"/>
      <c r="E801" s="277"/>
      <c r="F801" s="277"/>
      <c r="G801" s="277"/>
      <c r="H801" s="277"/>
      <c r="I801" s="277"/>
      <c r="J801" s="277"/>
      <c r="K801" s="277"/>
    </row>
    <row r="802" spans="3:11" x14ac:dyDescent="0.2">
      <c r="C802" s="277"/>
      <c r="D802" s="277"/>
      <c r="E802" s="277"/>
      <c r="F802" s="277"/>
      <c r="G802" s="277"/>
      <c r="H802" s="277"/>
      <c r="I802" s="277"/>
      <c r="J802" s="277"/>
      <c r="K802" s="277"/>
    </row>
    <row r="803" spans="3:11" x14ac:dyDescent="0.2">
      <c r="C803" s="277"/>
      <c r="D803" s="277"/>
      <c r="E803" s="277"/>
      <c r="F803" s="277"/>
      <c r="G803" s="277"/>
      <c r="H803" s="277"/>
      <c r="I803" s="277"/>
      <c r="J803" s="277"/>
      <c r="K803" s="277"/>
    </row>
    <row r="804" spans="3:11" x14ac:dyDescent="0.2">
      <c r="C804" s="277"/>
      <c r="D804" s="277"/>
      <c r="E804" s="277"/>
      <c r="F804" s="277"/>
      <c r="G804" s="277"/>
      <c r="H804" s="277"/>
      <c r="I804" s="277"/>
      <c r="J804" s="277"/>
      <c r="K804" s="277"/>
    </row>
    <row r="805" spans="3:11" x14ac:dyDescent="0.2">
      <c r="C805" s="277"/>
      <c r="D805" s="277"/>
      <c r="E805" s="277"/>
      <c r="F805" s="277"/>
      <c r="G805" s="277"/>
      <c r="H805" s="277"/>
      <c r="I805" s="277"/>
      <c r="J805" s="277"/>
      <c r="K805" s="277"/>
    </row>
    <row r="806" spans="3:11" x14ac:dyDescent="0.2">
      <c r="C806" s="277"/>
      <c r="D806" s="277"/>
      <c r="E806" s="277"/>
      <c r="F806" s="277"/>
      <c r="G806" s="277"/>
      <c r="H806" s="277"/>
      <c r="I806" s="277"/>
      <c r="J806" s="277"/>
      <c r="K806" s="277"/>
    </row>
    <row r="807" spans="3:11" x14ac:dyDescent="0.2">
      <c r="C807" s="277"/>
      <c r="D807" s="277"/>
      <c r="E807" s="277"/>
      <c r="F807" s="277"/>
      <c r="G807" s="277"/>
      <c r="H807" s="277"/>
      <c r="I807" s="277"/>
      <c r="J807" s="277"/>
      <c r="K807" s="277"/>
    </row>
    <row r="808" spans="3:11" x14ac:dyDescent="0.2">
      <c r="C808" s="277"/>
      <c r="D808" s="277"/>
      <c r="E808" s="277"/>
      <c r="F808" s="277"/>
      <c r="G808" s="277"/>
      <c r="H808" s="277"/>
      <c r="I808" s="277"/>
      <c r="J808" s="277"/>
      <c r="K808" s="277"/>
    </row>
    <row r="809" spans="3:11" x14ac:dyDescent="0.2">
      <c r="C809" s="277"/>
      <c r="D809" s="277"/>
      <c r="E809" s="277"/>
      <c r="F809" s="277"/>
      <c r="G809" s="277"/>
      <c r="H809" s="277"/>
      <c r="I809" s="277"/>
      <c r="J809" s="277"/>
      <c r="K809" s="277"/>
    </row>
    <row r="810" spans="3:11" x14ac:dyDescent="0.2">
      <c r="C810" s="277"/>
      <c r="D810" s="277"/>
      <c r="E810" s="277"/>
      <c r="F810" s="277"/>
      <c r="G810" s="277"/>
      <c r="H810" s="277"/>
      <c r="I810" s="277"/>
      <c r="J810" s="277"/>
      <c r="K810" s="277"/>
    </row>
    <row r="811" spans="3:11" x14ac:dyDescent="0.2">
      <c r="C811" s="277"/>
      <c r="D811" s="277"/>
      <c r="E811" s="277"/>
      <c r="F811" s="277"/>
      <c r="G811" s="277"/>
      <c r="H811" s="277"/>
      <c r="I811" s="277"/>
      <c r="J811" s="277"/>
      <c r="K811" s="277"/>
    </row>
    <row r="812" spans="3:11" x14ac:dyDescent="0.2">
      <c r="C812" s="277"/>
      <c r="D812" s="277"/>
      <c r="E812" s="277"/>
      <c r="F812" s="277"/>
      <c r="G812" s="277"/>
      <c r="H812" s="277"/>
      <c r="I812" s="277"/>
      <c r="J812" s="277"/>
      <c r="K812" s="277"/>
    </row>
    <row r="813" spans="3:11" x14ac:dyDescent="0.2">
      <c r="C813" s="277"/>
      <c r="D813" s="277"/>
      <c r="E813" s="277"/>
      <c r="F813" s="277"/>
      <c r="G813" s="277"/>
      <c r="H813" s="277"/>
      <c r="I813" s="277"/>
      <c r="J813" s="277"/>
      <c r="K813" s="277"/>
    </row>
    <row r="814" spans="3:11" x14ac:dyDescent="0.2">
      <c r="C814" s="277"/>
      <c r="D814" s="277"/>
      <c r="E814" s="277"/>
      <c r="F814" s="277"/>
      <c r="G814" s="277"/>
      <c r="H814" s="277"/>
      <c r="I814" s="277"/>
      <c r="J814" s="277"/>
      <c r="K814" s="277"/>
    </row>
    <row r="815" spans="3:11" x14ac:dyDescent="0.2">
      <c r="C815" s="277"/>
      <c r="D815" s="277"/>
      <c r="E815" s="277"/>
      <c r="F815" s="277"/>
      <c r="G815" s="277"/>
      <c r="H815" s="277"/>
      <c r="I815" s="277"/>
      <c r="J815" s="277"/>
      <c r="K815" s="277"/>
    </row>
    <row r="816" spans="3:11" x14ac:dyDescent="0.2">
      <c r="C816" s="277"/>
      <c r="D816" s="277"/>
      <c r="E816" s="277"/>
      <c r="F816" s="277"/>
      <c r="G816" s="277"/>
      <c r="H816" s="277"/>
      <c r="I816" s="277"/>
      <c r="J816" s="277"/>
      <c r="K816" s="277"/>
    </row>
    <row r="817" spans="3:11" x14ac:dyDescent="0.2">
      <c r="C817" s="277"/>
      <c r="D817" s="277"/>
      <c r="E817" s="277"/>
      <c r="F817" s="277"/>
      <c r="G817" s="277"/>
      <c r="H817" s="277"/>
      <c r="I817" s="277"/>
      <c r="J817" s="277"/>
      <c r="K817" s="277"/>
    </row>
    <row r="818" spans="3:11" x14ac:dyDescent="0.2">
      <c r="C818" s="277"/>
      <c r="D818" s="277"/>
      <c r="E818" s="277"/>
      <c r="F818" s="277"/>
      <c r="G818" s="277"/>
      <c r="H818" s="277"/>
      <c r="I818" s="277"/>
      <c r="J818" s="277"/>
      <c r="K818" s="277"/>
    </row>
    <row r="819" spans="3:11" x14ac:dyDescent="0.2">
      <c r="C819" s="277"/>
      <c r="D819" s="277"/>
      <c r="E819" s="277"/>
      <c r="F819" s="277"/>
      <c r="G819" s="277"/>
      <c r="H819" s="277"/>
      <c r="I819" s="277"/>
      <c r="J819" s="277"/>
      <c r="K819" s="277"/>
    </row>
    <row r="820" spans="3:11" x14ac:dyDescent="0.2">
      <c r="C820" s="277"/>
      <c r="D820" s="277"/>
      <c r="E820" s="277"/>
      <c r="F820" s="277"/>
      <c r="G820" s="277"/>
      <c r="H820" s="277"/>
      <c r="I820" s="277"/>
      <c r="J820" s="277"/>
      <c r="K820" s="277"/>
    </row>
    <row r="821" spans="3:11" x14ac:dyDescent="0.2">
      <c r="C821" s="277"/>
      <c r="D821" s="277"/>
      <c r="E821" s="277"/>
      <c r="F821" s="277"/>
      <c r="G821" s="277"/>
      <c r="H821" s="277"/>
      <c r="I821" s="277"/>
      <c r="J821" s="277"/>
      <c r="K821" s="277"/>
    </row>
    <row r="822" spans="3:11" x14ac:dyDescent="0.2">
      <c r="C822" s="277"/>
      <c r="D822" s="277"/>
      <c r="E822" s="277"/>
      <c r="F822" s="277"/>
      <c r="G822" s="277"/>
      <c r="H822" s="277"/>
      <c r="I822" s="277"/>
      <c r="J822" s="277"/>
      <c r="K822" s="277"/>
    </row>
    <row r="823" spans="3:11" x14ac:dyDescent="0.2">
      <c r="C823" s="277"/>
      <c r="D823" s="277"/>
      <c r="E823" s="277"/>
      <c r="F823" s="277"/>
      <c r="G823" s="277"/>
      <c r="H823" s="277"/>
      <c r="I823" s="277"/>
      <c r="J823" s="277"/>
      <c r="K823" s="277"/>
    </row>
    <row r="824" spans="3:11" x14ac:dyDescent="0.2">
      <c r="C824" s="277"/>
      <c r="D824" s="277"/>
      <c r="E824" s="277"/>
      <c r="F824" s="277"/>
      <c r="G824" s="277"/>
      <c r="H824" s="277"/>
      <c r="I824" s="277"/>
      <c r="J824" s="277"/>
      <c r="K824" s="277"/>
    </row>
    <row r="825" spans="3:11" x14ac:dyDescent="0.2">
      <c r="C825" s="277"/>
      <c r="D825" s="277"/>
      <c r="E825" s="277"/>
      <c r="F825" s="277"/>
      <c r="G825" s="277"/>
      <c r="H825" s="277"/>
      <c r="I825" s="277"/>
      <c r="J825" s="277"/>
      <c r="K825" s="277"/>
    </row>
    <row r="826" spans="3:11" x14ac:dyDescent="0.2">
      <c r="C826" s="277"/>
      <c r="D826" s="277"/>
      <c r="E826" s="277"/>
      <c r="F826" s="277"/>
      <c r="G826" s="277"/>
      <c r="H826" s="277"/>
      <c r="I826" s="277"/>
      <c r="J826" s="277"/>
      <c r="K826" s="277"/>
    </row>
    <row r="827" spans="3:11" x14ac:dyDescent="0.2">
      <c r="C827" s="277"/>
      <c r="D827" s="277"/>
      <c r="E827" s="277"/>
      <c r="F827" s="277"/>
      <c r="G827" s="277"/>
      <c r="H827" s="277"/>
      <c r="I827" s="277"/>
      <c r="J827" s="277"/>
      <c r="K827" s="277"/>
    </row>
    <row r="828" spans="3:11" x14ac:dyDescent="0.2">
      <c r="C828" s="277"/>
      <c r="D828" s="277"/>
      <c r="E828" s="277"/>
      <c r="F828" s="277"/>
      <c r="G828" s="277"/>
      <c r="H828" s="277"/>
      <c r="I828" s="277"/>
      <c r="J828" s="277"/>
      <c r="K828" s="277"/>
    </row>
    <row r="829" spans="3:11" x14ac:dyDescent="0.2">
      <c r="C829" s="277"/>
      <c r="D829" s="277"/>
      <c r="E829" s="277"/>
      <c r="F829" s="277"/>
      <c r="G829" s="277"/>
      <c r="H829" s="277"/>
      <c r="I829" s="277"/>
      <c r="J829" s="277"/>
      <c r="K829" s="277"/>
    </row>
    <row r="830" spans="3:11" x14ac:dyDescent="0.2">
      <c r="C830" s="277"/>
      <c r="D830" s="277"/>
      <c r="E830" s="277"/>
      <c r="F830" s="277"/>
      <c r="G830" s="277"/>
      <c r="H830" s="277"/>
      <c r="I830" s="277"/>
      <c r="J830" s="277"/>
      <c r="K830" s="277"/>
    </row>
    <row r="831" spans="3:11" x14ac:dyDescent="0.2">
      <c r="C831" s="277"/>
      <c r="D831" s="277"/>
      <c r="E831" s="277"/>
      <c r="F831" s="277"/>
      <c r="G831" s="277"/>
      <c r="H831" s="277"/>
      <c r="I831" s="277"/>
      <c r="J831" s="277"/>
      <c r="K831" s="277"/>
    </row>
    <row r="832" spans="3:11" x14ac:dyDescent="0.2">
      <c r="C832" s="277"/>
      <c r="D832" s="277"/>
      <c r="E832" s="277"/>
      <c r="F832" s="277"/>
      <c r="G832" s="277"/>
      <c r="H832" s="277"/>
      <c r="I832" s="277"/>
      <c r="J832" s="277"/>
      <c r="K832" s="277"/>
    </row>
    <row r="833" spans="3:11" x14ac:dyDescent="0.2">
      <c r="C833" s="277"/>
      <c r="D833" s="277"/>
      <c r="E833" s="277"/>
      <c r="F833" s="277"/>
      <c r="G833" s="277"/>
      <c r="H833" s="277"/>
      <c r="I833" s="277"/>
      <c r="J833" s="277"/>
      <c r="K833" s="277"/>
    </row>
    <row r="834" spans="3:11" x14ac:dyDescent="0.2">
      <c r="C834" s="277"/>
      <c r="D834" s="277"/>
      <c r="E834" s="277"/>
      <c r="F834" s="277"/>
      <c r="G834" s="277"/>
      <c r="H834" s="277"/>
      <c r="I834" s="277"/>
      <c r="J834" s="277"/>
      <c r="K834" s="277"/>
    </row>
    <row r="835" spans="3:11" x14ac:dyDescent="0.2">
      <c r="C835" s="277"/>
      <c r="D835" s="277"/>
      <c r="E835" s="277"/>
      <c r="F835" s="277"/>
      <c r="G835" s="277"/>
      <c r="H835" s="277"/>
      <c r="I835" s="277"/>
      <c r="J835" s="277"/>
      <c r="K835" s="277"/>
    </row>
    <row r="836" spans="3:11" x14ac:dyDescent="0.2">
      <c r="C836" s="277"/>
      <c r="D836" s="277"/>
      <c r="E836" s="277"/>
      <c r="F836" s="277"/>
      <c r="G836" s="277"/>
      <c r="H836" s="277"/>
      <c r="I836" s="277"/>
      <c r="J836" s="277"/>
      <c r="K836" s="277"/>
    </row>
    <row r="837" spans="3:11" x14ac:dyDescent="0.2">
      <c r="C837" s="277"/>
      <c r="D837" s="277"/>
      <c r="E837" s="277"/>
      <c r="F837" s="277"/>
      <c r="G837" s="277"/>
      <c r="H837" s="277"/>
      <c r="I837" s="277"/>
      <c r="J837" s="277"/>
      <c r="K837" s="277"/>
    </row>
    <row r="838" spans="3:11" x14ac:dyDescent="0.2">
      <c r="C838" s="277"/>
      <c r="D838" s="277"/>
      <c r="E838" s="277"/>
      <c r="F838" s="277"/>
      <c r="G838" s="277"/>
      <c r="H838" s="277"/>
      <c r="I838" s="277"/>
      <c r="J838" s="277"/>
      <c r="K838" s="277"/>
    </row>
    <row r="839" spans="3:11" x14ac:dyDescent="0.2">
      <c r="C839" s="277"/>
      <c r="D839" s="277"/>
      <c r="E839" s="277"/>
      <c r="F839" s="277"/>
      <c r="G839" s="277"/>
      <c r="H839" s="277"/>
      <c r="I839" s="277"/>
      <c r="J839" s="277"/>
      <c r="K839" s="277"/>
    </row>
    <row r="840" spans="3:11" x14ac:dyDescent="0.2">
      <c r="C840" s="277"/>
      <c r="D840" s="277"/>
      <c r="E840" s="277"/>
      <c r="F840" s="277"/>
      <c r="G840" s="277"/>
      <c r="H840" s="277"/>
      <c r="I840" s="277"/>
      <c r="J840" s="277"/>
      <c r="K840" s="277"/>
    </row>
    <row r="841" spans="3:11" x14ac:dyDescent="0.2">
      <c r="C841" s="277"/>
      <c r="D841" s="277"/>
      <c r="E841" s="277"/>
      <c r="F841" s="277"/>
      <c r="G841" s="277"/>
      <c r="H841" s="277"/>
      <c r="I841" s="277"/>
      <c r="J841" s="277"/>
      <c r="K841" s="277"/>
    </row>
    <row r="842" spans="3:11" x14ac:dyDescent="0.2">
      <c r="C842" s="277"/>
      <c r="D842" s="277"/>
      <c r="E842" s="277"/>
      <c r="F842" s="277"/>
      <c r="G842" s="277"/>
      <c r="H842" s="277"/>
      <c r="I842" s="277"/>
      <c r="J842" s="277"/>
      <c r="K842" s="277"/>
    </row>
    <row r="843" spans="3:11" x14ac:dyDescent="0.2">
      <c r="C843" s="277"/>
      <c r="D843" s="277"/>
      <c r="E843" s="277"/>
      <c r="F843" s="277"/>
      <c r="G843" s="277"/>
      <c r="H843" s="277"/>
      <c r="I843" s="277"/>
      <c r="J843" s="277"/>
      <c r="K843" s="277"/>
    </row>
    <row r="844" spans="3:11" x14ac:dyDescent="0.2">
      <c r="C844" s="277"/>
      <c r="D844" s="277"/>
      <c r="E844" s="277"/>
      <c r="F844" s="277"/>
      <c r="G844" s="277"/>
      <c r="H844" s="277"/>
      <c r="I844" s="277"/>
      <c r="J844" s="277"/>
      <c r="K844" s="277"/>
    </row>
    <row r="845" spans="3:11" x14ac:dyDescent="0.2">
      <c r="C845" s="277"/>
      <c r="D845" s="277"/>
      <c r="E845" s="277"/>
      <c r="F845" s="277"/>
      <c r="G845" s="277"/>
      <c r="H845" s="277"/>
      <c r="I845" s="277"/>
      <c r="J845" s="277"/>
      <c r="K845" s="277"/>
    </row>
    <row r="846" spans="3:11" x14ac:dyDescent="0.2">
      <c r="C846" s="277"/>
      <c r="D846" s="277"/>
      <c r="E846" s="277"/>
      <c r="F846" s="277"/>
      <c r="G846" s="277"/>
      <c r="H846" s="277"/>
      <c r="I846" s="277"/>
      <c r="J846" s="277"/>
      <c r="K846" s="277"/>
    </row>
    <row r="847" spans="3:11" x14ac:dyDescent="0.2">
      <c r="C847" s="277"/>
      <c r="D847" s="277"/>
      <c r="E847" s="277"/>
      <c r="F847" s="277"/>
      <c r="G847" s="277"/>
      <c r="H847" s="277"/>
      <c r="I847" s="277"/>
      <c r="J847" s="277"/>
      <c r="K847" s="277"/>
    </row>
    <row r="848" spans="3:11" x14ac:dyDescent="0.2">
      <c r="C848" s="277"/>
      <c r="D848" s="277"/>
      <c r="E848" s="277"/>
      <c r="F848" s="277"/>
      <c r="G848" s="277"/>
      <c r="H848" s="277"/>
      <c r="I848" s="277"/>
      <c r="J848" s="277"/>
      <c r="K848" s="277"/>
    </row>
    <row r="849" spans="3:11" x14ac:dyDescent="0.2">
      <c r="C849" s="277"/>
      <c r="D849" s="277"/>
      <c r="E849" s="277"/>
      <c r="F849" s="277"/>
      <c r="G849" s="277"/>
      <c r="H849" s="277"/>
      <c r="I849" s="277"/>
      <c r="J849" s="277"/>
      <c r="K849" s="277"/>
    </row>
    <row r="850" spans="3:11" x14ac:dyDescent="0.2">
      <c r="C850" s="277"/>
      <c r="D850" s="277"/>
      <c r="E850" s="277"/>
      <c r="F850" s="277"/>
      <c r="G850" s="277"/>
      <c r="H850" s="277"/>
      <c r="I850" s="277"/>
      <c r="J850" s="277"/>
      <c r="K850" s="277"/>
    </row>
    <row r="851" spans="3:11" x14ac:dyDescent="0.2">
      <c r="C851" s="277"/>
      <c r="D851" s="277"/>
      <c r="E851" s="277"/>
      <c r="F851" s="277"/>
      <c r="G851" s="277"/>
      <c r="H851" s="277"/>
      <c r="I851" s="277"/>
      <c r="J851" s="277"/>
      <c r="K851" s="277"/>
    </row>
    <row r="852" spans="3:11" x14ac:dyDescent="0.2">
      <c r="C852" s="277"/>
      <c r="D852" s="277"/>
      <c r="E852" s="277"/>
      <c r="F852" s="277"/>
      <c r="G852" s="277"/>
      <c r="H852" s="277"/>
      <c r="I852" s="277"/>
      <c r="J852" s="277"/>
      <c r="K852" s="277"/>
    </row>
    <row r="853" spans="3:11" x14ac:dyDescent="0.2">
      <c r="C853" s="277"/>
      <c r="D853" s="277"/>
      <c r="E853" s="277"/>
      <c r="F853" s="277"/>
      <c r="G853" s="277"/>
      <c r="H853" s="277"/>
      <c r="I853" s="277"/>
      <c r="J853" s="277"/>
      <c r="K853" s="277"/>
    </row>
    <row r="854" spans="3:11" x14ac:dyDescent="0.2">
      <c r="C854" s="277"/>
      <c r="D854" s="277"/>
      <c r="E854" s="277"/>
      <c r="F854" s="277"/>
      <c r="G854" s="277"/>
      <c r="H854" s="277"/>
      <c r="I854" s="277"/>
      <c r="J854" s="277"/>
      <c r="K854" s="277"/>
    </row>
    <row r="855" spans="3:11" x14ac:dyDescent="0.2">
      <c r="C855" s="277"/>
      <c r="D855" s="277"/>
      <c r="E855" s="277"/>
      <c r="F855" s="277"/>
      <c r="G855" s="277"/>
      <c r="H855" s="277"/>
      <c r="I855" s="277"/>
      <c r="J855" s="277"/>
      <c r="K855" s="277"/>
    </row>
    <row r="856" spans="3:11" x14ac:dyDescent="0.2">
      <c r="C856" s="277"/>
      <c r="D856" s="277"/>
      <c r="E856" s="277"/>
      <c r="F856" s="277"/>
      <c r="G856" s="277"/>
      <c r="H856" s="277"/>
      <c r="I856" s="277"/>
      <c r="J856" s="277"/>
      <c r="K856" s="277"/>
    </row>
    <row r="857" spans="3:11" x14ac:dyDescent="0.2">
      <c r="C857" s="277"/>
      <c r="D857" s="277"/>
      <c r="E857" s="277"/>
      <c r="F857" s="277"/>
      <c r="G857" s="277"/>
      <c r="H857" s="277"/>
      <c r="I857" s="277"/>
      <c r="J857" s="277"/>
      <c r="K857" s="277"/>
    </row>
    <row r="858" spans="3:11" x14ac:dyDescent="0.2">
      <c r="C858" s="277"/>
      <c r="D858" s="277"/>
      <c r="E858" s="277"/>
      <c r="F858" s="277"/>
      <c r="G858" s="277"/>
      <c r="H858" s="277"/>
      <c r="I858" s="277"/>
      <c r="J858" s="277"/>
      <c r="K858" s="277"/>
    </row>
    <row r="859" spans="3:11" x14ac:dyDescent="0.2">
      <c r="C859" s="277"/>
      <c r="D859" s="277"/>
      <c r="E859" s="277"/>
      <c r="F859" s="277"/>
      <c r="G859" s="277"/>
      <c r="H859" s="277"/>
      <c r="I859" s="277"/>
      <c r="J859" s="277"/>
      <c r="K859" s="277"/>
    </row>
    <row r="860" spans="3:11" x14ac:dyDescent="0.2">
      <c r="C860" s="277"/>
      <c r="D860" s="277"/>
      <c r="E860" s="277"/>
      <c r="F860" s="277"/>
      <c r="G860" s="277"/>
      <c r="H860" s="277"/>
      <c r="I860" s="277"/>
      <c r="J860" s="277"/>
      <c r="K860" s="277"/>
    </row>
    <row r="861" spans="3:11" x14ac:dyDescent="0.2">
      <c r="C861" s="277"/>
      <c r="D861" s="277"/>
      <c r="E861" s="277"/>
      <c r="F861" s="277"/>
      <c r="G861" s="277"/>
      <c r="H861" s="277"/>
      <c r="I861" s="277"/>
      <c r="J861" s="277"/>
      <c r="K861" s="277"/>
    </row>
    <row r="862" spans="3:11" x14ac:dyDescent="0.2">
      <c r="C862" s="277"/>
      <c r="D862" s="277"/>
      <c r="E862" s="277"/>
      <c r="F862" s="277"/>
      <c r="G862" s="277"/>
      <c r="H862" s="277"/>
      <c r="I862" s="277"/>
      <c r="J862" s="277"/>
      <c r="K862" s="277"/>
    </row>
    <row r="863" spans="3:11" x14ac:dyDescent="0.2">
      <c r="C863" s="277"/>
      <c r="D863" s="277"/>
      <c r="E863" s="277"/>
      <c r="F863" s="277"/>
      <c r="G863" s="277"/>
      <c r="H863" s="277"/>
      <c r="I863" s="277"/>
      <c r="J863" s="277"/>
      <c r="K863" s="277"/>
    </row>
    <row r="864" spans="3:11" x14ac:dyDescent="0.2">
      <c r="C864" s="277"/>
      <c r="D864" s="277"/>
      <c r="E864" s="277"/>
      <c r="F864" s="277"/>
      <c r="G864" s="277"/>
      <c r="H864" s="277"/>
      <c r="I864" s="277"/>
      <c r="J864" s="277"/>
      <c r="K864" s="277"/>
    </row>
    <row r="865" spans="3:11" x14ac:dyDescent="0.2">
      <c r="C865" s="277"/>
      <c r="D865" s="277"/>
      <c r="E865" s="277"/>
      <c r="F865" s="277"/>
      <c r="G865" s="277"/>
      <c r="H865" s="277"/>
      <c r="I865" s="277"/>
      <c r="J865" s="277"/>
      <c r="K865" s="277"/>
    </row>
    <row r="866" spans="3:11" x14ac:dyDescent="0.2">
      <c r="C866" s="277"/>
      <c r="D866" s="277"/>
      <c r="E866" s="277"/>
      <c r="F866" s="277"/>
      <c r="G866" s="277"/>
      <c r="H866" s="277"/>
      <c r="I866" s="277"/>
      <c r="J866" s="277"/>
      <c r="K866" s="277"/>
    </row>
    <row r="867" spans="3:11" x14ac:dyDescent="0.2">
      <c r="C867" s="277"/>
      <c r="D867" s="277"/>
      <c r="E867" s="277"/>
      <c r="F867" s="277"/>
      <c r="G867" s="277"/>
      <c r="H867" s="277"/>
      <c r="I867" s="277"/>
      <c r="J867" s="277"/>
      <c r="K867" s="277"/>
    </row>
    <row r="868" spans="3:11" x14ac:dyDescent="0.2">
      <c r="C868" s="277"/>
      <c r="D868" s="277"/>
      <c r="E868" s="277"/>
      <c r="F868" s="277"/>
      <c r="G868" s="277"/>
      <c r="H868" s="277"/>
      <c r="I868" s="277"/>
      <c r="J868" s="277"/>
      <c r="K868" s="277"/>
    </row>
    <row r="869" spans="3:11" x14ac:dyDescent="0.2">
      <c r="C869" s="277"/>
      <c r="D869" s="277"/>
      <c r="E869" s="277"/>
      <c r="F869" s="277"/>
      <c r="G869" s="277"/>
      <c r="H869" s="277"/>
      <c r="I869" s="277"/>
      <c r="J869" s="277"/>
      <c r="K869" s="277"/>
    </row>
    <row r="870" spans="3:11" x14ac:dyDescent="0.2">
      <c r="C870" s="277"/>
      <c r="D870" s="277"/>
      <c r="E870" s="277"/>
      <c r="F870" s="277"/>
      <c r="G870" s="277"/>
      <c r="H870" s="277"/>
      <c r="I870" s="277"/>
      <c r="J870" s="277"/>
      <c r="K870" s="277"/>
    </row>
    <row r="871" spans="3:11" x14ac:dyDescent="0.2">
      <c r="C871" s="277"/>
      <c r="D871" s="277"/>
      <c r="E871" s="277"/>
      <c r="F871" s="277"/>
      <c r="G871" s="277"/>
      <c r="H871" s="277"/>
      <c r="I871" s="277"/>
      <c r="J871" s="277"/>
      <c r="K871" s="277"/>
    </row>
    <row r="872" spans="3:11" x14ac:dyDescent="0.2">
      <c r="C872" s="277"/>
      <c r="D872" s="277"/>
      <c r="E872" s="277"/>
      <c r="F872" s="277"/>
      <c r="G872" s="277"/>
      <c r="H872" s="277"/>
      <c r="I872" s="277"/>
      <c r="J872" s="277"/>
      <c r="K872" s="277"/>
    </row>
    <row r="873" spans="3:11" x14ac:dyDescent="0.2">
      <c r="C873" s="277"/>
      <c r="D873" s="277"/>
      <c r="E873" s="277"/>
      <c r="F873" s="277"/>
      <c r="G873" s="277"/>
      <c r="H873" s="277"/>
      <c r="I873" s="277"/>
      <c r="J873" s="277"/>
      <c r="K873" s="277"/>
    </row>
    <row r="874" spans="3:11" x14ac:dyDescent="0.2">
      <c r="C874" s="277"/>
      <c r="D874" s="277"/>
      <c r="E874" s="277"/>
      <c r="F874" s="277"/>
      <c r="G874" s="277"/>
      <c r="H874" s="277"/>
      <c r="I874" s="277"/>
      <c r="J874" s="277"/>
      <c r="K874" s="277"/>
    </row>
    <row r="875" spans="3:11" x14ac:dyDescent="0.2">
      <c r="C875" s="277"/>
      <c r="D875" s="277"/>
      <c r="E875" s="277"/>
      <c r="F875" s="277"/>
      <c r="G875" s="277"/>
      <c r="H875" s="277"/>
      <c r="I875" s="277"/>
      <c r="J875" s="277"/>
      <c r="K875" s="277"/>
    </row>
    <row r="876" spans="3:11" x14ac:dyDescent="0.2">
      <c r="C876" s="277"/>
      <c r="D876" s="277"/>
      <c r="E876" s="277"/>
      <c r="F876" s="277"/>
      <c r="G876" s="277"/>
      <c r="H876" s="277"/>
      <c r="I876" s="277"/>
      <c r="J876" s="277"/>
      <c r="K876" s="277"/>
    </row>
    <row r="877" spans="3:11" x14ac:dyDescent="0.2">
      <c r="C877" s="277"/>
      <c r="D877" s="277"/>
      <c r="E877" s="277"/>
      <c r="F877" s="277"/>
      <c r="G877" s="277"/>
      <c r="H877" s="277"/>
      <c r="I877" s="277"/>
      <c r="J877" s="277"/>
      <c r="K877" s="277"/>
    </row>
    <row r="878" spans="3:11" x14ac:dyDescent="0.2">
      <c r="C878" s="277"/>
      <c r="D878" s="277"/>
      <c r="E878" s="277"/>
      <c r="F878" s="277"/>
      <c r="G878" s="277"/>
      <c r="H878" s="277"/>
      <c r="I878" s="277"/>
      <c r="J878" s="277"/>
      <c r="K878" s="277"/>
    </row>
    <row r="879" spans="3:11" x14ac:dyDescent="0.2">
      <c r="C879" s="277"/>
      <c r="D879" s="277"/>
      <c r="E879" s="277"/>
      <c r="F879" s="277"/>
      <c r="G879" s="277"/>
      <c r="H879" s="277"/>
      <c r="I879" s="277"/>
      <c r="J879" s="277"/>
      <c r="K879" s="277"/>
    </row>
    <row r="880" spans="3:11" x14ac:dyDescent="0.2">
      <c r="C880" s="277"/>
      <c r="D880" s="277"/>
      <c r="E880" s="277"/>
      <c r="F880" s="277"/>
      <c r="G880" s="277"/>
      <c r="H880" s="277"/>
      <c r="I880" s="277"/>
      <c r="J880" s="277"/>
      <c r="K880" s="277"/>
    </row>
    <row r="881" spans="3:11" x14ac:dyDescent="0.2">
      <c r="C881" s="277"/>
      <c r="D881" s="277"/>
      <c r="E881" s="277"/>
      <c r="F881" s="277"/>
      <c r="G881" s="277"/>
      <c r="H881" s="277"/>
      <c r="I881" s="277"/>
      <c r="J881" s="277"/>
      <c r="K881" s="277"/>
    </row>
    <row r="882" spans="3:11" x14ac:dyDescent="0.2">
      <c r="C882" s="277"/>
      <c r="D882" s="277"/>
      <c r="E882" s="277"/>
      <c r="F882" s="277"/>
      <c r="G882" s="277"/>
      <c r="H882" s="277"/>
      <c r="I882" s="277"/>
      <c r="J882" s="277"/>
      <c r="K882" s="277"/>
    </row>
    <row r="883" spans="3:11" x14ac:dyDescent="0.2">
      <c r="C883" s="277"/>
      <c r="D883" s="277"/>
      <c r="E883" s="277"/>
      <c r="F883" s="277"/>
      <c r="G883" s="277"/>
      <c r="H883" s="277"/>
      <c r="I883" s="277"/>
      <c r="J883" s="277"/>
      <c r="K883" s="277"/>
    </row>
    <row r="884" spans="3:11" x14ac:dyDescent="0.2">
      <c r="C884" s="277"/>
      <c r="D884" s="277"/>
      <c r="E884" s="277"/>
      <c r="F884" s="277"/>
      <c r="G884" s="277"/>
      <c r="H884" s="277"/>
      <c r="I884" s="277"/>
      <c r="J884" s="277"/>
      <c r="K884" s="277"/>
    </row>
    <row r="885" spans="3:11" x14ac:dyDescent="0.2">
      <c r="C885" s="277"/>
      <c r="D885" s="277"/>
      <c r="E885" s="277"/>
      <c r="F885" s="277"/>
      <c r="G885" s="277"/>
      <c r="H885" s="277"/>
      <c r="I885" s="277"/>
      <c r="J885" s="277"/>
      <c r="K885" s="277"/>
    </row>
    <row r="886" spans="3:11" x14ac:dyDescent="0.2">
      <c r="C886" s="277"/>
      <c r="D886" s="277"/>
      <c r="E886" s="277"/>
      <c r="F886" s="277"/>
      <c r="G886" s="277"/>
      <c r="H886" s="277"/>
      <c r="I886" s="277"/>
      <c r="J886" s="277"/>
      <c r="K886" s="277"/>
    </row>
    <row r="887" spans="3:11" x14ac:dyDescent="0.2">
      <c r="C887" s="277"/>
      <c r="D887" s="277"/>
      <c r="E887" s="277"/>
      <c r="F887" s="277"/>
      <c r="G887" s="277"/>
      <c r="H887" s="277"/>
      <c r="I887" s="277"/>
      <c r="J887" s="277"/>
      <c r="K887" s="277"/>
    </row>
    <row r="888" spans="3:11" x14ac:dyDescent="0.2">
      <c r="C888" s="277"/>
      <c r="D888" s="277"/>
      <c r="E888" s="277"/>
      <c r="F888" s="277"/>
      <c r="G888" s="277"/>
      <c r="H888" s="277"/>
      <c r="I888" s="277"/>
      <c r="J888" s="277"/>
      <c r="K888" s="277"/>
    </row>
    <row r="889" spans="3:11" x14ac:dyDescent="0.2">
      <c r="C889" s="277"/>
      <c r="D889" s="277"/>
      <c r="E889" s="277"/>
      <c r="F889" s="277"/>
      <c r="G889" s="277"/>
      <c r="H889" s="277"/>
      <c r="I889" s="277"/>
      <c r="J889" s="277"/>
      <c r="K889" s="277"/>
    </row>
    <row r="890" spans="3:11" x14ac:dyDescent="0.2">
      <c r="C890" s="277"/>
      <c r="D890" s="277"/>
      <c r="E890" s="277"/>
      <c r="F890" s="277"/>
      <c r="G890" s="277"/>
      <c r="H890" s="277"/>
      <c r="I890" s="277"/>
      <c r="J890" s="277"/>
      <c r="K890" s="277"/>
    </row>
    <row r="891" spans="3:11" x14ac:dyDescent="0.2">
      <c r="C891" s="277"/>
      <c r="D891" s="277"/>
      <c r="E891" s="277"/>
      <c r="F891" s="277"/>
      <c r="G891" s="277"/>
      <c r="H891" s="277"/>
      <c r="I891" s="277"/>
      <c r="J891" s="277"/>
      <c r="K891" s="277"/>
    </row>
    <row r="892" spans="3:11" x14ac:dyDescent="0.2">
      <c r="C892" s="277"/>
      <c r="D892" s="277"/>
      <c r="E892" s="277"/>
      <c r="F892" s="277"/>
      <c r="G892" s="277"/>
      <c r="H892" s="277"/>
      <c r="I892" s="277"/>
      <c r="J892" s="277"/>
      <c r="K892" s="277"/>
    </row>
    <row r="893" spans="3:11" x14ac:dyDescent="0.2">
      <c r="C893" s="277"/>
      <c r="D893" s="277"/>
      <c r="E893" s="277"/>
      <c r="F893" s="277"/>
      <c r="G893" s="277"/>
      <c r="H893" s="277"/>
      <c r="I893" s="277"/>
      <c r="J893" s="277"/>
      <c r="K893" s="277"/>
    </row>
    <row r="894" spans="3:11" x14ac:dyDescent="0.2">
      <c r="C894" s="277"/>
      <c r="D894" s="277"/>
      <c r="E894" s="277"/>
      <c r="F894" s="277"/>
      <c r="G894" s="277"/>
      <c r="H894" s="277"/>
      <c r="I894" s="277"/>
      <c r="J894" s="277"/>
      <c r="K894" s="277"/>
    </row>
    <row r="895" spans="3:11" x14ac:dyDescent="0.2">
      <c r="C895" s="277"/>
      <c r="D895" s="277"/>
      <c r="E895" s="277"/>
      <c r="F895" s="277"/>
      <c r="G895" s="277"/>
      <c r="H895" s="277"/>
      <c r="I895" s="277"/>
      <c r="J895" s="277"/>
      <c r="K895" s="277"/>
    </row>
    <row r="896" spans="3:11" x14ac:dyDescent="0.2">
      <c r="C896" s="277"/>
      <c r="D896" s="277"/>
      <c r="E896" s="277"/>
      <c r="F896" s="277"/>
      <c r="G896" s="277"/>
      <c r="H896" s="277"/>
      <c r="I896" s="277"/>
      <c r="J896" s="277"/>
      <c r="K896" s="277"/>
    </row>
    <row r="897" spans="3:11" x14ac:dyDescent="0.2">
      <c r="C897" s="277"/>
      <c r="D897" s="277"/>
      <c r="E897" s="277"/>
      <c r="F897" s="277"/>
      <c r="G897" s="277"/>
      <c r="H897" s="277"/>
      <c r="I897" s="277"/>
      <c r="J897" s="277"/>
      <c r="K897" s="277"/>
    </row>
    <row r="898" spans="3:11" x14ac:dyDescent="0.2">
      <c r="C898" s="277"/>
      <c r="D898" s="277"/>
      <c r="E898" s="277"/>
      <c r="F898" s="277"/>
      <c r="G898" s="277"/>
      <c r="H898" s="277"/>
      <c r="I898" s="277"/>
      <c r="J898" s="277"/>
      <c r="K898" s="277"/>
    </row>
    <row r="899" spans="3:11" x14ac:dyDescent="0.2">
      <c r="C899" s="277"/>
      <c r="D899" s="277"/>
      <c r="E899" s="277"/>
      <c r="F899" s="277"/>
      <c r="G899" s="277"/>
      <c r="H899" s="277"/>
      <c r="I899" s="277"/>
      <c r="J899" s="277"/>
      <c r="K899" s="277"/>
    </row>
    <row r="900" spans="3:11" x14ac:dyDescent="0.2">
      <c r="C900" s="277"/>
      <c r="D900" s="277"/>
      <c r="E900" s="277"/>
      <c r="F900" s="277"/>
      <c r="G900" s="277"/>
      <c r="H900" s="277"/>
      <c r="I900" s="277"/>
      <c r="J900" s="277"/>
      <c r="K900" s="277"/>
    </row>
    <row r="901" spans="3:11" x14ac:dyDescent="0.2">
      <c r="C901" s="277"/>
      <c r="D901" s="277"/>
      <c r="E901" s="277"/>
      <c r="F901" s="277"/>
      <c r="G901" s="277"/>
      <c r="H901" s="277"/>
      <c r="I901" s="277"/>
      <c r="J901" s="277"/>
      <c r="K901" s="277"/>
    </row>
    <row r="902" spans="3:11" x14ac:dyDescent="0.2">
      <c r="C902" s="277"/>
      <c r="D902" s="277"/>
      <c r="E902" s="277"/>
      <c r="F902" s="277"/>
      <c r="G902" s="277"/>
      <c r="H902" s="277"/>
      <c r="I902" s="277"/>
      <c r="J902" s="277"/>
      <c r="K902" s="277"/>
    </row>
    <row r="903" spans="3:11" x14ac:dyDescent="0.2">
      <c r="C903" s="277"/>
      <c r="D903" s="277"/>
      <c r="E903" s="277"/>
      <c r="F903" s="277"/>
      <c r="G903" s="277"/>
      <c r="H903" s="277"/>
      <c r="I903" s="277"/>
      <c r="J903" s="277"/>
      <c r="K903" s="277"/>
    </row>
    <row r="904" spans="3:11" x14ac:dyDescent="0.2">
      <c r="C904" s="277"/>
      <c r="D904" s="277"/>
      <c r="E904" s="277"/>
      <c r="F904" s="277"/>
      <c r="G904" s="277"/>
      <c r="H904" s="277"/>
      <c r="I904" s="277"/>
      <c r="J904" s="277"/>
      <c r="K904" s="277"/>
    </row>
    <row r="905" spans="3:11" x14ac:dyDescent="0.2">
      <c r="C905" s="277"/>
      <c r="D905" s="277"/>
      <c r="E905" s="277"/>
      <c r="F905" s="277"/>
      <c r="G905" s="277"/>
      <c r="H905" s="277"/>
      <c r="I905" s="277"/>
      <c r="J905" s="277"/>
      <c r="K905" s="277"/>
    </row>
    <row r="906" spans="3:11" x14ac:dyDescent="0.2">
      <c r="C906" s="277"/>
      <c r="D906" s="277"/>
      <c r="E906" s="277"/>
      <c r="F906" s="277"/>
      <c r="G906" s="277"/>
      <c r="H906" s="277"/>
      <c r="I906" s="277"/>
      <c r="J906" s="277"/>
      <c r="K906" s="277"/>
    </row>
    <row r="907" spans="3:11" x14ac:dyDescent="0.2">
      <c r="C907" s="277"/>
      <c r="D907" s="277"/>
      <c r="E907" s="277"/>
      <c r="F907" s="277"/>
      <c r="G907" s="277"/>
      <c r="H907" s="277"/>
      <c r="I907" s="277"/>
      <c r="J907" s="277"/>
      <c r="K907" s="277"/>
    </row>
    <row r="908" spans="3:11" x14ac:dyDescent="0.2">
      <c r="C908" s="277"/>
      <c r="D908" s="277"/>
      <c r="E908" s="277"/>
      <c r="F908" s="277"/>
      <c r="G908" s="277"/>
      <c r="H908" s="277"/>
      <c r="I908" s="277"/>
      <c r="J908" s="277"/>
      <c r="K908" s="277"/>
    </row>
    <row r="909" spans="3:11" x14ac:dyDescent="0.2">
      <c r="C909" s="277"/>
      <c r="D909" s="277"/>
      <c r="E909" s="277"/>
      <c r="F909" s="277"/>
      <c r="G909" s="277"/>
      <c r="H909" s="277"/>
      <c r="I909" s="277"/>
      <c r="J909" s="277"/>
      <c r="K909" s="277"/>
    </row>
    <row r="910" spans="3:11" x14ac:dyDescent="0.2">
      <c r="C910" s="277"/>
      <c r="D910" s="277"/>
      <c r="E910" s="277"/>
      <c r="F910" s="277"/>
      <c r="G910" s="277"/>
      <c r="H910" s="277"/>
      <c r="I910" s="277"/>
      <c r="J910" s="277"/>
      <c r="K910" s="277"/>
    </row>
    <row r="911" spans="3:11" x14ac:dyDescent="0.2">
      <c r="C911" s="277"/>
      <c r="D911" s="277"/>
      <c r="E911" s="277"/>
      <c r="F911" s="277"/>
      <c r="G911" s="277"/>
      <c r="H911" s="277"/>
      <c r="I911" s="277"/>
      <c r="J911" s="277"/>
      <c r="K911" s="277"/>
    </row>
    <row r="912" spans="3:11" x14ac:dyDescent="0.2">
      <c r="C912" s="277"/>
      <c r="D912" s="277"/>
      <c r="E912" s="277"/>
      <c r="F912" s="277"/>
      <c r="G912" s="277"/>
      <c r="H912" s="277"/>
      <c r="I912" s="277"/>
      <c r="J912" s="277"/>
      <c r="K912" s="277"/>
    </row>
    <row r="913" spans="3:11" x14ac:dyDescent="0.2">
      <c r="C913" s="277"/>
      <c r="D913" s="277"/>
      <c r="E913" s="277"/>
      <c r="F913" s="277"/>
      <c r="G913" s="277"/>
      <c r="H913" s="277"/>
      <c r="I913" s="277"/>
      <c r="J913" s="277"/>
      <c r="K913" s="277"/>
    </row>
    <row r="914" spans="3:11" x14ac:dyDescent="0.2">
      <c r="C914" s="277"/>
      <c r="D914" s="277"/>
      <c r="E914" s="277"/>
      <c r="F914" s="277"/>
      <c r="G914" s="277"/>
      <c r="H914" s="277"/>
      <c r="I914" s="277"/>
      <c r="J914" s="277"/>
      <c r="K914" s="277"/>
    </row>
    <row r="915" spans="3:11" x14ac:dyDescent="0.2">
      <c r="C915" s="277"/>
      <c r="D915" s="277"/>
      <c r="E915" s="277"/>
      <c r="F915" s="277"/>
      <c r="G915" s="277"/>
      <c r="H915" s="277"/>
      <c r="I915" s="277"/>
      <c r="J915" s="277"/>
      <c r="K915" s="277"/>
    </row>
    <row r="916" spans="3:11" x14ac:dyDescent="0.2">
      <c r="C916" s="277"/>
      <c r="D916" s="277"/>
      <c r="E916" s="277"/>
      <c r="F916" s="277"/>
      <c r="G916" s="277"/>
      <c r="H916" s="277"/>
      <c r="I916" s="277"/>
      <c r="J916" s="277"/>
      <c r="K916" s="277"/>
    </row>
    <row r="917" spans="3:11" x14ac:dyDescent="0.2">
      <c r="C917" s="277"/>
      <c r="D917" s="277"/>
      <c r="E917" s="277"/>
      <c r="F917" s="277"/>
      <c r="G917" s="277"/>
      <c r="H917" s="277"/>
      <c r="I917" s="277"/>
      <c r="J917" s="277"/>
      <c r="K917" s="277"/>
    </row>
    <row r="918" spans="3:11" x14ac:dyDescent="0.2">
      <c r="C918" s="277"/>
      <c r="D918" s="277"/>
      <c r="E918" s="277"/>
      <c r="F918" s="277"/>
      <c r="G918" s="277"/>
      <c r="H918" s="277"/>
      <c r="I918" s="277"/>
      <c r="J918" s="277"/>
      <c r="K918" s="277"/>
    </row>
    <row r="919" spans="3:11" x14ac:dyDescent="0.2">
      <c r="C919" s="277"/>
      <c r="D919" s="277"/>
      <c r="E919" s="277"/>
      <c r="F919" s="277"/>
      <c r="G919" s="277"/>
      <c r="H919" s="277"/>
      <c r="I919" s="277"/>
      <c r="J919" s="277"/>
      <c r="K919" s="277"/>
    </row>
    <row r="920" spans="3:11" x14ac:dyDescent="0.2">
      <c r="C920" s="277"/>
      <c r="D920" s="277"/>
      <c r="E920" s="277"/>
      <c r="F920" s="277"/>
      <c r="G920" s="277"/>
      <c r="H920" s="277"/>
      <c r="I920" s="277"/>
      <c r="J920" s="277"/>
      <c r="K920" s="277"/>
    </row>
    <row r="921" spans="3:11" x14ac:dyDescent="0.2">
      <c r="C921" s="277"/>
      <c r="D921" s="277"/>
      <c r="E921" s="277"/>
      <c r="F921" s="277"/>
      <c r="G921" s="277"/>
      <c r="H921" s="277"/>
      <c r="I921" s="277"/>
      <c r="J921" s="277"/>
      <c r="K921" s="277"/>
    </row>
    <row r="922" spans="3:11" x14ac:dyDescent="0.2">
      <c r="C922" s="277"/>
      <c r="D922" s="277"/>
      <c r="E922" s="277"/>
      <c r="F922" s="277"/>
      <c r="G922" s="277"/>
      <c r="H922" s="277"/>
      <c r="I922" s="277"/>
      <c r="J922" s="277"/>
      <c r="K922" s="277"/>
    </row>
    <row r="923" spans="3:11" x14ac:dyDescent="0.2">
      <c r="C923" s="277"/>
      <c r="D923" s="277"/>
      <c r="E923" s="277"/>
      <c r="F923" s="277"/>
      <c r="G923" s="277"/>
      <c r="H923" s="277"/>
      <c r="I923" s="277"/>
      <c r="J923" s="277"/>
      <c r="K923" s="277"/>
    </row>
    <row r="924" spans="3:11" x14ac:dyDescent="0.2">
      <c r="C924" s="277"/>
      <c r="D924" s="277"/>
      <c r="E924" s="277"/>
      <c r="F924" s="277"/>
      <c r="G924" s="277"/>
      <c r="H924" s="277"/>
      <c r="I924" s="277"/>
      <c r="J924" s="277"/>
      <c r="K924" s="277"/>
    </row>
    <row r="925" spans="3:11" x14ac:dyDescent="0.2">
      <c r="C925" s="277"/>
      <c r="D925" s="277"/>
      <c r="E925" s="277"/>
      <c r="F925" s="277"/>
      <c r="G925" s="277"/>
      <c r="H925" s="277"/>
      <c r="I925" s="277"/>
      <c r="J925" s="277"/>
      <c r="K925" s="277"/>
    </row>
    <row r="926" spans="3:11" x14ac:dyDescent="0.2">
      <c r="C926" s="277"/>
      <c r="D926" s="277"/>
      <c r="E926" s="277"/>
      <c r="F926" s="277"/>
      <c r="G926" s="277"/>
      <c r="H926" s="277"/>
      <c r="I926" s="277"/>
      <c r="J926" s="277"/>
      <c r="K926" s="277"/>
    </row>
    <row r="927" spans="3:11" x14ac:dyDescent="0.2">
      <c r="C927" s="277"/>
      <c r="D927" s="277"/>
      <c r="E927" s="277"/>
      <c r="F927" s="277"/>
      <c r="G927" s="277"/>
      <c r="H927" s="277"/>
      <c r="I927" s="277"/>
      <c r="J927" s="277"/>
      <c r="K927" s="277"/>
    </row>
    <row r="928" spans="3:11" x14ac:dyDescent="0.2">
      <c r="C928" s="277"/>
      <c r="D928" s="277"/>
      <c r="E928" s="277"/>
      <c r="F928" s="277"/>
      <c r="G928" s="277"/>
      <c r="H928" s="277"/>
      <c r="I928" s="277"/>
      <c r="J928" s="277"/>
      <c r="K928" s="277"/>
    </row>
    <row r="929" spans="3:11" x14ac:dyDescent="0.2">
      <c r="C929" s="277"/>
      <c r="D929" s="277"/>
      <c r="E929" s="277"/>
      <c r="F929" s="277"/>
      <c r="G929" s="277"/>
      <c r="H929" s="277"/>
      <c r="I929" s="277"/>
      <c r="J929" s="277"/>
      <c r="K929" s="277"/>
    </row>
    <row r="930" spans="3:11" x14ac:dyDescent="0.2">
      <c r="C930" s="277"/>
      <c r="D930" s="277"/>
      <c r="E930" s="277"/>
      <c r="F930" s="277"/>
      <c r="G930" s="277"/>
      <c r="H930" s="277"/>
      <c r="I930" s="277"/>
      <c r="J930" s="277"/>
      <c r="K930" s="277"/>
    </row>
    <row r="931" spans="3:11" x14ac:dyDescent="0.2">
      <c r="C931" s="277"/>
      <c r="D931" s="277"/>
      <c r="E931" s="277"/>
      <c r="F931" s="277"/>
      <c r="G931" s="277"/>
      <c r="H931" s="277"/>
      <c r="I931" s="277"/>
      <c r="J931" s="277"/>
      <c r="K931" s="277"/>
    </row>
    <row r="932" spans="3:11" x14ac:dyDescent="0.2">
      <c r="C932" s="277"/>
      <c r="D932" s="277"/>
      <c r="E932" s="277"/>
      <c r="F932" s="277"/>
      <c r="G932" s="277"/>
      <c r="H932" s="277"/>
      <c r="I932" s="277"/>
      <c r="J932" s="277"/>
      <c r="K932" s="277"/>
    </row>
    <row r="933" spans="3:11" x14ac:dyDescent="0.2">
      <c r="C933" s="277"/>
      <c r="D933" s="277"/>
      <c r="E933" s="277"/>
      <c r="F933" s="277"/>
      <c r="G933" s="277"/>
      <c r="H933" s="277"/>
      <c r="I933" s="277"/>
      <c r="J933" s="277"/>
      <c r="K933" s="277"/>
    </row>
    <row r="934" spans="3:11" x14ac:dyDescent="0.2">
      <c r="C934" s="277"/>
      <c r="D934" s="277"/>
      <c r="E934" s="277"/>
      <c r="F934" s="277"/>
      <c r="G934" s="277"/>
      <c r="H934" s="277"/>
      <c r="I934" s="277"/>
      <c r="J934" s="277"/>
      <c r="K934" s="277"/>
    </row>
    <row r="935" spans="3:11" x14ac:dyDescent="0.2">
      <c r="C935" s="277"/>
      <c r="D935" s="277"/>
      <c r="E935" s="277"/>
      <c r="F935" s="277"/>
      <c r="G935" s="277"/>
      <c r="H935" s="277"/>
      <c r="I935" s="277"/>
      <c r="J935" s="277"/>
      <c r="K935" s="277"/>
    </row>
    <row r="936" spans="3:11" x14ac:dyDescent="0.2">
      <c r="C936" s="277"/>
      <c r="D936" s="277"/>
      <c r="E936" s="277"/>
      <c r="F936" s="277"/>
      <c r="G936" s="277"/>
      <c r="H936" s="277"/>
      <c r="I936" s="277"/>
      <c r="J936" s="277"/>
      <c r="K936" s="277"/>
    </row>
    <row r="937" spans="3:11" x14ac:dyDescent="0.2">
      <c r="C937" s="277"/>
      <c r="D937" s="277"/>
      <c r="E937" s="277"/>
      <c r="F937" s="277"/>
      <c r="G937" s="277"/>
      <c r="H937" s="277"/>
      <c r="I937" s="277"/>
      <c r="J937" s="277"/>
      <c r="K937" s="277"/>
    </row>
    <row r="938" spans="3:11" x14ac:dyDescent="0.2">
      <c r="C938" s="277"/>
      <c r="D938" s="277"/>
      <c r="E938" s="277"/>
      <c r="F938" s="277"/>
      <c r="G938" s="277"/>
      <c r="H938" s="277"/>
      <c r="I938" s="277"/>
      <c r="J938" s="277"/>
      <c r="K938" s="277"/>
    </row>
    <row r="939" spans="3:11" x14ac:dyDescent="0.2">
      <c r="C939" s="277"/>
      <c r="D939" s="277"/>
      <c r="E939" s="277"/>
      <c r="F939" s="277"/>
      <c r="G939" s="277"/>
      <c r="H939" s="277"/>
      <c r="I939" s="277"/>
      <c r="J939" s="277"/>
      <c r="K939" s="277"/>
    </row>
    <row r="940" spans="3:11" x14ac:dyDescent="0.2">
      <c r="C940" s="277"/>
      <c r="D940" s="277"/>
      <c r="E940" s="277"/>
      <c r="F940" s="277"/>
      <c r="G940" s="277"/>
      <c r="H940" s="277"/>
      <c r="I940" s="277"/>
      <c r="J940" s="277"/>
      <c r="K940" s="277"/>
    </row>
    <row r="941" spans="3:11" x14ac:dyDescent="0.2">
      <c r="C941" s="277"/>
      <c r="D941" s="277"/>
      <c r="E941" s="277"/>
      <c r="F941" s="277"/>
      <c r="G941" s="277"/>
      <c r="H941" s="277"/>
      <c r="I941" s="277"/>
      <c r="J941" s="277"/>
      <c r="K941" s="277"/>
    </row>
    <row r="942" spans="3:11" x14ac:dyDescent="0.2">
      <c r="C942" s="277"/>
      <c r="D942" s="277"/>
      <c r="E942" s="277"/>
      <c r="F942" s="277"/>
      <c r="G942" s="277"/>
      <c r="H942" s="277"/>
      <c r="I942" s="277"/>
      <c r="J942" s="277"/>
      <c r="K942" s="277"/>
    </row>
    <row r="943" spans="3:11" x14ac:dyDescent="0.2">
      <c r="C943" s="277"/>
      <c r="D943" s="277"/>
      <c r="E943" s="277"/>
      <c r="F943" s="277"/>
      <c r="G943" s="277"/>
      <c r="H943" s="277"/>
      <c r="I943" s="277"/>
      <c r="J943" s="277"/>
      <c r="K943" s="277"/>
    </row>
    <row r="944" spans="3:11" x14ac:dyDescent="0.2">
      <c r="C944" s="277"/>
      <c r="D944" s="277"/>
      <c r="E944" s="277"/>
      <c r="F944" s="277"/>
      <c r="G944" s="277"/>
      <c r="H944" s="277"/>
      <c r="I944" s="277"/>
      <c r="J944" s="277"/>
      <c r="K944" s="277"/>
    </row>
    <row r="945" spans="3:11" x14ac:dyDescent="0.2">
      <c r="C945" s="277"/>
      <c r="D945" s="277"/>
      <c r="E945" s="277"/>
      <c r="F945" s="277"/>
      <c r="G945" s="277"/>
      <c r="H945" s="277"/>
      <c r="I945" s="277"/>
      <c r="J945" s="277"/>
      <c r="K945" s="277"/>
    </row>
    <row r="946" spans="3:11" x14ac:dyDescent="0.2">
      <c r="C946" s="277"/>
      <c r="D946" s="277"/>
      <c r="E946" s="277"/>
      <c r="F946" s="277"/>
      <c r="G946" s="277"/>
      <c r="H946" s="277"/>
      <c r="I946" s="277"/>
      <c r="J946" s="277"/>
      <c r="K946" s="277"/>
    </row>
    <row r="947" spans="3:11" x14ac:dyDescent="0.2">
      <c r="C947" s="277"/>
      <c r="D947" s="277"/>
      <c r="E947" s="277"/>
      <c r="F947" s="277"/>
      <c r="G947" s="277"/>
      <c r="H947" s="277"/>
      <c r="I947" s="277"/>
      <c r="J947" s="277"/>
      <c r="K947" s="277"/>
    </row>
    <row r="948" spans="3:11" x14ac:dyDescent="0.2">
      <c r="C948" s="277"/>
      <c r="D948" s="277"/>
      <c r="E948" s="277"/>
      <c r="F948" s="277"/>
      <c r="G948" s="277"/>
      <c r="H948" s="277"/>
      <c r="I948" s="277"/>
      <c r="J948" s="277"/>
      <c r="K948" s="277"/>
    </row>
    <row r="949" spans="3:11" x14ac:dyDescent="0.2">
      <c r="C949" s="277"/>
      <c r="D949" s="277"/>
      <c r="E949" s="277"/>
      <c r="F949" s="277"/>
      <c r="G949" s="277"/>
      <c r="H949" s="277"/>
      <c r="I949" s="277"/>
      <c r="J949" s="277"/>
      <c r="K949" s="277"/>
    </row>
    <row r="950" spans="3:11" x14ac:dyDescent="0.2">
      <c r="C950" s="277"/>
      <c r="D950" s="277"/>
      <c r="E950" s="277"/>
      <c r="F950" s="277"/>
      <c r="G950" s="277"/>
      <c r="H950" s="277"/>
      <c r="I950" s="277"/>
      <c r="J950" s="277"/>
      <c r="K950" s="277"/>
    </row>
    <row r="951" spans="3:11" x14ac:dyDescent="0.2">
      <c r="C951" s="277"/>
      <c r="D951" s="277"/>
      <c r="E951" s="277"/>
      <c r="F951" s="277"/>
      <c r="G951" s="277"/>
      <c r="H951" s="277"/>
      <c r="I951" s="277"/>
      <c r="J951" s="277"/>
      <c r="K951" s="277"/>
    </row>
    <row r="952" spans="3:11" x14ac:dyDescent="0.2">
      <c r="C952" s="277"/>
      <c r="D952" s="277"/>
      <c r="E952" s="277"/>
      <c r="F952" s="277"/>
      <c r="G952" s="277"/>
      <c r="H952" s="277"/>
      <c r="I952" s="277"/>
      <c r="J952" s="277"/>
      <c r="K952" s="277"/>
    </row>
    <row r="953" spans="3:11" x14ac:dyDescent="0.2">
      <c r="C953" s="277"/>
      <c r="D953" s="277"/>
      <c r="E953" s="277"/>
      <c r="F953" s="277"/>
      <c r="G953" s="277"/>
      <c r="H953" s="277"/>
      <c r="I953" s="277"/>
      <c r="J953" s="277"/>
      <c r="K953" s="277"/>
    </row>
    <row r="954" spans="3:11" x14ac:dyDescent="0.2">
      <c r="C954" s="277"/>
      <c r="D954" s="277"/>
      <c r="E954" s="277"/>
      <c r="F954" s="277"/>
      <c r="G954" s="277"/>
      <c r="H954" s="277"/>
      <c r="I954" s="277"/>
      <c r="J954" s="277"/>
      <c r="K954" s="277"/>
    </row>
    <row r="955" spans="3:11" x14ac:dyDescent="0.2">
      <c r="C955" s="277"/>
      <c r="D955" s="277"/>
      <c r="E955" s="277"/>
      <c r="F955" s="277"/>
      <c r="G955" s="277"/>
      <c r="H955" s="277"/>
      <c r="I955" s="277"/>
      <c r="J955" s="277"/>
      <c r="K955" s="277"/>
    </row>
    <row r="956" spans="3:11" x14ac:dyDescent="0.2">
      <c r="C956" s="277"/>
      <c r="D956" s="277"/>
      <c r="E956" s="277"/>
      <c r="F956" s="277"/>
      <c r="G956" s="277"/>
      <c r="H956" s="277"/>
      <c r="I956" s="277"/>
      <c r="J956" s="277"/>
      <c r="K956" s="277"/>
    </row>
    <row r="957" spans="3:11" x14ac:dyDescent="0.2">
      <c r="C957" s="277"/>
      <c r="D957" s="277"/>
      <c r="E957" s="277"/>
      <c r="F957" s="277"/>
      <c r="G957" s="277"/>
      <c r="H957" s="277"/>
      <c r="I957" s="277"/>
      <c r="J957" s="277"/>
      <c r="K957" s="277"/>
    </row>
    <row r="958" spans="3:11" x14ac:dyDescent="0.2">
      <c r="C958" s="277"/>
      <c r="D958" s="277"/>
      <c r="E958" s="277"/>
      <c r="F958" s="277"/>
      <c r="G958" s="277"/>
      <c r="H958" s="277"/>
      <c r="I958" s="277"/>
      <c r="J958" s="277"/>
      <c r="K958" s="277"/>
    </row>
    <row r="959" spans="3:11" x14ac:dyDescent="0.2">
      <c r="C959" s="277"/>
      <c r="D959" s="277"/>
      <c r="E959" s="277"/>
      <c r="F959" s="277"/>
      <c r="G959" s="277"/>
      <c r="H959" s="277"/>
      <c r="I959" s="277"/>
      <c r="J959" s="277"/>
      <c r="K959" s="277"/>
    </row>
    <row r="960" spans="3:11" x14ac:dyDescent="0.2">
      <c r="C960" s="277"/>
      <c r="D960" s="277"/>
      <c r="E960" s="277"/>
      <c r="F960" s="277"/>
      <c r="G960" s="277"/>
      <c r="H960" s="277"/>
      <c r="I960" s="277"/>
      <c r="J960" s="277"/>
      <c r="K960" s="277"/>
    </row>
    <row r="961" spans="3:11" x14ac:dyDescent="0.2">
      <c r="C961" s="277"/>
      <c r="D961" s="277"/>
      <c r="E961" s="277"/>
      <c r="F961" s="277"/>
      <c r="G961" s="277"/>
      <c r="H961" s="277"/>
      <c r="I961" s="277"/>
      <c r="J961" s="277"/>
      <c r="K961" s="277"/>
    </row>
    <row r="962" spans="3:11" x14ac:dyDescent="0.2">
      <c r="C962" s="277"/>
      <c r="D962" s="277"/>
      <c r="E962" s="277"/>
      <c r="F962" s="277"/>
      <c r="G962" s="277"/>
      <c r="H962" s="277"/>
      <c r="I962" s="277"/>
      <c r="J962" s="277"/>
      <c r="K962" s="277"/>
    </row>
    <row r="963" spans="3:11" x14ac:dyDescent="0.2">
      <c r="C963" s="277"/>
      <c r="D963" s="277"/>
      <c r="E963" s="277"/>
      <c r="F963" s="277"/>
      <c r="G963" s="277"/>
      <c r="H963" s="277"/>
      <c r="I963" s="277"/>
      <c r="J963" s="277"/>
      <c r="K963" s="277"/>
    </row>
    <row r="964" spans="3:11" x14ac:dyDescent="0.2">
      <c r="C964" s="277"/>
      <c r="D964" s="277"/>
      <c r="E964" s="277"/>
      <c r="F964" s="277"/>
      <c r="G964" s="277"/>
      <c r="H964" s="277"/>
      <c r="I964" s="277"/>
      <c r="J964" s="277"/>
      <c r="K964" s="277"/>
    </row>
    <row r="965" spans="3:11" x14ac:dyDescent="0.2">
      <c r="C965" s="277"/>
      <c r="D965" s="277"/>
      <c r="E965" s="277"/>
      <c r="F965" s="277"/>
      <c r="G965" s="277"/>
      <c r="H965" s="277"/>
      <c r="I965" s="277"/>
      <c r="J965" s="277"/>
      <c r="K965" s="277"/>
    </row>
    <row r="966" spans="3:11" x14ac:dyDescent="0.2">
      <c r="C966" s="277"/>
      <c r="D966" s="277"/>
      <c r="E966" s="277"/>
      <c r="F966" s="277"/>
      <c r="G966" s="277"/>
      <c r="H966" s="277"/>
      <c r="I966" s="277"/>
      <c r="J966" s="277"/>
      <c r="K966" s="277"/>
    </row>
    <row r="967" spans="3:11" x14ac:dyDescent="0.2">
      <c r="C967" s="277"/>
      <c r="D967" s="277"/>
      <c r="E967" s="277"/>
      <c r="F967" s="277"/>
      <c r="G967" s="277"/>
      <c r="H967" s="277"/>
      <c r="I967" s="277"/>
      <c r="J967" s="277"/>
      <c r="K967" s="277"/>
    </row>
    <row r="968" spans="3:11" x14ac:dyDescent="0.2">
      <c r="C968" s="277"/>
      <c r="D968" s="277"/>
      <c r="E968" s="277"/>
      <c r="F968" s="277"/>
      <c r="G968" s="277"/>
      <c r="H968" s="277"/>
      <c r="I968" s="277"/>
      <c r="J968" s="277"/>
      <c r="K968" s="277"/>
    </row>
    <row r="969" spans="3:11" x14ac:dyDescent="0.2">
      <c r="C969" s="277"/>
      <c r="D969" s="277"/>
      <c r="E969" s="277"/>
      <c r="F969" s="277"/>
      <c r="G969" s="277"/>
      <c r="H969" s="277"/>
      <c r="I969" s="277"/>
      <c r="J969" s="277"/>
      <c r="K969" s="277"/>
    </row>
    <row r="970" spans="3:11" x14ac:dyDescent="0.2">
      <c r="C970" s="277"/>
      <c r="D970" s="277"/>
      <c r="E970" s="277"/>
      <c r="F970" s="277"/>
      <c r="G970" s="277"/>
      <c r="H970" s="277"/>
      <c r="I970" s="277"/>
      <c r="J970" s="277"/>
      <c r="K970" s="277"/>
    </row>
    <row r="971" spans="3:11" x14ac:dyDescent="0.2">
      <c r="C971" s="277"/>
      <c r="D971" s="277"/>
      <c r="E971" s="277"/>
      <c r="F971" s="277"/>
      <c r="G971" s="277"/>
      <c r="H971" s="277"/>
      <c r="I971" s="277"/>
      <c r="J971" s="277"/>
      <c r="K971" s="277"/>
    </row>
    <row r="972" spans="3:11" x14ac:dyDescent="0.2">
      <c r="C972" s="277"/>
      <c r="D972" s="277"/>
      <c r="E972" s="277"/>
      <c r="F972" s="277"/>
      <c r="G972" s="277"/>
      <c r="H972" s="277"/>
      <c r="I972" s="277"/>
      <c r="J972" s="277"/>
      <c r="K972" s="277"/>
    </row>
    <row r="973" spans="3:11" x14ac:dyDescent="0.2">
      <c r="C973" s="277"/>
      <c r="D973" s="277"/>
      <c r="E973" s="277"/>
      <c r="F973" s="277"/>
      <c r="G973" s="277"/>
      <c r="H973" s="277"/>
      <c r="I973" s="277"/>
      <c r="J973" s="277"/>
      <c r="K973" s="277"/>
    </row>
    <row r="974" spans="3:11" x14ac:dyDescent="0.2">
      <c r="C974" s="277"/>
      <c r="D974" s="277"/>
      <c r="E974" s="277"/>
      <c r="F974" s="277"/>
      <c r="G974" s="277"/>
      <c r="H974" s="277"/>
      <c r="I974" s="277"/>
      <c r="J974" s="277"/>
      <c r="K974" s="277"/>
    </row>
    <row r="975" spans="3:11" x14ac:dyDescent="0.2">
      <c r="C975" s="277"/>
      <c r="D975" s="277"/>
      <c r="E975" s="277"/>
      <c r="F975" s="277"/>
      <c r="G975" s="277"/>
      <c r="H975" s="277"/>
      <c r="I975" s="277"/>
      <c r="J975" s="277"/>
      <c r="K975" s="277"/>
    </row>
    <row r="976" spans="3:11" x14ac:dyDescent="0.2">
      <c r="C976" s="277"/>
      <c r="D976" s="277"/>
      <c r="E976" s="277"/>
      <c r="F976" s="277"/>
      <c r="G976" s="277"/>
      <c r="H976" s="277"/>
      <c r="I976" s="277"/>
      <c r="J976" s="277"/>
      <c r="K976" s="277"/>
    </row>
    <row r="977" spans="3:11" x14ac:dyDescent="0.2">
      <c r="C977" s="277"/>
      <c r="D977" s="277"/>
      <c r="E977" s="277"/>
      <c r="F977" s="277"/>
      <c r="G977" s="277"/>
      <c r="H977" s="277"/>
      <c r="I977" s="277"/>
      <c r="J977" s="277"/>
      <c r="K977" s="277"/>
    </row>
    <row r="978" spans="3:11" x14ac:dyDescent="0.2">
      <c r="C978" s="277"/>
      <c r="D978" s="277"/>
      <c r="E978" s="277"/>
      <c r="F978" s="277"/>
      <c r="G978" s="277"/>
      <c r="H978" s="277"/>
      <c r="I978" s="277"/>
      <c r="J978" s="277"/>
      <c r="K978" s="277"/>
    </row>
    <row r="979" spans="3:11" x14ac:dyDescent="0.2">
      <c r="C979" s="277"/>
      <c r="D979" s="277"/>
      <c r="E979" s="277"/>
      <c r="F979" s="277"/>
      <c r="G979" s="277"/>
      <c r="H979" s="277"/>
      <c r="I979" s="277"/>
      <c r="J979" s="277"/>
      <c r="K979" s="277"/>
    </row>
    <row r="980" spans="3:11" x14ac:dyDescent="0.2">
      <c r="C980" s="277"/>
      <c r="D980" s="277"/>
      <c r="E980" s="277"/>
      <c r="F980" s="277"/>
      <c r="G980" s="277"/>
      <c r="H980" s="277"/>
      <c r="I980" s="277"/>
      <c r="J980" s="277"/>
      <c r="K980" s="277"/>
    </row>
    <row r="981" spans="3:11" x14ac:dyDescent="0.2">
      <c r="C981" s="277"/>
      <c r="D981" s="277"/>
      <c r="E981" s="277"/>
      <c r="F981" s="277"/>
      <c r="G981" s="277"/>
      <c r="H981" s="277"/>
      <c r="I981" s="277"/>
      <c r="J981" s="277"/>
      <c r="K981" s="277"/>
    </row>
    <row r="982" spans="3:11" x14ac:dyDescent="0.2">
      <c r="C982" s="277"/>
      <c r="D982" s="277"/>
      <c r="E982" s="277"/>
      <c r="F982" s="277"/>
      <c r="G982" s="277"/>
      <c r="H982" s="277"/>
      <c r="I982" s="277"/>
      <c r="J982" s="277"/>
      <c r="K982" s="277"/>
    </row>
    <row r="983" spans="3:11" x14ac:dyDescent="0.2">
      <c r="C983" s="277"/>
      <c r="D983" s="277"/>
      <c r="E983" s="277"/>
      <c r="F983" s="277"/>
      <c r="G983" s="277"/>
      <c r="H983" s="277"/>
      <c r="I983" s="277"/>
      <c r="J983" s="277"/>
      <c r="K983" s="277"/>
    </row>
    <row r="984" spans="3:11" x14ac:dyDescent="0.2">
      <c r="C984" s="277"/>
      <c r="D984" s="277"/>
      <c r="E984" s="277"/>
      <c r="F984" s="277"/>
      <c r="G984" s="277"/>
      <c r="H984" s="277"/>
      <c r="I984" s="277"/>
      <c r="J984" s="277"/>
      <c r="K984" s="277"/>
    </row>
    <row r="985" spans="3:11" x14ac:dyDescent="0.2">
      <c r="C985" s="277"/>
      <c r="D985" s="277"/>
      <c r="E985" s="277"/>
      <c r="F985" s="277"/>
      <c r="G985" s="277"/>
      <c r="H985" s="277"/>
      <c r="I985" s="277"/>
      <c r="J985" s="277"/>
      <c r="K985" s="277"/>
    </row>
    <row r="986" spans="3:11" x14ac:dyDescent="0.2">
      <c r="C986" s="277"/>
      <c r="D986" s="277"/>
      <c r="E986" s="277"/>
      <c r="F986" s="277"/>
      <c r="G986" s="277"/>
      <c r="H986" s="277"/>
      <c r="I986" s="277"/>
      <c r="J986" s="277"/>
      <c r="K986" s="277"/>
    </row>
    <row r="987" spans="3:11" x14ac:dyDescent="0.2">
      <c r="C987" s="277"/>
      <c r="D987" s="277"/>
      <c r="E987" s="277"/>
      <c r="F987" s="277"/>
      <c r="G987" s="277"/>
      <c r="H987" s="277"/>
      <c r="I987" s="277"/>
      <c r="J987" s="277"/>
      <c r="K987" s="277"/>
    </row>
    <row r="988" spans="3:11" x14ac:dyDescent="0.2">
      <c r="C988" s="277"/>
      <c r="D988" s="277"/>
      <c r="E988" s="277"/>
      <c r="F988" s="277"/>
      <c r="G988" s="277"/>
      <c r="H988" s="277"/>
      <c r="I988" s="277"/>
      <c r="J988" s="277"/>
      <c r="K988" s="277"/>
    </row>
    <row r="989" spans="3:11" x14ac:dyDescent="0.2">
      <c r="C989" s="277"/>
      <c r="D989" s="277"/>
      <c r="E989" s="277"/>
      <c r="F989" s="277"/>
      <c r="G989" s="277"/>
      <c r="H989" s="277"/>
      <c r="I989" s="277"/>
      <c r="J989" s="277"/>
      <c r="K989" s="277"/>
    </row>
    <row r="990" spans="3:11" x14ac:dyDescent="0.2">
      <c r="C990" s="277"/>
      <c r="D990" s="277"/>
      <c r="E990" s="277"/>
      <c r="F990" s="277"/>
      <c r="G990" s="277"/>
      <c r="H990" s="277"/>
      <c r="I990" s="277"/>
      <c r="J990" s="277"/>
      <c r="K990" s="277"/>
    </row>
    <row r="991" spans="3:11" x14ac:dyDescent="0.2">
      <c r="C991" s="277"/>
      <c r="D991" s="277"/>
      <c r="E991" s="277"/>
      <c r="F991" s="277"/>
      <c r="G991" s="277"/>
      <c r="H991" s="277"/>
      <c r="I991" s="277"/>
      <c r="J991" s="277"/>
      <c r="K991" s="277"/>
    </row>
    <row r="992" spans="3:11" x14ac:dyDescent="0.2">
      <c r="C992" s="277"/>
      <c r="D992" s="277"/>
      <c r="E992" s="277"/>
      <c r="F992" s="277"/>
      <c r="G992" s="277"/>
      <c r="H992" s="277"/>
      <c r="I992" s="277"/>
      <c r="J992" s="277"/>
      <c r="K992" s="277"/>
    </row>
    <row r="993" spans="3:11" x14ac:dyDescent="0.2">
      <c r="C993" s="277"/>
      <c r="D993" s="277"/>
      <c r="E993" s="277"/>
      <c r="F993" s="277"/>
      <c r="G993" s="277"/>
      <c r="H993" s="277"/>
      <c r="I993" s="277"/>
      <c r="J993" s="277"/>
      <c r="K993" s="277"/>
    </row>
    <row r="994" spans="3:11" x14ac:dyDescent="0.2">
      <c r="C994" s="277"/>
      <c r="D994" s="277"/>
      <c r="E994" s="277"/>
      <c r="F994" s="277"/>
      <c r="G994" s="277"/>
      <c r="H994" s="277"/>
      <c r="I994" s="277"/>
      <c r="J994" s="277"/>
      <c r="K994" s="277"/>
    </row>
    <row r="995" spans="3:11" x14ac:dyDescent="0.2">
      <c r="C995" s="277"/>
      <c r="D995" s="277"/>
      <c r="E995" s="277"/>
      <c r="F995" s="277"/>
      <c r="G995" s="277"/>
      <c r="H995" s="277"/>
      <c r="I995" s="277"/>
      <c r="J995" s="277"/>
      <c r="K995" s="277"/>
    </row>
    <row r="996" spans="3:11" x14ac:dyDescent="0.2">
      <c r="C996" s="277"/>
      <c r="D996" s="277"/>
      <c r="E996" s="277"/>
      <c r="F996" s="277"/>
      <c r="G996" s="277"/>
      <c r="H996" s="277"/>
      <c r="I996" s="277"/>
      <c r="J996" s="277"/>
      <c r="K996" s="277"/>
    </row>
    <row r="997" spans="3:11" x14ac:dyDescent="0.2">
      <c r="C997" s="277"/>
      <c r="D997" s="277"/>
      <c r="E997" s="277"/>
      <c r="F997" s="277"/>
      <c r="G997" s="277"/>
      <c r="H997" s="277"/>
      <c r="I997" s="277"/>
      <c r="J997" s="277"/>
      <c r="K997" s="277"/>
    </row>
    <row r="998" spans="3:11" x14ac:dyDescent="0.2">
      <c r="C998" s="277"/>
      <c r="D998" s="277"/>
      <c r="E998" s="277"/>
      <c r="F998" s="277"/>
      <c r="G998" s="277"/>
      <c r="H998" s="277"/>
      <c r="I998" s="277"/>
      <c r="J998" s="277"/>
      <c r="K998" s="277"/>
    </row>
    <row r="999" spans="3:11" x14ac:dyDescent="0.2">
      <c r="C999" s="277"/>
      <c r="D999" s="277"/>
      <c r="E999" s="277"/>
      <c r="F999" s="277"/>
      <c r="G999" s="277"/>
      <c r="H999" s="277"/>
      <c r="I999" s="277"/>
      <c r="J999" s="277"/>
      <c r="K999" s="277"/>
    </row>
    <row r="1000" spans="3:11" x14ac:dyDescent="0.2">
      <c r="C1000" s="277"/>
      <c r="D1000" s="277"/>
      <c r="E1000" s="277"/>
      <c r="F1000" s="277"/>
      <c r="G1000" s="277"/>
      <c r="H1000" s="277"/>
      <c r="I1000" s="277"/>
      <c r="J1000" s="277"/>
      <c r="K1000" s="277"/>
    </row>
    <row r="1001" spans="3:11" x14ac:dyDescent="0.2">
      <c r="C1001" s="277"/>
      <c r="D1001" s="277"/>
      <c r="E1001" s="277"/>
      <c r="F1001" s="277"/>
      <c r="G1001" s="277"/>
      <c r="H1001" s="277"/>
      <c r="I1001" s="277"/>
      <c r="J1001" s="277"/>
      <c r="K1001" s="277"/>
    </row>
    <row r="1002" spans="3:11" x14ac:dyDescent="0.2">
      <c r="C1002" s="277"/>
      <c r="D1002" s="277"/>
      <c r="E1002" s="277"/>
      <c r="F1002" s="277"/>
      <c r="G1002" s="277"/>
      <c r="H1002" s="277"/>
      <c r="I1002" s="277"/>
      <c r="J1002" s="277"/>
      <c r="K1002" s="277"/>
    </row>
    <row r="1003" spans="3:11" x14ac:dyDescent="0.2">
      <c r="C1003" s="277"/>
      <c r="D1003" s="277"/>
      <c r="E1003" s="277"/>
      <c r="F1003" s="277"/>
      <c r="G1003" s="277"/>
      <c r="H1003" s="277"/>
      <c r="I1003" s="277"/>
      <c r="J1003" s="277"/>
      <c r="K1003" s="277"/>
    </row>
    <row r="1004" spans="3:11" x14ac:dyDescent="0.2">
      <c r="C1004" s="277"/>
      <c r="D1004" s="277"/>
      <c r="E1004" s="277"/>
      <c r="F1004" s="277"/>
      <c r="G1004" s="277"/>
      <c r="H1004" s="277"/>
      <c r="I1004" s="277"/>
      <c r="J1004" s="277"/>
      <c r="K1004" s="277"/>
    </row>
    <row r="1005" spans="3:11" x14ac:dyDescent="0.2">
      <c r="C1005" s="277"/>
      <c r="D1005" s="277"/>
      <c r="E1005" s="277"/>
      <c r="F1005" s="277"/>
      <c r="G1005" s="277"/>
      <c r="H1005" s="277"/>
      <c r="I1005" s="277"/>
      <c r="J1005" s="277"/>
      <c r="K1005" s="277"/>
    </row>
    <row r="1006" spans="3:11" x14ac:dyDescent="0.2">
      <c r="C1006" s="277"/>
      <c r="D1006" s="277"/>
      <c r="E1006" s="277"/>
      <c r="F1006" s="277"/>
      <c r="G1006" s="277"/>
      <c r="H1006" s="277"/>
      <c r="I1006" s="277"/>
      <c r="J1006" s="277"/>
      <c r="K1006" s="277"/>
    </row>
    <row r="1007" spans="3:11" x14ac:dyDescent="0.2">
      <c r="C1007" s="277"/>
      <c r="D1007" s="277"/>
      <c r="E1007" s="277"/>
      <c r="F1007" s="277"/>
      <c r="G1007" s="277"/>
      <c r="H1007" s="277"/>
      <c r="I1007" s="277"/>
      <c r="J1007" s="277"/>
      <c r="K1007" s="277"/>
    </row>
    <row r="1008" spans="3:11" x14ac:dyDescent="0.2">
      <c r="C1008" s="277"/>
      <c r="D1008" s="277"/>
      <c r="E1008" s="277"/>
      <c r="F1008" s="277"/>
      <c r="G1008" s="277"/>
      <c r="H1008" s="277"/>
      <c r="I1008" s="277"/>
      <c r="J1008" s="277"/>
      <c r="K1008" s="277"/>
    </row>
    <row r="1009" spans="3:11" x14ac:dyDescent="0.2">
      <c r="C1009" s="277"/>
      <c r="D1009" s="277"/>
      <c r="E1009" s="277"/>
      <c r="F1009" s="277"/>
      <c r="G1009" s="277"/>
      <c r="H1009" s="277"/>
      <c r="I1009" s="277"/>
      <c r="J1009" s="277"/>
      <c r="K1009" s="277"/>
    </row>
    <row r="1010" spans="3:11" x14ac:dyDescent="0.2">
      <c r="C1010" s="277"/>
      <c r="D1010" s="277"/>
      <c r="E1010" s="277"/>
      <c r="F1010" s="277"/>
      <c r="G1010" s="277"/>
      <c r="H1010" s="277"/>
      <c r="I1010" s="277"/>
      <c r="J1010" s="277"/>
      <c r="K1010" s="277"/>
    </row>
    <row r="1011" spans="3:11" x14ac:dyDescent="0.2">
      <c r="C1011" s="277"/>
      <c r="D1011" s="277"/>
      <c r="E1011" s="277"/>
      <c r="F1011" s="277"/>
      <c r="G1011" s="277"/>
      <c r="H1011" s="277"/>
      <c r="I1011" s="277"/>
      <c r="J1011" s="277"/>
      <c r="K1011" s="277"/>
    </row>
    <row r="1012" spans="3:11" x14ac:dyDescent="0.2">
      <c r="C1012" s="277"/>
      <c r="D1012" s="277"/>
      <c r="E1012" s="277"/>
      <c r="F1012" s="277"/>
      <c r="G1012" s="277"/>
      <c r="H1012" s="277"/>
      <c r="I1012" s="277"/>
      <c r="J1012" s="277"/>
      <c r="K1012" s="277"/>
    </row>
    <row r="1013" spans="3:11" x14ac:dyDescent="0.2">
      <c r="C1013" s="277"/>
      <c r="D1013" s="277"/>
      <c r="E1013" s="277"/>
      <c r="F1013" s="277"/>
      <c r="G1013" s="277"/>
      <c r="H1013" s="277"/>
      <c r="I1013" s="277"/>
      <c r="J1013" s="277"/>
      <c r="K1013" s="277"/>
    </row>
    <row r="1014" spans="3:11" x14ac:dyDescent="0.2">
      <c r="C1014" s="277"/>
      <c r="D1014" s="277"/>
      <c r="E1014" s="277"/>
      <c r="F1014" s="277"/>
      <c r="G1014" s="277"/>
      <c r="H1014" s="277"/>
      <c r="I1014" s="277"/>
      <c r="J1014" s="277"/>
      <c r="K1014" s="277"/>
    </row>
    <row r="1015" spans="3:11" x14ac:dyDescent="0.2">
      <c r="C1015" s="277"/>
      <c r="D1015" s="277"/>
      <c r="E1015" s="277"/>
      <c r="F1015" s="277"/>
      <c r="G1015" s="277"/>
      <c r="H1015" s="277"/>
      <c r="I1015" s="277"/>
      <c r="J1015" s="277"/>
      <c r="K1015" s="277"/>
    </row>
    <row r="1016" spans="3:11" x14ac:dyDescent="0.2">
      <c r="C1016" s="277"/>
      <c r="D1016" s="277"/>
      <c r="E1016" s="277"/>
      <c r="F1016" s="277"/>
      <c r="G1016" s="277"/>
      <c r="H1016" s="277"/>
      <c r="I1016" s="277"/>
      <c r="J1016" s="277"/>
      <c r="K1016" s="277"/>
    </row>
    <row r="1017" spans="3:11" x14ac:dyDescent="0.2">
      <c r="C1017" s="277"/>
      <c r="D1017" s="277"/>
      <c r="E1017" s="277"/>
      <c r="F1017" s="277"/>
      <c r="G1017" s="277"/>
      <c r="H1017" s="277"/>
      <c r="I1017" s="277"/>
      <c r="J1017" s="277"/>
      <c r="K1017" s="277"/>
    </row>
    <row r="1018" spans="3:11" x14ac:dyDescent="0.2">
      <c r="C1018" s="277"/>
      <c r="D1018" s="277"/>
      <c r="E1018" s="277"/>
      <c r="F1018" s="277"/>
      <c r="G1018" s="277"/>
      <c r="H1018" s="277"/>
      <c r="I1018" s="277"/>
      <c r="J1018" s="277"/>
      <c r="K1018" s="277"/>
    </row>
    <row r="1019" spans="3:11" x14ac:dyDescent="0.2">
      <c r="C1019" s="277"/>
      <c r="D1019" s="277"/>
      <c r="E1019" s="277"/>
      <c r="F1019" s="277"/>
      <c r="G1019" s="277"/>
      <c r="H1019" s="277"/>
      <c r="I1019" s="277"/>
      <c r="J1019" s="277"/>
      <c r="K1019" s="277"/>
    </row>
    <row r="1020" spans="3:11" x14ac:dyDescent="0.2">
      <c r="C1020" s="277"/>
      <c r="D1020" s="277"/>
      <c r="E1020" s="277"/>
      <c r="F1020" s="277"/>
      <c r="G1020" s="277"/>
      <c r="H1020" s="277"/>
      <c r="I1020" s="277"/>
      <c r="J1020" s="277"/>
      <c r="K1020" s="277"/>
    </row>
    <row r="1021" spans="3:11" x14ac:dyDescent="0.2">
      <c r="C1021" s="277"/>
      <c r="D1021" s="277"/>
      <c r="E1021" s="277"/>
      <c r="F1021" s="277"/>
      <c r="G1021" s="277"/>
      <c r="H1021" s="277"/>
      <c r="I1021" s="277"/>
      <c r="J1021" s="277"/>
      <c r="K1021" s="277"/>
    </row>
    <row r="1022" spans="3:11" x14ac:dyDescent="0.2">
      <c r="C1022" s="277"/>
      <c r="D1022" s="277"/>
      <c r="E1022" s="277"/>
      <c r="F1022" s="277"/>
      <c r="G1022" s="277"/>
      <c r="H1022" s="277"/>
      <c r="I1022" s="277"/>
      <c r="J1022" s="277"/>
      <c r="K1022" s="277"/>
    </row>
    <row r="1023" spans="3:11" x14ac:dyDescent="0.2">
      <c r="C1023" s="277"/>
      <c r="D1023" s="277"/>
      <c r="E1023" s="277"/>
      <c r="F1023" s="277"/>
      <c r="G1023" s="277"/>
      <c r="H1023" s="277"/>
      <c r="I1023" s="277"/>
      <c r="J1023" s="277"/>
      <c r="K1023" s="277"/>
    </row>
    <row r="1024" spans="3:11" x14ac:dyDescent="0.2">
      <c r="C1024" s="277"/>
      <c r="D1024" s="277"/>
      <c r="E1024" s="277"/>
      <c r="F1024" s="277"/>
      <c r="G1024" s="277"/>
      <c r="H1024" s="277"/>
      <c r="I1024" s="277"/>
      <c r="J1024" s="277"/>
      <c r="K1024" s="277"/>
    </row>
    <row r="1025" spans="3:11" x14ac:dyDescent="0.2">
      <c r="C1025" s="277"/>
      <c r="D1025" s="277"/>
      <c r="E1025" s="277"/>
      <c r="F1025" s="277"/>
      <c r="G1025" s="277"/>
      <c r="H1025" s="277"/>
      <c r="I1025" s="277"/>
      <c r="J1025" s="277"/>
      <c r="K1025" s="277"/>
    </row>
    <row r="1026" spans="3:11" x14ac:dyDescent="0.2">
      <c r="C1026" s="277"/>
      <c r="D1026" s="277"/>
      <c r="E1026" s="277"/>
      <c r="F1026" s="277"/>
      <c r="G1026" s="277"/>
      <c r="H1026" s="277"/>
      <c r="I1026" s="277"/>
      <c r="J1026" s="277"/>
      <c r="K1026" s="277"/>
    </row>
    <row r="1027" spans="3:11" x14ac:dyDescent="0.2">
      <c r="C1027" s="277"/>
      <c r="D1027" s="277"/>
      <c r="E1027" s="277"/>
      <c r="F1027" s="277"/>
      <c r="G1027" s="277"/>
      <c r="H1027" s="277"/>
      <c r="I1027" s="277"/>
      <c r="J1027" s="277"/>
      <c r="K1027" s="277"/>
    </row>
    <row r="1028" spans="3:11" x14ac:dyDescent="0.2">
      <c r="C1028" s="277"/>
      <c r="D1028" s="277"/>
      <c r="E1028" s="277"/>
      <c r="F1028" s="277"/>
      <c r="G1028" s="277"/>
      <c r="H1028" s="277"/>
      <c r="I1028" s="277"/>
      <c r="J1028" s="277"/>
      <c r="K1028" s="277"/>
    </row>
    <row r="1029" spans="3:11" x14ac:dyDescent="0.2">
      <c r="C1029" s="277"/>
      <c r="D1029" s="277"/>
      <c r="E1029" s="277"/>
      <c r="F1029" s="277"/>
      <c r="G1029" s="277"/>
      <c r="H1029" s="277"/>
      <c r="I1029" s="277"/>
      <c r="J1029" s="277"/>
      <c r="K1029" s="277"/>
    </row>
    <row r="1030" spans="3:11" x14ac:dyDescent="0.2">
      <c r="C1030" s="277"/>
      <c r="D1030" s="277"/>
      <c r="E1030" s="277"/>
      <c r="F1030" s="277"/>
      <c r="G1030" s="277"/>
      <c r="H1030" s="277"/>
      <c r="I1030" s="277"/>
      <c r="J1030" s="277"/>
      <c r="K1030" s="277"/>
    </row>
    <row r="1031" spans="3:11" x14ac:dyDescent="0.2">
      <c r="C1031" s="277"/>
      <c r="D1031" s="277"/>
      <c r="E1031" s="277"/>
      <c r="F1031" s="277"/>
      <c r="G1031" s="277"/>
      <c r="H1031" s="277"/>
      <c r="I1031" s="277"/>
      <c r="J1031" s="277"/>
      <c r="K1031" s="277"/>
    </row>
    <row r="1032" spans="3:11" x14ac:dyDescent="0.2">
      <c r="C1032" s="277"/>
      <c r="D1032" s="277"/>
      <c r="E1032" s="277"/>
      <c r="F1032" s="277"/>
      <c r="G1032" s="277"/>
      <c r="H1032" s="277"/>
      <c r="I1032" s="277"/>
      <c r="J1032" s="277"/>
      <c r="K1032" s="277"/>
    </row>
    <row r="1033" spans="3:11" x14ac:dyDescent="0.2">
      <c r="C1033" s="277"/>
      <c r="D1033" s="277"/>
      <c r="E1033" s="277"/>
      <c r="F1033" s="277"/>
      <c r="G1033" s="277"/>
      <c r="H1033" s="277"/>
      <c r="I1033" s="277"/>
      <c r="J1033" s="277"/>
      <c r="K1033" s="277"/>
    </row>
    <row r="1034" spans="3:11" x14ac:dyDescent="0.2">
      <c r="C1034" s="277"/>
      <c r="D1034" s="277"/>
      <c r="E1034" s="277"/>
      <c r="F1034" s="277"/>
      <c r="G1034" s="277"/>
      <c r="H1034" s="277"/>
      <c r="I1034" s="277"/>
      <c r="J1034" s="277"/>
      <c r="K1034" s="277"/>
    </row>
    <row r="1035" spans="3:11" x14ac:dyDescent="0.2">
      <c r="C1035" s="277"/>
      <c r="D1035" s="277"/>
      <c r="E1035" s="277"/>
      <c r="F1035" s="277"/>
      <c r="G1035" s="277"/>
      <c r="H1035" s="277"/>
      <c r="I1035" s="277"/>
      <c r="J1035" s="277"/>
      <c r="K1035" s="277"/>
    </row>
    <row r="1036" spans="3:11" x14ac:dyDescent="0.2">
      <c r="C1036" s="277"/>
      <c r="D1036" s="277"/>
      <c r="E1036" s="277"/>
      <c r="F1036" s="277"/>
      <c r="G1036" s="277"/>
      <c r="H1036" s="277"/>
      <c r="I1036" s="277"/>
      <c r="J1036" s="277"/>
      <c r="K1036" s="277"/>
    </row>
    <row r="1037" spans="3:11" x14ac:dyDescent="0.2">
      <c r="C1037" s="277"/>
      <c r="D1037" s="277"/>
      <c r="E1037" s="277"/>
      <c r="F1037" s="277"/>
      <c r="G1037" s="277"/>
      <c r="H1037" s="277"/>
      <c r="I1037" s="277"/>
      <c r="J1037" s="277"/>
      <c r="K1037" s="277"/>
    </row>
    <row r="1038" spans="3:11" x14ac:dyDescent="0.2">
      <c r="C1038" s="277"/>
      <c r="D1038" s="277"/>
      <c r="E1038" s="277"/>
      <c r="F1038" s="277"/>
      <c r="G1038" s="277"/>
      <c r="H1038" s="277"/>
      <c r="I1038" s="277"/>
      <c r="J1038" s="277"/>
      <c r="K1038" s="277"/>
    </row>
    <row r="1039" spans="3:11" x14ac:dyDescent="0.2">
      <c r="C1039" s="277"/>
      <c r="D1039" s="277"/>
      <c r="E1039" s="277"/>
      <c r="F1039" s="277"/>
      <c r="G1039" s="277"/>
      <c r="H1039" s="277"/>
      <c r="I1039" s="277"/>
      <c r="J1039" s="277"/>
      <c r="K1039" s="277"/>
    </row>
    <row r="1040" spans="3:11" x14ac:dyDescent="0.2">
      <c r="C1040" s="277"/>
      <c r="D1040" s="277"/>
      <c r="E1040" s="277"/>
      <c r="F1040" s="277"/>
      <c r="G1040" s="277"/>
      <c r="H1040" s="277"/>
      <c r="I1040" s="277"/>
      <c r="J1040" s="277"/>
      <c r="K1040" s="277"/>
    </row>
    <row r="1041" spans="3:11" x14ac:dyDescent="0.2">
      <c r="C1041" s="277"/>
      <c r="D1041" s="277"/>
      <c r="E1041" s="277"/>
      <c r="F1041" s="277"/>
      <c r="G1041" s="277"/>
      <c r="H1041" s="277"/>
      <c r="I1041" s="277"/>
      <c r="J1041" s="277"/>
      <c r="K1041" s="277"/>
    </row>
    <row r="1042" spans="3:11" x14ac:dyDescent="0.2">
      <c r="C1042" s="277"/>
      <c r="D1042" s="277"/>
      <c r="E1042" s="277"/>
      <c r="F1042" s="277"/>
      <c r="G1042" s="277"/>
      <c r="H1042" s="277"/>
      <c r="I1042" s="277"/>
      <c r="J1042" s="277"/>
      <c r="K1042" s="277"/>
    </row>
    <row r="1043" spans="3:11" x14ac:dyDescent="0.2">
      <c r="C1043" s="277"/>
      <c r="D1043" s="277"/>
      <c r="E1043" s="277"/>
      <c r="F1043" s="277"/>
      <c r="G1043" s="277"/>
      <c r="H1043" s="277"/>
      <c r="I1043" s="277"/>
      <c r="J1043" s="277"/>
      <c r="K1043" s="277"/>
    </row>
    <row r="1044" spans="3:11" x14ac:dyDescent="0.2">
      <c r="C1044" s="277"/>
      <c r="D1044" s="277"/>
      <c r="E1044" s="277"/>
      <c r="F1044" s="277"/>
      <c r="G1044" s="277"/>
      <c r="H1044" s="277"/>
      <c r="I1044" s="277"/>
      <c r="J1044" s="277"/>
      <c r="K1044" s="277"/>
    </row>
    <row r="1045" spans="3:11" x14ac:dyDescent="0.2">
      <c r="C1045" s="277"/>
      <c r="D1045" s="277"/>
      <c r="E1045" s="277"/>
      <c r="F1045" s="277"/>
      <c r="G1045" s="277"/>
      <c r="H1045" s="277"/>
      <c r="I1045" s="277"/>
      <c r="J1045" s="277"/>
      <c r="K1045" s="277"/>
    </row>
    <row r="1046" spans="3:11" x14ac:dyDescent="0.2">
      <c r="C1046" s="277"/>
      <c r="D1046" s="277"/>
      <c r="E1046" s="277"/>
      <c r="F1046" s="277"/>
      <c r="G1046" s="277"/>
      <c r="H1046" s="277"/>
      <c r="I1046" s="277"/>
      <c r="J1046" s="277"/>
      <c r="K1046" s="277"/>
    </row>
    <row r="1047" spans="3:11" x14ac:dyDescent="0.2">
      <c r="C1047" s="277"/>
      <c r="D1047" s="277"/>
      <c r="E1047" s="277"/>
      <c r="F1047" s="277"/>
      <c r="G1047" s="277"/>
      <c r="H1047" s="277"/>
      <c r="I1047" s="277"/>
      <c r="J1047" s="277"/>
      <c r="K1047" s="277"/>
    </row>
    <row r="1048" spans="3:11" x14ac:dyDescent="0.2">
      <c r="C1048" s="277"/>
      <c r="D1048" s="277"/>
      <c r="E1048" s="277"/>
      <c r="F1048" s="277"/>
      <c r="G1048" s="277"/>
      <c r="H1048" s="277"/>
      <c r="I1048" s="277"/>
      <c r="J1048" s="277"/>
      <c r="K1048" s="277"/>
    </row>
    <row r="1049" spans="3:11" x14ac:dyDescent="0.2">
      <c r="C1049" s="277"/>
      <c r="D1049" s="277"/>
      <c r="E1049" s="277"/>
      <c r="F1049" s="277"/>
      <c r="G1049" s="277"/>
      <c r="H1049" s="277"/>
      <c r="I1049" s="277"/>
      <c r="J1049" s="277"/>
      <c r="K1049" s="277"/>
    </row>
    <row r="1050" spans="3:11" x14ac:dyDescent="0.2">
      <c r="C1050" s="277"/>
      <c r="D1050" s="277"/>
      <c r="E1050" s="277"/>
      <c r="F1050" s="277"/>
      <c r="G1050" s="277"/>
      <c r="H1050" s="277"/>
      <c r="I1050" s="277"/>
      <c r="J1050" s="277"/>
      <c r="K1050" s="277"/>
    </row>
    <row r="1051" spans="3:11" x14ac:dyDescent="0.2">
      <c r="C1051" s="277"/>
      <c r="D1051" s="277"/>
      <c r="E1051" s="277"/>
      <c r="F1051" s="277"/>
      <c r="G1051" s="277"/>
      <c r="H1051" s="277"/>
      <c r="I1051" s="277"/>
      <c r="J1051" s="277"/>
      <c r="K1051" s="277"/>
    </row>
    <row r="1052" spans="3:11" x14ac:dyDescent="0.2">
      <c r="C1052" s="277"/>
      <c r="D1052" s="277"/>
      <c r="E1052" s="277"/>
      <c r="F1052" s="277"/>
      <c r="G1052" s="277"/>
      <c r="H1052" s="277"/>
      <c r="I1052" s="277"/>
      <c r="J1052" s="277"/>
      <c r="K1052" s="277"/>
    </row>
    <row r="1053" spans="3:11" x14ac:dyDescent="0.2">
      <c r="C1053" s="277"/>
      <c r="D1053" s="277"/>
      <c r="E1053" s="277"/>
      <c r="F1053" s="277"/>
      <c r="G1053" s="277"/>
      <c r="H1053" s="277"/>
      <c r="I1053" s="277"/>
      <c r="J1053" s="277"/>
      <c r="K1053" s="277"/>
    </row>
    <row r="1054" spans="3:11" x14ac:dyDescent="0.2">
      <c r="C1054" s="277"/>
      <c r="D1054" s="277"/>
      <c r="E1054" s="277"/>
      <c r="F1054" s="277"/>
      <c r="G1054" s="277"/>
      <c r="H1054" s="277"/>
      <c r="I1054" s="277"/>
      <c r="J1054" s="277"/>
      <c r="K1054" s="277"/>
    </row>
    <row r="1055" spans="3:11" x14ac:dyDescent="0.2">
      <c r="C1055" s="277"/>
      <c r="D1055" s="277"/>
      <c r="E1055" s="277"/>
      <c r="F1055" s="277"/>
      <c r="G1055" s="277"/>
      <c r="H1055" s="277"/>
      <c r="I1055" s="277"/>
      <c r="J1055" s="277"/>
      <c r="K1055" s="277"/>
    </row>
    <row r="1056" spans="3:11" x14ac:dyDescent="0.2">
      <c r="C1056" s="277"/>
      <c r="D1056" s="277"/>
      <c r="E1056" s="277"/>
      <c r="F1056" s="277"/>
      <c r="G1056" s="277"/>
      <c r="H1056" s="277"/>
      <c r="I1056" s="277"/>
      <c r="J1056" s="277"/>
      <c r="K1056" s="277"/>
    </row>
    <row r="1057" spans="3:11" x14ac:dyDescent="0.2">
      <c r="C1057" s="277"/>
      <c r="D1057" s="277"/>
      <c r="E1057" s="277"/>
      <c r="F1057" s="277"/>
      <c r="G1057" s="277"/>
      <c r="H1057" s="277"/>
      <c r="I1057" s="277"/>
      <c r="J1057" s="277"/>
      <c r="K1057" s="277"/>
    </row>
    <row r="1058" spans="3:11" x14ac:dyDescent="0.2">
      <c r="C1058" s="277"/>
      <c r="D1058" s="277"/>
      <c r="E1058" s="277"/>
      <c r="F1058" s="277"/>
      <c r="G1058" s="277"/>
      <c r="H1058" s="277"/>
      <c r="I1058" s="277"/>
      <c r="J1058" s="277"/>
      <c r="K1058" s="277"/>
    </row>
    <row r="1059" spans="3:11" x14ac:dyDescent="0.2">
      <c r="C1059" s="277"/>
      <c r="D1059" s="277"/>
      <c r="E1059" s="277"/>
      <c r="F1059" s="277"/>
      <c r="G1059" s="277"/>
      <c r="H1059" s="277"/>
      <c r="I1059" s="277"/>
      <c r="J1059" s="277"/>
      <c r="K1059" s="277"/>
    </row>
    <row r="1060" spans="3:11" x14ac:dyDescent="0.2">
      <c r="C1060" s="277"/>
      <c r="D1060" s="277"/>
      <c r="E1060" s="277"/>
      <c r="F1060" s="277"/>
      <c r="G1060" s="277"/>
      <c r="H1060" s="277"/>
      <c r="I1060" s="277"/>
      <c r="J1060" s="277"/>
      <c r="K1060" s="277"/>
    </row>
    <row r="1061" spans="3:11" x14ac:dyDescent="0.2">
      <c r="C1061" s="277"/>
      <c r="D1061" s="277"/>
      <c r="E1061" s="277"/>
      <c r="F1061" s="277"/>
      <c r="G1061" s="277"/>
      <c r="H1061" s="277"/>
      <c r="I1061" s="277"/>
      <c r="J1061" s="277"/>
      <c r="K1061" s="277"/>
    </row>
    <row r="1062" spans="3:11" x14ac:dyDescent="0.2">
      <c r="C1062" s="277"/>
      <c r="D1062" s="277"/>
      <c r="E1062" s="277"/>
      <c r="F1062" s="277"/>
      <c r="G1062" s="277"/>
      <c r="H1062" s="277"/>
      <c r="I1062" s="277"/>
      <c r="J1062" s="277"/>
      <c r="K1062" s="277"/>
    </row>
    <row r="1063" spans="3:11" x14ac:dyDescent="0.2">
      <c r="C1063" s="277"/>
      <c r="D1063" s="277"/>
      <c r="E1063" s="277"/>
      <c r="F1063" s="277"/>
      <c r="G1063" s="277"/>
      <c r="H1063" s="277"/>
      <c r="I1063" s="277"/>
      <c r="J1063" s="277"/>
      <c r="K1063" s="277"/>
    </row>
    <row r="1064" spans="3:11" x14ac:dyDescent="0.2">
      <c r="C1064" s="277"/>
      <c r="D1064" s="277"/>
      <c r="E1064" s="277"/>
      <c r="F1064" s="277"/>
      <c r="G1064" s="277"/>
      <c r="H1064" s="277"/>
      <c r="I1064" s="277"/>
      <c r="J1064" s="277"/>
      <c r="K1064" s="277"/>
    </row>
    <row r="1065" spans="3:11" x14ac:dyDescent="0.2">
      <c r="C1065" s="277"/>
      <c r="D1065" s="277"/>
      <c r="E1065" s="277"/>
      <c r="F1065" s="277"/>
      <c r="G1065" s="277"/>
      <c r="H1065" s="277"/>
      <c r="I1065" s="277"/>
      <c r="J1065" s="277"/>
      <c r="K1065" s="277"/>
    </row>
    <row r="1066" spans="3:11" x14ac:dyDescent="0.2">
      <c r="C1066" s="277"/>
      <c r="D1066" s="277"/>
      <c r="E1066" s="277"/>
      <c r="F1066" s="277"/>
      <c r="G1066" s="277"/>
      <c r="H1066" s="277"/>
      <c r="I1066" s="277"/>
      <c r="J1066" s="277"/>
      <c r="K1066" s="277"/>
    </row>
    <row r="1067" spans="3:11" x14ac:dyDescent="0.2">
      <c r="C1067" s="277"/>
      <c r="D1067" s="277"/>
      <c r="E1067" s="277"/>
      <c r="F1067" s="277"/>
      <c r="G1067" s="277"/>
      <c r="H1067" s="277"/>
      <c r="I1067" s="277"/>
      <c r="J1067" s="277"/>
      <c r="K1067" s="277"/>
    </row>
    <row r="1068" spans="3:11" x14ac:dyDescent="0.2">
      <c r="C1068" s="277"/>
      <c r="D1068" s="277"/>
      <c r="E1068" s="277"/>
      <c r="F1068" s="277"/>
      <c r="G1068" s="277"/>
      <c r="H1068" s="277"/>
      <c r="I1068" s="277"/>
      <c r="J1068" s="277"/>
      <c r="K1068" s="277"/>
    </row>
    <row r="1069" spans="3:11" x14ac:dyDescent="0.2">
      <c r="C1069" s="277"/>
      <c r="D1069" s="277"/>
      <c r="E1069" s="277"/>
      <c r="F1069" s="277"/>
      <c r="G1069" s="277"/>
      <c r="H1069" s="277"/>
      <c r="I1069" s="277"/>
      <c r="J1069" s="277"/>
      <c r="K1069" s="277"/>
    </row>
    <row r="1070" spans="3:11" x14ac:dyDescent="0.2">
      <c r="C1070" s="277"/>
      <c r="D1070" s="277"/>
      <c r="E1070" s="277"/>
      <c r="F1070" s="277"/>
      <c r="G1070" s="277"/>
      <c r="H1070" s="277"/>
      <c r="I1070" s="277"/>
      <c r="J1070" s="277"/>
      <c r="K1070" s="277"/>
    </row>
    <row r="1071" spans="3:11" x14ac:dyDescent="0.2">
      <c r="C1071" s="277"/>
      <c r="D1071" s="277"/>
      <c r="E1071" s="277"/>
      <c r="F1071" s="277"/>
      <c r="G1071" s="277"/>
      <c r="H1071" s="277"/>
      <c r="I1071" s="277"/>
      <c r="J1071" s="277"/>
      <c r="K1071" s="277"/>
    </row>
    <row r="1072" spans="3:11" x14ac:dyDescent="0.2">
      <c r="C1072" s="277"/>
      <c r="D1072" s="277"/>
      <c r="E1072" s="277"/>
      <c r="F1072" s="277"/>
      <c r="G1072" s="277"/>
      <c r="H1072" s="277"/>
      <c r="I1072" s="277"/>
      <c r="J1072" s="277"/>
      <c r="K1072" s="277"/>
    </row>
    <row r="1073" spans="3:11" x14ac:dyDescent="0.2">
      <c r="C1073" s="277"/>
      <c r="D1073" s="277"/>
      <c r="E1073" s="277"/>
      <c r="F1073" s="277"/>
      <c r="G1073" s="277"/>
      <c r="H1073" s="277"/>
      <c r="I1073" s="277"/>
      <c r="J1073" s="277"/>
      <c r="K1073" s="277"/>
    </row>
    <row r="1074" spans="3:11" x14ac:dyDescent="0.2">
      <c r="C1074" s="277"/>
      <c r="D1074" s="277"/>
      <c r="E1074" s="277"/>
      <c r="F1074" s="277"/>
      <c r="G1074" s="277"/>
      <c r="H1074" s="277"/>
      <c r="I1074" s="277"/>
      <c r="J1074" s="277"/>
      <c r="K1074" s="277"/>
    </row>
    <row r="1075" spans="3:11" x14ac:dyDescent="0.2">
      <c r="C1075" s="277"/>
      <c r="D1075" s="277"/>
      <c r="E1075" s="277"/>
      <c r="F1075" s="277"/>
      <c r="G1075" s="277"/>
      <c r="H1075" s="277"/>
      <c r="I1075" s="277"/>
      <c r="J1075" s="277"/>
      <c r="K1075" s="277"/>
    </row>
    <row r="1076" spans="3:11" x14ac:dyDescent="0.2">
      <c r="C1076" s="277"/>
      <c r="D1076" s="277"/>
      <c r="E1076" s="277"/>
      <c r="F1076" s="277"/>
      <c r="G1076" s="277"/>
      <c r="H1076" s="277"/>
      <c r="I1076" s="277"/>
      <c r="J1076" s="277"/>
      <c r="K1076" s="277"/>
    </row>
    <row r="1077" spans="3:11" x14ac:dyDescent="0.2">
      <c r="C1077" s="277"/>
      <c r="D1077" s="277"/>
      <c r="E1077" s="277"/>
      <c r="F1077" s="277"/>
      <c r="G1077" s="277"/>
      <c r="H1077" s="277"/>
      <c r="I1077" s="277"/>
      <c r="J1077" s="277"/>
      <c r="K1077" s="277"/>
    </row>
    <row r="1078" spans="3:11" x14ac:dyDescent="0.2">
      <c r="C1078" s="277"/>
      <c r="D1078" s="277"/>
      <c r="E1078" s="277"/>
      <c r="F1078" s="277"/>
      <c r="G1078" s="277"/>
      <c r="H1078" s="277"/>
      <c r="I1078" s="277"/>
      <c r="J1078" s="277"/>
      <c r="K1078" s="277"/>
    </row>
    <row r="1079" spans="3:11" x14ac:dyDescent="0.2">
      <c r="C1079" s="277"/>
      <c r="D1079" s="277"/>
      <c r="E1079" s="277"/>
      <c r="F1079" s="277"/>
      <c r="G1079" s="277"/>
      <c r="H1079" s="277"/>
      <c r="I1079" s="277"/>
      <c r="J1079" s="277"/>
      <c r="K1079" s="277"/>
    </row>
    <row r="1080" spans="3:11" x14ac:dyDescent="0.2">
      <c r="C1080" s="277"/>
      <c r="D1080" s="277"/>
      <c r="E1080" s="277"/>
      <c r="F1080" s="277"/>
      <c r="G1080" s="277"/>
      <c r="H1080" s="277"/>
      <c r="I1080" s="277"/>
      <c r="J1080" s="277"/>
      <c r="K1080" s="277"/>
    </row>
    <row r="1081" spans="3:11" x14ac:dyDescent="0.2">
      <c r="C1081" s="277"/>
      <c r="D1081" s="277"/>
      <c r="E1081" s="277"/>
      <c r="F1081" s="277"/>
      <c r="G1081" s="277"/>
      <c r="H1081" s="277"/>
      <c r="I1081" s="277"/>
      <c r="J1081" s="277"/>
      <c r="K1081" s="277"/>
    </row>
    <row r="1082" spans="3:11" x14ac:dyDescent="0.2">
      <c r="C1082" s="277"/>
      <c r="D1082" s="277"/>
      <c r="E1082" s="277"/>
      <c r="F1082" s="277"/>
      <c r="G1082" s="277"/>
      <c r="H1082" s="277"/>
      <c r="I1082" s="277"/>
      <c r="J1082" s="277"/>
      <c r="K1082" s="277"/>
    </row>
    <row r="1083" spans="3:11" x14ac:dyDescent="0.2">
      <c r="C1083" s="277"/>
      <c r="D1083" s="277"/>
      <c r="E1083" s="277"/>
      <c r="F1083" s="277"/>
      <c r="G1083" s="277"/>
      <c r="H1083" s="277"/>
      <c r="I1083" s="277"/>
      <c r="J1083" s="277"/>
      <c r="K1083" s="277"/>
    </row>
    <row r="1084" spans="3:11" x14ac:dyDescent="0.2">
      <c r="C1084" s="277"/>
      <c r="D1084" s="277"/>
      <c r="E1084" s="277"/>
      <c r="F1084" s="277"/>
      <c r="G1084" s="277"/>
      <c r="H1084" s="277"/>
      <c r="I1084" s="277"/>
      <c r="J1084" s="277"/>
      <c r="K1084" s="277"/>
    </row>
    <row r="1085" spans="3:11" x14ac:dyDescent="0.2">
      <c r="C1085" s="277"/>
      <c r="D1085" s="277"/>
      <c r="E1085" s="277"/>
      <c r="F1085" s="277"/>
      <c r="G1085" s="277"/>
      <c r="H1085" s="277"/>
      <c r="I1085" s="277"/>
      <c r="J1085" s="277"/>
      <c r="K1085" s="277"/>
    </row>
    <row r="1086" spans="3:11" x14ac:dyDescent="0.2">
      <c r="C1086" s="277"/>
      <c r="D1086" s="277"/>
      <c r="E1086" s="277"/>
      <c r="F1086" s="277"/>
      <c r="G1086" s="277"/>
      <c r="H1086" s="277"/>
      <c r="I1086" s="277"/>
      <c r="J1086" s="277"/>
      <c r="K1086" s="277"/>
    </row>
    <row r="1087" spans="3:11" x14ac:dyDescent="0.2">
      <c r="C1087" s="277"/>
      <c r="D1087" s="277"/>
      <c r="E1087" s="277"/>
      <c r="F1087" s="277"/>
      <c r="G1087" s="277"/>
      <c r="H1087" s="277"/>
      <c r="I1087" s="277"/>
      <c r="J1087" s="277"/>
      <c r="K1087" s="277"/>
    </row>
    <row r="1088" spans="3:11" x14ac:dyDescent="0.2">
      <c r="C1088" s="277"/>
      <c r="D1088" s="277"/>
      <c r="E1088" s="277"/>
      <c r="F1088" s="277"/>
      <c r="G1088" s="277"/>
      <c r="H1088" s="277"/>
      <c r="I1088" s="277"/>
      <c r="J1088" s="277"/>
      <c r="K1088" s="277"/>
    </row>
    <row r="1089" spans="3:11" x14ac:dyDescent="0.2">
      <c r="C1089" s="277"/>
      <c r="D1089" s="277"/>
      <c r="E1089" s="277"/>
      <c r="F1089" s="277"/>
      <c r="G1089" s="277"/>
      <c r="H1089" s="277"/>
      <c r="I1089" s="277"/>
      <c r="J1089" s="277"/>
      <c r="K1089" s="277"/>
    </row>
    <row r="1090" spans="3:11" x14ac:dyDescent="0.2">
      <c r="C1090" s="277"/>
      <c r="D1090" s="277"/>
      <c r="E1090" s="277"/>
      <c r="F1090" s="277"/>
      <c r="G1090" s="277"/>
      <c r="H1090" s="277"/>
      <c r="I1090" s="277"/>
      <c r="J1090" s="277"/>
      <c r="K1090" s="277"/>
    </row>
    <row r="1091" spans="3:11" x14ac:dyDescent="0.2">
      <c r="C1091" s="277"/>
      <c r="D1091" s="277"/>
      <c r="E1091" s="277"/>
      <c r="F1091" s="277"/>
      <c r="G1091" s="277"/>
      <c r="H1091" s="277"/>
      <c r="I1091" s="277"/>
      <c r="J1091" s="277"/>
      <c r="K1091" s="277"/>
    </row>
    <row r="1092" spans="3:11" x14ac:dyDescent="0.2">
      <c r="C1092" s="277"/>
      <c r="D1092" s="277"/>
      <c r="E1092" s="277"/>
      <c r="F1092" s="277"/>
      <c r="G1092" s="277"/>
      <c r="H1092" s="277"/>
      <c r="I1092" s="277"/>
      <c r="J1092" s="277"/>
      <c r="K1092" s="277"/>
    </row>
    <row r="1093" spans="3:11" x14ac:dyDescent="0.2">
      <c r="C1093" s="277"/>
      <c r="D1093" s="277"/>
      <c r="E1093" s="277"/>
      <c r="F1093" s="277"/>
      <c r="G1093" s="277"/>
      <c r="H1093" s="277"/>
      <c r="I1093" s="277"/>
      <c r="J1093" s="277"/>
      <c r="K1093" s="277"/>
    </row>
    <row r="1094" spans="3:11" x14ac:dyDescent="0.2">
      <c r="C1094" s="277"/>
      <c r="D1094" s="277"/>
      <c r="E1094" s="277"/>
      <c r="F1094" s="277"/>
      <c r="G1094" s="277"/>
      <c r="H1094" s="277"/>
      <c r="I1094" s="277"/>
      <c r="J1094" s="277"/>
      <c r="K1094" s="277"/>
    </row>
    <row r="1095" spans="3:11" x14ac:dyDescent="0.2">
      <c r="C1095" s="277"/>
      <c r="D1095" s="277"/>
      <c r="E1095" s="277"/>
      <c r="F1095" s="277"/>
      <c r="G1095" s="277"/>
      <c r="H1095" s="277"/>
      <c r="I1095" s="277"/>
      <c r="J1095" s="277"/>
      <c r="K1095" s="277"/>
    </row>
    <row r="1096" spans="3:11" x14ac:dyDescent="0.2">
      <c r="C1096" s="277"/>
      <c r="D1096" s="277"/>
      <c r="E1096" s="277"/>
      <c r="F1096" s="277"/>
      <c r="G1096" s="277"/>
      <c r="H1096" s="277"/>
      <c r="I1096" s="277"/>
      <c r="J1096" s="277"/>
      <c r="K1096" s="277"/>
    </row>
    <row r="1097" spans="3:11" x14ac:dyDescent="0.2">
      <c r="C1097" s="277"/>
      <c r="D1097" s="277"/>
      <c r="E1097" s="277"/>
      <c r="F1097" s="277"/>
      <c r="G1097" s="277"/>
      <c r="H1097" s="277"/>
      <c r="I1097" s="277"/>
      <c r="J1097" s="277"/>
      <c r="K1097" s="277"/>
    </row>
    <row r="1098" spans="3:11" x14ac:dyDescent="0.2">
      <c r="C1098" s="277"/>
      <c r="D1098" s="277"/>
      <c r="E1098" s="277"/>
      <c r="F1098" s="277"/>
      <c r="G1098" s="277"/>
      <c r="H1098" s="277"/>
      <c r="I1098" s="277"/>
      <c r="J1098" s="277"/>
      <c r="K1098" s="277"/>
    </row>
    <row r="1099" spans="3:11" x14ac:dyDescent="0.2">
      <c r="C1099" s="277"/>
      <c r="D1099" s="277"/>
      <c r="E1099" s="277"/>
      <c r="F1099" s="277"/>
      <c r="G1099" s="277"/>
      <c r="H1099" s="277"/>
      <c r="I1099" s="277"/>
      <c r="J1099" s="277"/>
      <c r="K1099" s="277"/>
    </row>
    <row r="1100" spans="3:11" x14ac:dyDescent="0.2">
      <c r="C1100" s="277"/>
      <c r="D1100" s="277"/>
      <c r="E1100" s="277"/>
      <c r="F1100" s="277"/>
      <c r="G1100" s="277"/>
      <c r="H1100" s="277"/>
      <c r="I1100" s="277"/>
      <c r="J1100" s="277"/>
      <c r="K1100" s="277"/>
    </row>
    <row r="1101" spans="3:11" x14ac:dyDescent="0.2">
      <c r="C1101" s="277"/>
      <c r="D1101" s="277"/>
      <c r="E1101" s="277"/>
      <c r="F1101" s="277"/>
      <c r="G1101" s="277"/>
      <c r="H1101" s="277"/>
      <c r="I1101" s="277"/>
      <c r="J1101" s="277"/>
      <c r="K1101" s="277"/>
    </row>
    <row r="1102" spans="3:11" x14ac:dyDescent="0.2">
      <c r="C1102" s="277"/>
      <c r="D1102" s="277"/>
      <c r="E1102" s="277"/>
      <c r="F1102" s="277"/>
      <c r="G1102" s="277"/>
      <c r="H1102" s="277"/>
      <c r="I1102" s="277"/>
      <c r="J1102" s="277"/>
      <c r="K1102" s="277"/>
    </row>
    <row r="1103" spans="3:11" x14ac:dyDescent="0.2">
      <c r="C1103" s="277"/>
      <c r="D1103" s="277"/>
      <c r="E1103" s="277"/>
      <c r="F1103" s="277"/>
      <c r="G1103" s="277"/>
      <c r="H1103" s="277"/>
      <c r="I1103" s="277"/>
      <c r="J1103" s="277"/>
      <c r="K1103" s="277"/>
    </row>
    <row r="1104" spans="3:11" x14ac:dyDescent="0.2">
      <c r="C1104" s="277"/>
      <c r="D1104" s="277"/>
      <c r="E1104" s="277"/>
      <c r="F1104" s="277"/>
      <c r="G1104" s="277"/>
      <c r="H1104" s="277"/>
      <c r="I1104" s="277"/>
      <c r="J1104" s="277"/>
      <c r="K1104" s="277"/>
    </row>
    <row r="1105" spans="3:11" x14ac:dyDescent="0.2">
      <c r="C1105" s="277"/>
      <c r="D1105" s="277"/>
      <c r="E1105" s="277"/>
      <c r="F1105" s="277"/>
      <c r="G1105" s="277"/>
      <c r="H1105" s="277"/>
      <c r="I1105" s="277"/>
      <c r="J1105" s="277"/>
      <c r="K1105" s="277"/>
    </row>
    <row r="1106" spans="3:11" x14ac:dyDescent="0.2">
      <c r="C1106" s="277"/>
      <c r="D1106" s="277"/>
      <c r="E1106" s="277"/>
      <c r="F1106" s="277"/>
      <c r="G1106" s="277"/>
      <c r="H1106" s="277"/>
      <c r="I1106" s="277"/>
      <c r="J1106" s="277"/>
      <c r="K1106" s="277"/>
    </row>
    <row r="1107" spans="3:11" x14ac:dyDescent="0.2">
      <c r="C1107" s="277"/>
      <c r="D1107" s="277"/>
      <c r="E1107" s="277"/>
      <c r="F1107" s="277"/>
      <c r="G1107" s="277"/>
      <c r="H1107" s="277"/>
      <c r="I1107" s="277"/>
      <c r="J1107" s="277"/>
      <c r="K1107" s="277"/>
    </row>
    <row r="1108" spans="3:11" x14ac:dyDescent="0.2">
      <c r="C1108" s="277"/>
      <c r="D1108" s="277"/>
      <c r="E1108" s="277"/>
      <c r="F1108" s="277"/>
      <c r="G1108" s="277"/>
      <c r="H1108" s="277"/>
      <c r="I1108" s="277"/>
      <c r="J1108" s="277"/>
      <c r="K1108" s="277"/>
    </row>
    <row r="1109" spans="3:11" x14ac:dyDescent="0.2">
      <c r="C1109" s="277"/>
      <c r="D1109" s="277"/>
      <c r="E1109" s="277"/>
      <c r="F1109" s="277"/>
      <c r="G1109" s="277"/>
      <c r="H1109" s="277"/>
      <c r="I1109" s="277"/>
      <c r="J1109" s="277"/>
      <c r="K1109" s="277"/>
    </row>
    <row r="1110" spans="3:11" x14ac:dyDescent="0.2">
      <c r="C1110" s="277"/>
      <c r="D1110" s="277"/>
      <c r="E1110" s="277"/>
      <c r="F1110" s="277"/>
      <c r="G1110" s="277"/>
      <c r="H1110" s="277"/>
      <c r="I1110" s="277"/>
      <c r="J1110" s="277"/>
      <c r="K1110" s="277"/>
    </row>
    <row r="1111" spans="3:11" x14ac:dyDescent="0.2">
      <c r="C1111" s="277"/>
      <c r="D1111" s="277"/>
      <c r="E1111" s="277"/>
      <c r="F1111" s="277"/>
      <c r="G1111" s="277"/>
      <c r="H1111" s="277"/>
      <c r="I1111" s="277"/>
      <c r="J1111" s="277"/>
      <c r="K1111" s="277"/>
    </row>
    <row r="1112" spans="3:11" x14ac:dyDescent="0.2">
      <c r="C1112" s="277"/>
      <c r="D1112" s="277"/>
      <c r="E1112" s="277"/>
      <c r="F1112" s="277"/>
      <c r="G1112" s="277"/>
      <c r="H1112" s="277"/>
      <c r="I1112" s="277"/>
      <c r="J1112" s="277"/>
      <c r="K1112" s="277"/>
    </row>
    <row r="1113" spans="3:11" x14ac:dyDescent="0.2">
      <c r="C1113" s="277"/>
      <c r="D1113" s="277"/>
      <c r="E1113" s="277"/>
      <c r="F1113" s="277"/>
      <c r="G1113" s="277"/>
      <c r="H1113" s="277"/>
      <c r="I1113" s="277"/>
      <c r="J1113" s="277"/>
      <c r="K1113" s="277"/>
    </row>
    <row r="1114" spans="3:11" x14ac:dyDescent="0.2">
      <c r="C1114" s="277"/>
      <c r="D1114" s="277"/>
      <c r="E1114" s="277"/>
      <c r="F1114" s="277"/>
      <c r="G1114" s="277"/>
      <c r="H1114" s="277"/>
      <c r="I1114" s="277"/>
      <c r="J1114" s="277"/>
      <c r="K1114" s="277"/>
    </row>
    <row r="1115" spans="3:11" x14ac:dyDescent="0.2">
      <c r="C1115" s="277"/>
      <c r="D1115" s="277"/>
      <c r="E1115" s="277"/>
      <c r="F1115" s="277"/>
      <c r="G1115" s="277"/>
      <c r="H1115" s="277"/>
      <c r="I1115" s="277"/>
      <c r="J1115" s="277"/>
      <c r="K1115" s="277"/>
    </row>
    <row r="1116" spans="3:11" x14ac:dyDescent="0.2">
      <c r="C1116" s="277"/>
      <c r="D1116" s="277"/>
      <c r="E1116" s="277"/>
      <c r="F1116" s="277"/>
      <c r="G1116" s="277"/>
      <c r="H1116" s="277"/>
      <c r="I1116" s="277"/>
      <c r="J1116" s="277"/>
      <c r="K1116" s="277"/>
    </row>
    <row r="1117" spans="3:11" x14ac:dyDescent="0.2">
      <c r="C1117" s="277"/>
      <c r="D1117" s="277"/>
      <c r="E1117" s="277"/>
      <c r="F1117" s="277"/>
      <c r="G1117" s="277"/>
      <c r="H1117" s="277"/>
      <c r="I1117" s="277"/>
      <c r="J1117" s="277"/>
      <c r="K1117" s="277"/>
    </row>
    <row r="1118" spans="3:11" x14ac:dyDescent="0.2">
      <c r="C1118" s="277"/>
      <c r="D1118" s="277"/>
      <c r="E1118" s="277"/>
      <c r="F1118" s="277"/>
      <c r="G1118" s="277"/>
      <c r="H1118" s="277"/>
      <c r="I1118" s="277"/>
      <c r="J1118" s="277"/>
      <c r="K1118" s="277"/>
    </row>
    <row r="1119" spans="3:11" x14ac:dyDescent="0.2">
      <c r="C1119" s="277"/>
      <c r="D1119" s="277"/>
      <c r="E1119" s="277"/>
      <c r="F1119" s="277"/>
      <c r="G1119" s="277"/>
      <c r="H1119" s="277"/>
      <c r="I1119" s="277"/>
      <c r="J1119" s="277"/>
      <c r="K1119" s="277"/>
    </row>
    <row r="1120" spans="3:11" x14ac:dyDescent="0.2">
      <c r="C1120" s="277"/>
      <c r="D1120" s="277"/>
      <c r="E1120" s="277"/>
      <c r="F1120" s="277"/>
      <c r="G1120" s="277"/>
      <c r="H1120" s="277"/>
      <c r="I1120" s="277"/>
      <c r="J1120" s="277"/>
      <c r="K1120" s="277"/>
    </row>
    <row r="1121" spans="3:11" x14ac:dyDescent="0.2">
      <c r="C1121" s="277"/>
      <c r="D1121" s="277"/>
      <c r="E1121" s="277"/>
      <c r="F1121" s="277"/>
      <c r="G1121" s="277"/>
      <c r="H1121" s="277"/>
      <c r="I1121" s="277"/>
      <c r="J1121" s="277"/>
      <c r="K1121" s="277"/>
    </row>
    <row r="1122" spans="3:11" x14ac:dyDescent="0.2">
      <c r="C1122" s="277"/>
      <c r="D1122" s="277"/>
      <c r="E1122" s="277"/>
      <c r="F1122" s="277"/>
      <c r="G1122" s="277"/>
      <c r="H1122" s="277"/>
      <c r="I1122" s="277"/>
      <c r="J1122" s="277"/>
      <c r="K1122" s="277"/>
    </row>
    <row r="1123" spans="3:11" x14ac:dyDescent="0.2">
      <c r="C1123" s="277"/>
      <c r="D1123" s="277"/>
      <c r="E1123" s="277"/>
      <c r="F1123" s="277"/>
      <c r="G1123" s="277"/>
      <c r="H1123" s="277"/>
      <c r="I1123" s="277"/>
      <c r="J1123" s="277"/>
      <c r="K1123" s="277"/>
    </row>
    <row r="1124" spans="3:11" x14ac:dyDescent="0.2">
      <c r="C1124" s="277"/>
      <c r="D1124" s="277"/>
      <c r="E1124" s="277"/>
      <c r="F1124" s="277"/>
      <c r="G1124" s="277"/>
      <c r="H1124" s="277"/>
      <c r="I1124" s="277"/>
      <c r="J1124" s="277"/>
      <c r="K1124" s="277"/>
    </row>
    <row r="1125" spans="3:11" x14ac:dyDescent="0.2">
      <c r="C1125" s="277"/>
      <c r="D1125" s="277"/>
      <c r="E1125" s="277"/>
      <c r="F1125" s="277"/>
      <c r="G1125" s="277"/>
      <c r="H1125" s="277"/>
      <c r="I1125" s="277"/>
      <c r="J1125" s="277"/>
      <c r="K1125" s="277"/>
    </row>
    <row r="1126" spans="3:11" x14ac:dyDescent="0.2">
      <c r="C1126" s="277"/>
      <c r="D1126" s="277"/>
      <c r="E1126" s="277"/>
      <c r="F1126" s="277"/>
      <c r="G1126" s="277"/>
      <c r="H1126" s="277"/>
      <c r="I1126" s="277"/>
      <c r="J1126" s="277"/>
      <c r="K1126" s="277"/>
    </row>
    <row r="1127" spans="3:11" x14ac:dyDescent="0.2">
      <c r="C1127" s="277"/>
      <c r="D1127" s="277"/>
      <c r="E1127" s="277"/>
      <c r="F1127" s="277"/>
      <c r="G1127" s="277"/>
      <c r="H1127" s="277"/>
      <c r="I1127" s="277"/>
      <c r="J1127" s="277"/>
      <c r="K1127" s="277"/>
    </row>
    <row r="1128" spans="3:11" x14ac:dyDescent="0.2">
      <c r="C1128" s="277"/>
      <c r="D1128" s="277"/>
      <c r="E1128" s="277"/>
      <c r="F1128" s="277"/>
      <c r="G1128" s="277"/>
      <c r="H1128" s="277"/>
      <c r="I1128" s="277"/>
      <c r="J1128" s="277"/>
      <c r="K1128" s="277"/>
    </row>
    <row r="1129" spans="3:11" x14ac:dyDescent="0.2">
      <c r="C1129" s="277"/>
      <c r="D1129" s="277"/>
      <c r="E1129" s="277"/>
      <c r="F1129" s="277"/>
      <c r="G1129" s="277"/>
      <c r="H1129" s="277"/>
      <c r="I1129" s="277"/>
      <c r="J1129" s="277"/>
      <c r="K1129" s="277"/>
    </row>
    <row r="1130" spans="3:11" x14ac:dyDescent="0.2">
      <c r="C1130" s="277"/>
      <c r="D1130" s="277"/>
      <c r="E1130" s="277"/>
      <c r="F1130" s="277"/>
      <c r="G1130" s="277"/>
      <c r="H1130" s="277"/>
      <c r="I1130" s="277"/>
      <c r="J1130" s="277"/>
      <c r="K1130" s="277"/>
    </row>
    <row r="1131" spans="3:11" x14ac:dyDescent="0.2">
      <c r="C1131" s="277"/>
      <c r="D1131" s="277"/>
      <c r="E1131" s="277"/>
      <c r="F1131" s="277"/>
      <c r="G1131" s="277"/>
      <c r="H1131" s="277"/>
      <c r="I1131" s="277"/>
      <c r="J1131" s="277"/>
      <c r="K1131" s="277"/>
    </row>
    <row r="1132" spans="3:11" x14ac:dyDescent="0.2">
      <c r="C1132" s="277"/>
      <c r="D1132" s="277"/>
      <c r="E1132" s="277"/>
      <c r="F1132" s="277"/>
      <c r="G1132" s="277"/>
      <c r="H1132" s="277"/>
      <c r="I1132" s="277"/>
      <c r="J1132" s="277"/>
      <c r="K1132" s="277"/>
    </row>
    <row r="1133" spans="3:11" x14ac:dyDescent="0.2">
      <c r="C1133" s="277"/>
      <c r="D1133" s="277"/>
      <c r="E1133" s="277"/>
      <c r="F1133" s="277"/>
      <c r="G1133" s="277"/>
      <c r="H1133" s="277"/>
      <c r="I1133" s="277"/>
      <c r="J1133" s="277"/>
      <c r="K1133" s="277"/>
    </row>
    <row r="1134" spans="3:11" x14ac:dyDescent="0.2">
      <c r="C1134" s="277"/>
      <c r="D1134" s="277"/>
      <c r="E1134" s="277"/>
      <c r="F1134" s="277"/>
      <c r="G1134" s="277"/>
      <c r="H1134" s="277"/>
      <c r="I1134" s="277"/>
      <c r="J1134" s="277"/>
      <c r="K1134" s="277"/>
    </row>
    <row r="1135" spans="3:11" x14ac:dyDescent="0.2">
      <c r="C1135" s="277"/>
      <c r="D1135" s="277"/>
      <c r="E1135" s="277"/>
      <c r="F1135" s="277"/>
      <c r="G1135" s="277"/>
      <c r="H1135" s="277"/>
      <c r="I1135" s="277"/>
      <c r="J1135" s="277"/>
      <c r="K1135" s="277"/>
    </row>
    <row r="1136" spans="3:11" x14ac:dyDescent="0.2">
      <c r="C1136" s="277"/>
      <c r="D1136" s="277"/>
      <c r="E1136" s="277"/>
      <c r="F1136" s="277"/>
      <c r="G1136" s="277"/>
      <c r="H1136" s="277"/>
      <c r="I1136" s="277"/>
      <c r="J1136" s="277"/>
      <c r="K1136" s="277"/>
    </row>
    <row r="1137" spans="3:11" x14ac:dyDescent="0.2">
      <c r="C1137" s="277"/>
      <c r="D1137" s="277"/>
      <c r="E1137" s="277"/>
      <c r="F1137" s="277"/>
      <c r="G1137" s="277"/>
      <c r="H1137" s="277"/>
      <c r="I1137" s="277"/>
      <c r="J1137" s="277"/>
      <c r="K1137" s="277"/>
    </row>
    <row r="1138" spans="3:11" x14ac:dyDescent="0.2">
      <c r="C1138" s="277"/>
      <c r="D1138" s="277"/>
      <c r="E1138" s="277"/>
      <c r="F1138" s="277"/>
      <c r="G1138" s="277"/>
      <c r="H1138" s="277"/>
      <c r="I1138" s="277"/>
      <c r="J1138" s="277"/>
      <c r="K1138" s="277"/>
    </row>
    <row r="1139" spans="3:11" x14ac:dyDescent="0.2">
      <c r="C1139" s="277"/>
      <c r="D1139" s="277"/>
      <c r="E1139" s="277"/>
      <c r="F1139" s="277"/>
      <c r="G1139" s="277"/>
      <c r="H1139" s="277"/>
      <c r="I1139" s="277"/>
      <c r="J1139" s="277"/>
      <c r="K1139" s="277"/>
    </row>
    <row r="1140" spans="3:11" x14ac:dyDescent="0.2">
      <c r="C1140" s="277"/>
      <c r="D1140" s="277"/>
      <c r="E1140" s="277"/>
      <c r="F1140" s="277"/>
      <c r="G1140" s="277"/>
      <c r="H1140" s="277"/>
      <c r="I1140" s="277"/>
      <c r="J1140" s="277"/>
      <c r="K1140" s="277"/>
    </row>
    <row r="1141" spans="3:11" x14ac:dyDescent="0.2">
      <c r="C1141" s="277"/>
      <c r="D1141" s="277"/>
      <c r="E1141" s="277"/>
      <c r="F1141" s="277"/>
      <c r="G1141" s="277"/>
      <c r="H1141" s="277"/>
      <c r="I1141" s="277"/>
      <c r="J1141" s="277"/>
      <c r="K1141" s="277"/>
    </row>
    <row r="1142" spans="3:11" x14ac:dyDescent="0.2">
      <c r="C1142" s="277"/>
      <c r="D1142" s="277"/>
      <c r="E1142" s="277"/>
      <c r="F1142" s="277"/>
      <c r="G1142" s="277"/>
      <c r="H1142" s="277"/>
      <c r="I1142" s="277"/>
      <c r="J1142" s="277"/>
      <c r="K1142" s="277"/>
    </row>
    <row r="1143" spans="3:11" x14ac:dyDescent="0.2">
      <c r="C1143" s="277"/>
      <c r="D1143" s="277"/>
      <c r="E1143" s="277"/>
      <c r="F1143" s="277"/>
      <c r="G1143" s="277"/>
      <c r="H1143" s="277"/>
      <c r="I1143" s="277"/>
      <c r="J1143" s="277"/>
      <c r="K1143" s="277"/>
    </row>
    <row r="1144" spans="3:11" x14ac:dyDescent="0.2">
      <c r="C1144" s="277"/>
      <c r="D1144" s="277"/>
      <c r="E1144" s="277"/>
      <c r="F1144" s="277"/>
      <c r="G1144" s="277"/>
      <c r="H1144" s="277"/>
      <c r="I1144" s="277"/>
      <c r="J1144" s="277"/>
      <c r="K1144" s="277"/>
    </row>
    <row r="1145" spans="3:11" x14ac:dyDescent="0.2">
      <c r="C1145" s="277"/>
      <c r="D1145" s="277"/>
      <c r="E1145" s="277"/>
      <c r="F1145" s="277"/>
      <c r="G1145" s="277"/>
      <c r="H1145" s="277"/>
      <c r="I1145" s="277"/>
      <c r="J1145" s="277"/>
      <c r="K1145" s="277"/>
    </row>
    <row r="1146" spans="3:11" x14ac:dyDescent="0.2">
      <c r="C1146" s="277"/>
      <c r="D1146" s="277"/>
      <c r="E1146" s="277"/>
      <c r="F1146" s="277"/>
      <c r="G1146" s="277"/>
      <c r="H1146" s="277"/>
      <c r="I1146" s="277"/>
      <c r="J1146" s="277"/>
      <c r="K1146" s="277"/>
    </row>
    <row r="1147" spans="3:11" x14ac:dyDescent="0.2">
      <c r="C1147" s="277"/>
      <c r="D1147" s="277"/>
      <c r="E1147" s="277"/>
      <c r="F1147" s="277"/>
      <c r="G1147" s="277"/>
      <c r="H1147" s="277"/>
      <c r="I1147" s="277"/>
      <c r="J1147" s="277"/>
      <c r="K1147" s="277"/>
    </row>
    <row r="1148" spans="3:11" x14ac:dyDescent="0.2">
      <c r="C1148" s="277"/>
      <c r="D1148" s="277"/>
      <c r="E1148" s="277"/>
      <c r="F1148" s="277"/>
      <c r="G1148" s="277"/>
      <c r="H1148" s="277"/>
      <c r="I1148" s="277"/>
      <c r="J1148" s="277"/>
      <c r="K1148" s="277"/>
    </row>
    <row r="1149" spans="3:11" x14ac:dyDescent="0.2">
      <c r="C1149" s="277"/>
      <c r="D1149" s="277"/>
      <c r="E1149" s="277"/>
      <c r="F1149" s="277"/>
      <c r="G1149" s="277"/>
      <c r="H1149" s="277"/>
      <c r="I1149" s="277"/>
      <c r="J1149" s="277"/>
      <c r="K1149" s="277"/>
    </row>
    <row r="1150" spans="3:11" x14ac:dyDescent="0.2">
      <c r="C1150" s="277"/>
      <c r="D1150" s="277"/>
      <c r="E1150" s="277"/>
      <c r="F1150" s="277"/>
      <c r="G1150" s="277"/>
      <c r="H1150" s="277"/>
      <c r="I1150" s="277"/>
      <c r="J1150" s="277"/>
      <c r="K1150" s="277"/>
    </row>
    <row r="1151" spans="3:11" x14ac:dyDescent="0.2">
      <c r="C1151" s="277"/>
      <c r="D1151" s="277"/>
      <c r="E1151" s="277"/>
      <c r="F1151" s="277"/>
      <c r="G1151" s="277"/>
      <c r="H1151" s="277"/>
      <c r="I1151" s="277"/>
      <c r="J1151" s="277"/>
      <c r="K1151" s="277"/>
    </row>
    <row r="1152" spans="3:11" x14ac:dyDescent="0.2">
      <c r="C1152" s="277"/>
      <c r="D1152" s="277"/>
      <c r="E1152" s="277"/>
      <c r="F1152" s="277"/>
      <c r="G1152" s="277"/>
      <c r="H1152" s="277"/>
      <c r="I1152" s="277"/>
      <c r="J1152" s="277"/>
      <c r="K1152" s="277"/>
    </row>
    <row r="1153" spans="3:11" x14ac:dyDescent="0.2">
      <c r="C1153" s="277"/>
      <c r="D1153" s="277"/>
      <c r="E1153" s="277"/>
      <c r="F1153" s="277"/>
      <c r="G1153" s="277"/>
      <c r="H1153" s="277"/>
      <c r="I1153" s="277"/>
      <c r="J1153" s="277"/>
      <c r="K1153" s="277"/>
    </row>
    <row r="1154" spans="3:11" x14ac:dyDescent="0.2">
      <c r="C1154" s="277"/>
      <c r="D1154" s="277"/>
      <c r="E1154" s="277"/>
      <c r="F1154" s="277"/>
      <c r="G1154" s="277"/>
      <c r="H1154" s="277"/>
      <c r="I1154" s="277"/>
      <c r="J1154" s="277"/>
      <c r="K1154" s="277"/>
    </row>
    <row r="1155" spans="3:11" x14ac:dyDescent="0.2">
      <c r="C1155" s="277"/>
      <c r="D1155" s="277"/>
      <c r="E1155" s="277"/>
      <c r="F1155" s="277"/>
      <c r="G1155" s="277"/>
      <c r="H1155" s="277"/>
      <c r="I1155" s="277"/>
      <c r="J1155" s="277"/>
      <c r="K1155" s="277"/>
    </row>
    <row r="1156" spans="3:11" x14ac:dyDescent="0.2">
      <c r="C1156" s="277"/>
      <c r="D1156" s="277"/>
      <c r="E1156" s="277"/>
      <c r="F1156" s="277"/>
      <c r="G1156" s="277"/>
      <c r="H1156" s="277"/>
      <c r="I1156" s="277"/>
      <c r="J1156" s="277"/>
      <c r="K1156" s="277"/>
    </row>
    <row r="1157" spans="3:11" x14ac:dyDescent="0.2">
      <c r="C1157" s="277"/>
      <c r="D1157" s="277"/>
      <c r="E1157" s="277"/>
      <c r="F1157" s="277"/>
      <c r="G1157" s="277"/>
      <c r="H1157" s="277"/>
      <c r="I1157" s="277"/>
      <c r="J1157" s="277"/>
      <c r="K1157" s="277"/>
    </row>
    <row r="1158" spans="3:11" x14ac:dyDescent="0.2">
      <c r="C1158" s="277"/>
      <c r="D1158" s="277"/>
      <c r="E1158" s="277"/>
      <c r="F1158" s="277"/>
      <c r="G1158" s="277"/>
      <c r="H1158" s="277"/>
      <c r="I1158" s="277"/>
      <c r="J1158" s="277"/>
      <c r="K1158" s="277"/>
    </row>
    <row r="1159" spans="3:11" x14ac:dyDescent="0.2">
      <c r="C1159" s="277"/>
      <c r="D1159" s="277"/>
      <c r="E1159" s="277"/>
      <c r="F1159" s="277"/>
      <c r="G1159" s="277"/>
      <c r="H1159" s="277"/>
      <c r="I1159" s="277"/>
      <c r="J1159" s="277"/>
      <c r="K1159" s="277"/>
    </row>
    <row r="1160" spans="3:11" x14ac:dyDescent="0.2">
      <c r="C1160" s="277"/>
      <c r="D1160" s="277"/>
      <c r="E1160" s="277"/>
      <c r="F1160" s="277"/>
      <c r="G1160" s="277"/>
      <c r="H1160" s="277"/>
      <c r="I1160" s="277"/>
      <c r="J1160" s="277"/>
      <c r="K1160" s="277"/>
    </row>
    <row r="1161" spans="3:11" x14ac:dyDescent="0.2">
      <c r="C1161" s="277"/>
      <c r="D1161" s="277"/>
      <c r="E1161" s="277"/>
      <c r="F1161" s="277"/>
      <c r="G1161" s="277"/>
      <c r="H1161" s="277"/>
      <c r="I1161" s="277"/>
      <c r="J1161" s="277"/>
      <c r="K1161" s="277"/>
    </row>
    <row r="1162" spans="3:11" x14ac:dyDescent="0.2">
      <c r="C1162" s="277"/>
      <c r="D1162" s="277"/>
      <c r="E1162" s="277"/>
      <c r="F1162" s="277"/>
      <c r="G1162" s="277"/>
      <c r="H1162" s="277"/>
      <c r="I1162" s="277"/>
      <c r="J1162" s="277"/>
      <c r="K1162" s="277"/>
    </row>
    <row r="1163" spans="3:11" x14ac:dyDescent="0.2">
      <c r="C1163" s="277"/>
      <c r="D1163" s="277"/>
      <c r="E1163" s="277"/>
      <c r="F1163" s="277"/>
      <c r="G1163" s="277"/>
      <c r="H1163" s="277"/>
      <c r="I1163" s="277"/>
      <c r="J1163" s="277"/>
      <c r="K1163" s="277"/>
    </row>
    <row r="1164" spans="3:11" x14ac:dyDescent="0.2">
      <c r="C1164" s="277"/>
      <c r="D1164" s="277"/>
      <c r="E1164" s="277"/>
      <c r="F1164" s="277"/>
      <c r="G1164" s="277"/>
      <c r="H1164" s="277"/>
      <c r="I1164" s="277"/>
      <c r="J1164" s="277"/>
      <c r="K1164" s="277"/>
    </row>
    <row r="1165" spans="3:11" x14ac:dyDescent="0.2">
      <c r="C1165" s="277"/>
      <c r="D1165" s="277"/>
      <c r="E1165" s="277"/>
      <c r="F1165" s="277"/>
      <c r="G1165" s="277"/>
      <c r="H1165" s="277"/>
      <c r="I1165" s="277"/>
      <c r="J1165" s="277"/>
      <c r="K1165" s="277"/>
    </row>
    <row r="1166" spans="3:11" x14ac:dyDescent="0.2">
      <c r="C1166" s="277"/>
      <c r="D1166" s="277"/>
      <c r="E1166" s="277"/>
      <c r="F1166" s="277"/>
      <c r="G1166" s="277"/>
      <c r="H1166" s="277"/>
      <c r="I1166" s="277"/>
      <c r="J1166" s="277"/>
      <c r="K1166" s="277"/>
    </row>
    <row r="1167" spans="3:11" x14ac:dyDescent="0.2">
      <c r="C1167" s="277"/>
      <c r="D1167" s="277"/>
      <c r="E1167" s="277"/>
      <c r="F1167" s="277"/>
      <c r="G1167" s="277"/>
      <c r="H1167" s="277"/>
      <c r="I1167" s="277"/>
      <c r="J1167" s="277"/>
      <c r="K1167" s="277"/>
    </row>
    <row r="1168" spans="3:11" x14ac:dyDescent="0.2">
      <c r="C1168" s="277"/>
      <c r="D1168" s="277"/>
      <c r="E1168" s="277"/>
      <c r="F1168" s="277"/>
      <c r="G1168" s="277"/>
      <c r="H1168" s="277"/>
      <c r="I1168" s="277"/>
      <c r="J1168" s="277"/>
      <c r="K1168" s="277"/>
    </row>
    <row r="1169" spans="3:11" x14ac:dyDescent="0.2">
      <c r="C1169" s="277"/>
      <c r="D1169" s="277"/>
      <c r="E1169" s="277"/>
      <c r="F1169" s="277"/>
      <c r="G1169" s="277"/>
      <c r="H1169" s="277"/>
      <c r="I1169" s="277"/>
      <c r="J1169" s="277"/>
      <c r="K1169" s="277"/>
    </row>
    <row r="1170" spans="3:11" x14ac:dyDescent="0.2">
      <c r="C1170" s="277"/>
      <c r="D1170" s="277"/>
      <c r="E1170" s="277"/>
      <c r="F1170" s="277"/>
      <c r="G1170" s="277"/>
      <c r="H1170" s="277"/>
      <c r="I1170" s="277"/>
      <c r="J1170" s="277"/>
      <c r="K1170" s="277"/>
    </row>
    <row r="1171" spans="3:11" x14ac:dyDescent="0.2">
      <c r="C1171" s="277"/>
      <c r="D1171" s="277"/>
      <c r="E1171" s="277"/>
      <c r="F1171" s="277"/>
      <c r="G1171" s="277"/>
      <c r="H1171" s="277"/>
      <c r="I1171" s="277"/>
      <c r="J1171" s="277"/>
      <c r="K1171" s="277"/>
    </row>
    <row r="1172" spans="3:11" x14ac:dyDescent="0.2">
      <c r="C1172" s="277"/>
      <c r="D1172" s="277"/>
      <c r="E1172" s="277"/>
      <c r="F1172" s="277"/>
      <c r="G1172" s="277"/>
      <c r="H1172" s="277"/>
      <c r="I1172" s="277"/>
      <c r="J1172" s="277"/>
      <c r="K1172" s="277"/>
    </row>
    <row r="1173" spans="3:11" x14ac:dyDescent="0.2">
      <c r="C1173" s="277"/>
      <c r="D1173" s="277"/>
      <c r="E1173" s="277"/>
      <c r="F1173" s="277"/>
      <c r="G1173" s="277"/>
      <c r="H1173" s="277"/>
      <c r="I1173" s="277"/>
      <c r="J1173" s="277"/>
      <c r="K1173" s="277"/>
    </row>
    <row r="1174" spans="3:11" x14ac:dyDescent="0.2">
      <c r="C1174" s="277"/>
      <c r="D1174" s="277"/>
      <c r="E1174" s="277"/>
      <c r="F1174" s="277"/>
      <c r="G1174" s="277"/>
      <c r="H1174" s="277"/>
      <c r="I1174" s="277"/>
      <c r="J1174" s="277"/>
      <c r="K1174" s="277"/>
    </row>
    <row r="1175" spans="3:11" x14ac:dyDescent="0.2">
      <c r="C1175" s="277"/>
      <c r="D1175" s="277"/>
      <c r="E1175" s="277"/>
      <c r="F1175" s="277"/>
      <c r="G1175" s="277"/>
      <c r="H1175" s="277"/>
      <c r="I1175" s="277"/>
      <c r="J1175" s="277"/>
      <c r="K1175" s="277"/>
    </row>
    <row r="1176" spans="3:11" x14ac:dyDescent="0.2">
      <c r="C1176" s="277"/>
      <c r="D1176" s="277"/>
      <c r="E1176" s="277"/>
      <c r="F1176" s="277"/>
      <c r="G1176" s="277"/>
      <c r="H1176" s="277"/>
      <c r="I1176" s="277"/>
      <c r="J1176" s="277"/>
      <c r="K1176" s="277"/>
    </row>
    <row r="1177" spans="3:11" x14ac:dyDescent="0.2">
      <c r="C1177" s="277"/>
      <c r="D1177" s="277"/>
      <c r="E1177" s="277"/>
      <c r="F1177" s="277"/>
      <c r="G1177" s="277"/>
      <c r="H1177" s="277"/>
      <c r="I1177" s="277"/>
      <c r="J1177" s="277"/>
      <c r="K1177" s="277"/>
    </row>
    <row r="1178" spans="3:11" x14ac:dyDescent="0.2">
      <c r="C1178" s="277"/>
      <c r="D1178" s="277"/>
      <c r="E1178" s="277"/>
      <c r="F1178" s="277"/>
      <c r="G1178" s="277"/>
      <c r="H1178" s="277"/>
      <c r="I1178" s="277"/>
      <c r="J1178" s="277"/>
      <c r="K1178" s="277"/>
    </row>
    <row r="1179" spans="3:11" x14ac:dyDescent="0.2">
      <c r="C1179" s="277"/>
      <c r="D1179" s="277"/>
      <c r="E1179" s="277"/>
      <c r="F1179" s="277"/>
      <c r="G1179" s="277"/>
      <c r="H1179" s="277"/>
      <c r="I1179" s="277"/>
      <c r="J1179" s="277"/>
      <c r="K1179" s="277"/>
    </row>
    <row r="1180" spans="3:11" x14ac:dyDescent="0.2">
      <c r="C1180" s="277"/>
      <c r="D1180" s="277"/>
      <c r="E1180" s="277"/>
      <c r="F1180" s="277"/>
      <c r="G1180" s="277"/>
      <c r="H1180" s="277"/>
      <c r="I1180" s="277"/>
      <c r="J1180" s="277"/>
      <c r="K1180" s="277"/>
    </row>
    <row r="1181" spans="3:11" x14ac:dyDescent="0.2">
      <c r="C1181" s="277"/>
      <c r="D1181" s="277"/>
      <c r="E1181" s="277"/>
      <c r="F1181" s="277"/>
      <c r="G1181" s="277"/>
      <c r="H1181" s="277"/>
      <c r="I1181" s="277"/>
      <c r="J1181" s="277"/>
      <c r="K1181" s="277"/>
    </row>
    <row r="1182" spans="3:11" x14ac:dyDescent="0.2">
      <c r="C1182" s="277"/>
      <c r="D1182" s="277"/>
      <c r="E1182" s="277"/>
      <c r="F1182" s="277"/>
      <c r="G1182" s="277"/>
      <c r="H1182" s="277"/>
      <c r="I1182" s="277"/>
      <c r="J1182" s="277"/>
      <c r="K1182" s="277"/>
    </row>
    <row r="1183" spans="3:11" x14ac:dyDescent="0.2">
      <c r="C1183" s="277"/>
      <c r="D1183" s="277"/>
      <c r="E1183" s="277"/>
      <c r="F1183" s="277"/>
      <c r="G1183" s="277"/>
      <c r="H1183" s="277"/>
      <c r="I1183" s="277"/>
      <c r="J1183" s="277"/>
      <c r="K1183" s="277"/>
    </row>
    <row r="1184" spans="3:11" x14ac:dyDescent="0.2">
      <c r="C1184" s="277"/>
      <c r="D1184" s="277"/>
      <c r="E1184" s="277"/>
      <c r="F1184" s="277"/>
      <c r="G1184" s="277"/>
      <c r="H1184" s="277"/>
      <c r="I1184" s="277"/>
      <c r="J1184" s="277"/>
      <c r="K1184" s="277"/>
    </row>
    <row r="1185" spans="3:11" x14ac:dyDescent="0.2">
      <c r="C1185" s="277"/>
      <c r="D1185" s="277"/>
      <c r="E1185" s="277"/>
      <c r="F1185" s="277"/>
      <c r="G1185" s="277"/>
      <c r="H1185" s="277"/>
      <c r="I1185" s="277"/>
      <c r="J1185" s="277"/>
      <c r="K1185" s="277"/>
    </row>
    <row r="1186" spans="3:11" x14ac:dyDescent="0.2">
      <c r="C1186" s="277"/>
      <c r="D1186" s="277"/>
      <c r="E1186" s="277"/>
      <c r="F1186" s="277"/>
      <c r="G1186" s="277"/>
      <c r="H1186" s="277"/>
      <c r="I1186" s="277"/>
      <c r="J1186" s="277"/>
      <c r="K1186" s="277"/>
    </row>
    <row r="1187" spans="3:11" x14ac:dyDescent="0.2">
      <c r="C1187" s="277"/>
      <c r="D1187" s="277"/>
      <c r="E1187" s="277"/>
      <c r="F1187" s="277"/>
      <c r="G1187" s="277"/>
      <c r="H1187" s="277"/>
      <c r="I1187" s="277"/>
      <c r="J1187" s="277"/>
      <c r="K1187" s="277"/>
    </row>
    <row r="1188" spans="3:11" x14ac:dyDescent="0.2">
      <c r="C1188" s="277"/>
      <c r="D1188" s="277"/>
      <c r="E1188" s="277"/>
      <c r="F1188" s="277"/>
      <c r="G1188" s="277"/>
      <c r="H1188" s="277"/>
      <c r="I1188" s="277"/>
      <c r="J1188" s="277"/>
      <c r="K1188" s="277"/>
    </row>
    <row r="1189" spans="3:11" x14ac:dyDescent="0.2">
      <c r="C1189" s="277"/>
      <c r="D1189" s="277"/>
      <c r="E1189" s="277"/>
      <c r="F1189" s="277"/>
      <c r="G1189" s="277"/>
      <c r="H1189" s="277"/>
      <c r="I1189" s="277"/>
      <c r="J1189" s="277"/>
      <c r="K1189" s="277"/>
    </row>
    <row r="1190" spans="3:11" x14ac:dyDescent="0.2">
      <c r="C1190" s="277"/>
      <c r="D1190" s="277"/>
      <c r="E1190" s="277"/>
      <c r="F1190" s="277"/>
      <c r="G1190" s="277"/>
      <c r="H1190" s="277"/>
      <c r="I1190" s="277"/>
      <c r="J1190" s="277"/>
      <c r="K1190" s="277"/>
    </row>
    <row r="1191" spans="3:11" x14ac:dyDescent="0.2">
      <c r="C1191" s="277"/>
      <c r="D1191" s="277"/>
      <c r="E1191" s="277"/>
      <c r="F1191" s="277"/>
      <c r="G1191" s="277"/>
      <c r="H1191" s="277"/>
      <c r="I1191" s="277"/>
      <c r="J1191" s="277"/>
      <c r="K1191" s="277"/>
    </row>
    <row r="1192" spans="3:11" x14ac:dyDescent="0.2">
      <c r="C1192" s="277"/>
      <c r="D1192" s="277"/>
      <c r="E1192" s="277"/>
      <c r="F1192" s="277"/>
      <c r="G1192" s="277"/>
      <c r="H1192" s="277"/>
      <c r="I1192" s="277"/>
      <c r="J1192" s="277"/>
      <c r="K1192" s="277"/>
    </row>
    <row r="1193" spans="3:11" x14ac:dyDescent="0.2">
      <c r="C1193" s="277"/>
      <c r="D1193" s="277"/>
      <c r="E1193" s="277"/>
      <c r="F1193" s="277"/>
      <c r="G1193" s="277"/>
      <c r="H1193" s="277"/>
      <c r="I1193" s="277"/>
      <c r="J1193" s="277"/>
      <c r="K1193" s="277"/>
    </row>
    <row r="1194" spans="3:11" x14ac:dyDescent="0.2">
      <c r="C1194" s="277"/>
      <c r="D1194" s="277"/>
      <c r="E1194" s="277"/>
      <c r="F1194" s="277"/>
      <c r="G1194" s="277"/>
      <c r="H1194" s="277"/>
      <c r="I1194" s="277"/>
      <c r="J1194" s="277"/>
      <c r="K1194" s="277"/>
    </row>
    <row r="1195" spans="3:11" x14ac:dyDescent="0.2">
      <c r="C1195" s="277"/>
      <c r="D1195" s="277"/>
      <c r="E1195" s="277"/>
      <c r="F1195" s="277"/>
      <c r="G1195" s="277"/>
      <c r="H1195" s="277"/>
      <c r="I1195" s="277"/>
      <c r="J1195" s="277"/>
      <c r="K1195" s="277"/>
    </row>
    <row r="1196" spans="3:11" x14ac:dyDescent="0.2">
      <c r="C1196" s="277"/>
      <c r="D1196" s="277"/>
      <c r="E1196" s="277"/>
      <c r="F1196" s="277"/>
      <c r="G1196" s="277"/>
      <c r="H1196" s="277"/>
      <c r="I1196" s="277"/>
      <c r="J1196" s="277"/>
      <c r="K1196" s="277"/>
    </row>
    <row r="1197" spans="3:11" x14ac:dyDescent="0.2">
      <c r="C1197" s="277"/>
      <c r="D1197" s="277"/>
      <c r="E1197" s="277"/>
      <c r="F1197" s="277"/>
      <c r="G1197" s="277"/>
      <c r="H1197" s="277"/>
      <c r="I1197" s="277"/>
      <c r="J1197" s="277"/>
      <c r="K1197" s="277"/>
    </row>
    <row r="1198" spans="3:11" x14ac:dyDescent="0.2">
      <c r="C1198" s="277"/>
      <c r="D1198" s="277"/>
      <c r="E1198" s="277"/>
      <c r="F1198" s="277"/>
      <c r="G1198" s="277"/>
      <c r="H1198" s="277"/>
      <c r="I1198" s="277"/>
      <c r="J1198" s="277"/>
      <c r="K1198" s="277"/>
    </row>
    <row r="1199" spans="3:11" x14ac:dyDescent="0.2">
      <c r="C1199" s="277"/>
      <c r="D1199" s="277"/>
      <c r="E1199" s="277"/>
      <c r="F1199" s="277"/>
      <c r="G1199" s="277"/>
      <c r="H1199" s="277"/>
      <c r="I1199" s="277"/>
      <c r="J1199" s="277"/>
      <c r="K1199" s="277"/>
    </row>
    <row r="1200" spans="3:11" x14ac:dyDescent="0.2">
      <c r="C1200" s="277"/>
      <c r="D1200" s="277"/>
      <c r="E1200" s="277"/>
      <c r="F1200" s="277"/>
      <c r="G1200" s="277"/>
      <c r="H1200" s="277"/>
      <c r="I1200" s="277"/>
      <c r="J1200" s="277"/>
      <c r="K1200" s="277"/>
    </row>
    <row r="1201" spans="3:11" x14ac:dyDescent="0.2">
      <c r="C1201" s="277"/>
      <c r="D1201" s="277"/>
      <c r="E1201" s="277"/>
      <c r="F1201" s="277"/>
      <c r="G1201" s="277"/>
      <c r="H1201" s="277"/>
      <c r="I1201" s="277"/>
      <c r="J1201" s="277"/>
      <c r="K1201" s="277"/>
    </row>
    <row r="1202" spans="3:11" x14ac:dyDescent="0.2">
      <c r="C1202" s="277"/>
      <c r="D1202" s="277"/>
      <c r="E1202" s="277"/>
      <c r="F1202" s="277"/>
      <c r="G1202" s="277"/>
      <c r="H1202" s="277"/>
      <c r="I1202" s="277"/>
      <c r="J1202" s="277"/>
      <c r="K1202" s="277"/>
    </row>
    <row r="1203" spans="3:11" x14ac:dyDescent="0.2">
      <c r="C1203" s="277"/>
      <c r="D1203" s="277"/>
      <c r="E1203" s="277"/>
      <c r="F1203" s="277"/>
      <c r="G1203" s="277"/>
      <c r="H1203" s="277"/>
      <c r="I1203" s="277"/>
      <c r="J1203" s="277"/>
      <c r="K1203" s="277"/>
    </row>
    <row r="1204" spans="3:11" x14ac:dyDescent="0.2">
      <c r="C1204" s="277"/>
      <c r="D1204" s="277"/>
      <c r="E1204" s="277"/>
      <c r="F1204" s="277"/>
      <c r="G1204" s="277"/>
      <c r="H1204" s="277"/>
      <c r="I1204" s="277"/>
      <c r="J1204" s="277"/>
      <c r="K1204" s="277"/>
    </row>
    <row r="1205" spans="3:11" x14ac:dyDescent="0.2">
      <c r="C1205" s="277"/>
      <c r="D1205" s="277"/>
      <c r="E1205" s="277"/>
      <c r="F1205" s="277"/>
      <c r="G1205" s="277"/>
      <c r="H1205" s="277"/>
      <c r="I1205" s="277"/>
      <c r="J1205" s="277"/>
      <c r="K1205" s="277"/>
    </row>
    <row r="1206" spans="3:11" x14ac:dyDescent="0.2">
      <c r="C1206" s="277"/>
      <c r="D1206" s="277"/>
      <c r="E1206" s="277"/>
      <c r="F1206" s="277"/>
      <c r="G1206" s="277"/>
      <c r="H1206" s="277"/>
      <c r="I1206" s="277"/>
      <c r="J1206" s="277"/>
      <c r="K1206" s="277"/>
    </row>
    <row r="1207" spans="3:11" x14ac:dyDescent="0.2">
      <c r="C1207" s="277"/>
      <c r="D1207" s="277"/>
      <c r="E1207" s="277"/>
      <c r="F1207" s="277"/>
      <c r="G1207" s="277"/>
      <c r="H1207" s="277"/>
      <c r="I1207" s="277"/>
      <c r="J1207" s="277"/>
      <c r="K1207" s="277"/>
    </row>
    <row r="1208" spans="3:11" x14ac:dyDescent="0.2">
      <c r="C1208" s="277"/>
      <c r="D1208" s="277"/>
      <c r="E1208" s="277"/>
      <c r="F1208" s="277"/>
      <c r="G1208" s="277"/>
      <c r="H1208" s="277"/>
      <c r="I1208" s="277"/>
      <c r="J1208" s="277"/>
      <c r="K1208" s="277"/>
    </row>
    <row r="1209" spans="3:11" x14ac:dyDescent="0.2">
      <c r="C1209" s="277"/>
      <c r="D1209" s="277"/>
      <c r="E1209" s="277"/>
      <c r="F1209" s="277"/>
      <c r="G1209" s="277"/>
      <c r="H1209" s="277"/>
      <c r="I1209" s="277"/>
      <c r="J1209" s="277"/>
      <c r="K1209" s="277"/>
    </row>
    <row r="1210" spans="3:11" x14ac:dyDescent="0.2">
      <c r="C1210" s="277"/>
      <c r="D1210" s="277"/>
      <c r="E1210" s="277"/>
      <c r="F1210" s="277"/>
      <c r="G1210" s="277"/>
      <c r="H1210" s="277"/>
      <c r="I1210" s="277"/>
      <c r="J1210" s="277"/>
      <c r="K1210" s="277"/>
    </row>
    <row r="1211" spans="3:11" x14ac:dyDescent="0.2">
      <c r="C1211" s="277"/>
      <c r="D1211" s="277"/>
      <c r="E1211" s="277"/>
      <c r="F1211" s="277"/>
      <c r="G1211" s="277"/>
      <c r="H1211" s="277"/>
      <c r="I1211" s="277"/>
      <c r="J1211" s="277"/>
      <c r="K1211" s="277"/>
    </row>
    <row r="1212" spans="3:11" x14ac:dyDescent="0.2">
      <c r="C1212" s="277"/>
      <c r="D1212" s="277"/>
      <c r="E1212" s="277"/>
      <c r="F1212" s="277"/>
      <c r="G1212" s="277"/>
      <c r="H1212" s="277"/>
      <c r="I1212" s="277"/>
      <c r="J1212" s="277"/>
      <c r="K1212" s="277"/>
    </row>
    <row r="1213" spans="3:11" x14ac:dyDescent="0.2">
      <c r="C1213" s="277"/>
      <c r="D1213" s="277"/>
      <c r="E1213" s="277"/>
      <c r="F1213" s="277"/>
      <c r="G1213" s="277"/>
      <c r="H1213" s="277"/>
      <c r="I1213" s="277"/>
      <c r="J1213" s="277"/>
      <c r="K1213" s="277"/>
    </row>
    <row r="1214" spans="3:11" x14ac:dyDescent="0.2">
      <c r="C1214" s="277"/>
      <c r="D1214" s="277"/>
      <c r="E1214" s="277"/>
      <c r="F1214" s="277"/>
      <c r="G1214" s="277"/>
      <c r="H1214" s="277"/>
      <c r="I1214" s="277"/>
      <c r="J1214" s="277"/>
      <c r="K1214" s="277"/>
    </row>
    <row r="1215" spans="3:11" x14ac:dyDescent="0.2">
      <c r="C1215" s="277"/>
      <c r="D1215" s="277"/>
      <c r="E1215" s="277"/>
      <c r="F1215" s="277"/>
      <c r="G1215" s="277"/>
      <c r="H1215" s="277"/>
      <c r="I1215" s="277"/>
      <c r="J1215" s="277"/>
      <c r="K1215" s="277"/>
    </row>
    <row r="1216" spans="3:11" x14ac:dyDescent="0.2">
      <c r="C1216" s="277"/>
      <c r="D1216" s="277"/>
      <c r="E1216" s="277"/>
      <c r="F1216" s="277"/>
      <c r="G1216" s="277"/>
      <c r="H1216" s="277"/>
      <c r="I1216" s="277"/>
      <c r="J1216" s="277"/>
      <c r="K1216" s="277"/>
    </row>
    <row r="1217" spans="3:11" x14ac:dyDescent="0.2">
      <c r="C1217" s="277"/>
      <c r="D1217" s="277"/>
      <c r="E1217" s="277"/>
      <c r="F1217" s="277"/>
      <c r="G1217" s="277"/>
      <c r="H1217" s="277"/>
      <c r="I1217" s="277"/>
      <c r="J1217" s="277"/>
      <c r="K1217" s="277"/>
    </row>
    <row r="1218" spans="3:11" x14ac:dyDescent="0.2">
      <c r="C1218" s="277"/>
      <c r="D1218" s="277"/>
      <c r="E1218" s="277"/>
      <c r="F1218" s="277"/>
      <c r="G1218" s="277"/>
      <c r="H1218" s="277"/>
      <c r="I1218" s="277"/>
      <c r="J1218" s="277"/>
      <c r="K1218" s="277"/>
    </row>
    <row r="1219" spans="3:11" x14ac:dyDescent="0.2">
      <c r="C1219" s="277"/>
      <c r="D1219" s="277"/>
      <c r="E1219" s="277"/>
      <c r="F1219" s="277"/>
      <c r="G1219" s="277"/>
      <c r="H1219" s="277"/>
      <c r="I1219" s="277"/>
      <c r="J1219" s="277"/>
      <c r="K1219" s="277"/>
    </row>
    <row r="1220" spans="3:11" x14ac:dyDescent="0.2">
      <c r="C1220" s="277"/>
      <c r="D1220" s="277"/>
      <c r="E1220" s="277"/>
      <c r="F1220" s="277"/>
      <c r="G1220" s="277"/>
      <c r="H1220" s="277"/>
      <c r="I1220" s="277"/>
      <c r="J1220" s="277"/>
      <c r="K1220" s="277"/>
    </row>
    <row r="1221" spans="3:11" x14ac:dyDescent="0.2">
      <c r="C1221" s="277"/>
      <c r="D1221" s="277"/>
      <c r="E1221" s="277"/>
      <c r="F1221" s="277"/>
      <c r="G1221" s="277"/>
      <c r="H1221" s="277"/>
      <c r="I1221" s="277"/>
      <c r="J1221" s="277"/>
      <c r="K1221" s="277"/>
    </row>
    <row r="1222" spans="3:11" x14ac:dyDescent="0.2">
      <c r="C1222" s="277"/>
      <c r="D1222" s="277"/>
      <c r="E1222" s="277"/>
      <c r="F1222" s="277"/>
      <c r="G1222" s="277"/>
      <c r="H1222" s="277"/>
      <c r="I1222" s="277"/>
      <c r="J1222" s="277"/>
      <c r="K1222" s="277"/>
    </row>
    <row r="1223" spans="3:11" x14ac:dyDescent="0.2">
      <c r="C1223" s="277"/>
      <c r="D1223" s="277"/>
      <c r="E1223" s="277"/>
      <c r="F1223" s="277"/>
      <c r="G1223" s="277"/>
      <c r="H1223" s="277"/>
      <c r="I1223" s="277"/>
      <c r="J1223" s="277"/>
      <c r="K1223" s="277"/>
    </row>
    <row r="1224" spans="3:11" x14ac:dyDescent="0.2">
      <c r="C1224" s="277"/>
      <c r="D1224" s="277"/>
      <c r="E1224" s="277"/>
      <c r="F1224" s="277"/>
      <c r="G1224" s="277"/>
      <c r="H1224" s="277"/>
      <c r="I1224" s="277"/>
      <c r="J1224" s="277"/>
      <c r="K1224" s="277"/>
    </row>
    <row r="1225" spans="3:11" x14ac:dyDescent="0.2">
      <c r="C1225" s="277"/>
      <c r="D1225" s="277"/>
      <c r="E1225" s="277"/>
      <c r="F1225" s="277"/>
      <c r="G1225" s="277"/>
      <c r="H1225" s="277"/>
      <c r="I1225" s="277"/>
      <c r="J1225" s="277"/>
      <c r="K1225" s="277"/>
    </row>
    <row r="1226" spans="3:11" x14ac:dyDescent="0.2">
      <c r="C1226" s="277"/>
      <c r="D1226" s="277"/>
      <c r="E1226" s="277"/>
      <c r="F1226" s="277"/>
      <c r="G1226" s="277"/>
      <c r="H1226" s="277"/>
      <c r="I1226" s="277"/>
      <c r="J1226" s="277"/>
      <c r="K1226" s="277"/>
    </row>
    <row r="1227" spans="3:11" x14ac:dyDescent="0.2">
      <c r="C1227" s="277"/>
      <c r="D1227" s="277"/>
      <c r="E1227" s="277"/>
      <c r="F1227" s="277"/>
      <c r="G1227" s="277"/>
      <c r="H1227" s="277"/>
      <c r="I1227" s="277"/>
      <c r="J1227" s="277"/>
      <c r="K1227" s="277"/>
    </row>
    <row r="1228" spans="3:11" x14ac:dyDescent="0.2">
      <c r="C1228" s="277"/>
      <c r="D1228" s="277"/>
      <c r="E1228" s="277"/>
      <c r="F1228" s="277"/>
      <c r="G1228" s="277"/>
      <c r="H1228" s="277"/>
      <c r="I1228" s="277"/>
      <c r="J1228" s="277"/>
      <c r="K1228" s="277"/>
    </row>
    <row r="1229" spans="3:11" x14ac:dyDescent="0.2">
      <c r="C1229" s="277"/>
      <c r="D1229" s="277"/>
      <c r="E1229" s="277"/>
      <c r="F1229" s="277"/>
      <c r="G1229" s="277"/>
      <c r="H1229" s="277"/>
      <c r="I1229" s="277"/>
      <c r="J1229" s="277"/>
      <c r="K1229" s="277"/>
    </row>
    <row r="1230" spans="3:11" x14ac:dyDescent="0.2">
      <c r="C1230" s="277"/>
      <c r="D1230" s="277"/>
      <c r="E1230" s="277"/>
      <c r="F1230" s="277"/>
      <c r="G1230" s="277"/>
      <c r="H1230" s="277"/>
      <c r="I1230" s="277"/>
      <c r="J1230" s="277"/>
      <c r="K1230" s="277"/>
    </row>
    <row r="1231" spans="3:11" x14ac:dyDescent="0.2">
      <c r="C1231" s="277"/>
      <c r="D1231" s="277"/>
      <c r="E1231" s="277"/>
      <c r="F1231" s="277"/>
      <c r="G1231" s="277"/>
      <c r="H1231" s="277"/>
      <c r="I1231" s="277"/>
      <c r="J1231" s="277"/>
      <c r="K1231" s="277"/>
    </row>
    <row r="1232" spans="3:11" x14ac:dyDescent="0.2">
      <c r="C1232" s="277"/>
      <c r="D1232" s="277"/>
      <c r="E1232" s="277"/>
      <c r="F1232" s="277"/>
      <c r="G1232" s="277"/>
      <c r="H1232" s="277"/>
      <c r="I1232" s="277"/>
      <c r="J1232" s="277"/>
      <c r="K1232" s="277"/>
    </row>
    <row r="1233" spans="3:11" x14ac:dyDescent="0.2">
      <c r="C1233" s="277"/>
      <c r="D1233" s="277"/>
      <c r="E1233" s="277"/>
      <c r="F1233" s="277"/>
      <c r="G1233" s="277"/>
      <c r="H1233" s="277"/>
      <c r="I1233" s="277"/>
      <c r="J1233" s="277"/>
      <c r="K1233" s="277"/>
    </row>
    <row r="1234" spans="3:11" x14ac:dyDescent="0.2">
      <c r="C1234" s="277"/>
      <c r="D1234" s="277"/>
      <c r="E1234" s="277"/>
      <c r="F1234" s="277"/>
      <c r="G1234" s="277"/>
      <c r="H1234" s="277"/>
      <c r="I1234" s="277"/>
      <c r="J1234" s="277"/>
      <c r="K1234" s="277"/>
    </row>
    <row r="1235" spans="3:11" x14ac:dyDescent="0.2">
      <c r="C1235" s="277"/>
      <c r="D1235" s="277"/>
      <c r="E1235" s="277"/>
      <c r="F1235" s="277"/>
      <c r="G1235" s="277"/>
      <c r="H1235" s="277"/>
      <c r="I1235" s="277"/>
      <c r="J1235" s="277"/>
      <c r="K1235" s="277"/>
    </row>
    <row r="1236" spans="3:11" x14ac:dyDescent="0.2">
      <c r="C1236" s="277"/>
      <c r="D1236" s="277"/>
      <c r="E1236" s="277"/>
      <c r="F1236" s="277"/>
      <c r="G1236" s="277"/>
      <c r="H1236" s="277"/>
      <c r="I1236" s="277"/>
      <c r="J1236" s="277"/>
      <c r="K1236" s="277"/>
    </row>
    <row r="1237" spans="3:11" x14ac:dyDescent="0.2">
      <c r="C1237" s="277"/>
      <c r="D1237" s="277"/>
      <c r="E1237" s="277"/>
      <c r="F1237" s="277"/>
      <c r="G1237" s="277"/>
      <c r="H1237" s="277"/>
      <c r="I1237" s="277"/>
      <c r="J1237" s="277"/>
      <c r="K1237" s="277"/>
    </row>
    <row r="1238" spans="3:11" x14ac:dyDescent="0.2">
      <c r="C1238" s="277"/>
      <c r="D1238" s="277"/>
      <c r="E1238" s="277"/>
      <c r="F1238" s="277"/>
      <c r="G1238" s="277"/>
      <c r="H1238" s="277"/>
      <c r="I1238" s="277"/>
      <c r="J1238" s="277"/>
      <c r="K1238" s="277"/>
    </row>
    <row r="1239" spans="3:11" x14ac:dyDescent="0.2">
      <c r="C1239" s="277"/>
      <c r="D1239" s="277"/>
      <c r="E1239" s="277"/>
      <c r="F1239" s="277"/>
      <c r="G1239" s="277"/>
      <c r="H1239" s="277"/>
      <c r="I1239" s="277"/>
      <c r="J1239" s="277"/>
      <c r="K1239" s="277"/>
    </row>
    <row r="1240" spans="3:11" x14ac:dyDescent="0.2">
      <c r="C1240" s="277"/>
      <c r="D1240" s="277"/>
      <c r="E1240" s="277"/>
      <c r="F1240" s="277"/>
      <c r="G1240" s="277"/>
      <c r="H1240" s="277"/>
      <c r="I1240" s="277"/>
      <c r="J1240" s="277"/>
      <c r="K1240" s="277"/>
    </row>
    <row r="1241" spans="3:11" x14ac:dyDescent="0.2">
      <c r="C1241" s="277"/>
      <c r="D1241" s="277"/>
      <c r="E1241" s="277"/>
      <c r="F1241" s="277"/>
      <c r="G1241" s="277"/>
      <c r="H1241" s="277"/>
      <c r="I1241" s="277"/>
      <c r="J1241" s="277"/>
      <c r="K1241" s="277"/>
    </row>
    <row r="1242" spans="3:11" x14ac:dyDescent="0.2">
      <c r="C1242" s="277"/>
      <c r="D1242" s="277"/>
      <c r="E1242" s="277"/>
      <c r="F1242" s="277"/>
      <c r="G1242" s="277"/>
      <c r="H1242" s="277"/>
      <c r="I1242" s="277"/>
      <c r="J1242" s="277"/>
      <c r="K1242" s="277"/>
    </row>
    <row r="1243" spans="3:11" x14ac:dyDescent="0.2">
      <c r="C1243" s="277"/>
      <c r="D1243" s="277"/>
      <c r="E1243" s="277"/>
      <c r="F1243" s="277"/>
      <c r="G1243" s="277"/>
      <c r="H1243" s="277"/>
      <c r="I1243" s="277"/>
      <c r="J1243" s="277"/>
      <c r="K1243" s="277"/>
    </row>
    <row r="1244" spans="3:11" x14ac:dyDescent="0.2">
      <c r="C1244" s="277"/>
      <c r="D1244" s="277"/>
      <c r="E1244" s="277"/>
      <c r="F1244" s="277"/>
      <c r="G1244" s="277"/>
      <c r="H1244" s="277"/>
      <c r="I1244" s="277"/>
      <c r="J1244" s="277"/>
      <c r="K1244" s="277"/>
    </row>
    <row r="1245" spans="3:11" x14ac:dyDescent="0.2">
      <c r="C1245" s="277"/>
      <c r="D1245" s="277"/>
      <c r="E1245" s="277"/>
      <c r="F1245" s="277"/>
      <c r="G1245" s="277"/>
      <c r="H1245" s="277"/>
      <c r="I1245" s="277"/>
      <c r="J1245" s="277"/>
      <c r="K1245" s="277"/>
    </row>
    <row r="1246" spans="3:11" x14ac:dyDescent="0.2">
      <c r="C1246" s="277"/>
      <c r="D1246" s="277"/>
      <c r="E1246" s="277"/>
      <c r="F1246" s="277"/>
      <c r="G1246" s="277"/>
      <c r="H1246" s="277"/>
      <c r="I1246" s="277"/>
      <c r="J1246" s="277"/>
      <c r="K1246" s="277"/>
    </row>
    <row r="1247" spans="3:11" x14ac:dyDescent="0.2">
      <c r="C1247" s="277"/>
      <c r="D1247" s="277"/>
      <c r="E1247" s="277"/>
      <c r="F1247" s="277"/>
      <c r="G1247" s="277"/>
      <c r="H1247" s="277"/>
      <c r="I1247" s="277"/>
      <c r="J1247" s="277"/>
      <c r="K1247" s="277"/>
    </row>
    <row r="1248" spans="3:11" x14ac:dyDescent="0.2">
      <c r="C1248" s="277"/>
      <c r="D1248" s="277"/>
      <c r="E1248" s="277"/>
      <c r="F1248" s="277"/>
      <c r="G1248" s="277"/>
      <c r="H1248" s="277"/>
      <c r="I1248" s="277"/>
      <c r="J1248" s="277"/>
      <c r="K1248" s="277"/>
    </row>
    <row r="1249" spans="3:11" x14ac:dyDescent="0.2">
      <c r="C1249" s="277"/>
      <c r="D1249" s="277"/>
      <c r="E1249" s="277"/>
      <c r="F1249" s="277"/>
      <c r="G1249" s="277"/>
      <c r="H1249" s="277"/>
      <c r="I1249" s="277"/>
      <c r="J1249" s="277"/>
      <c r="K1249" s="277"/>
    </row>
    <row r="1250" spans="3:11" x14ac:dyDescent="0.2">
      <c r="C1250" s="277"/>
      <c r="D1250" s="277"/>
      <c r="E1250" s="277"/>
      <c r="F1250" s="277"/>
      <c r="G1250" s="277"/>
      <c r="H1250" s="277"/>
      <c r="I1250" s="277"/>
      <c r="J1250" s="277"/>
      <c r="K1250" s="277"/>
    </row>
    <row r="1251" spans="3:11" x14ac:dyDescent="0.2">
      <c r="C1251" s="277"/>
      <c r="D1251" s="277"/>
      <c r="E1251" s="277"/>
      <c r="F1251" s="277"/>
      <c r="G1251" s="277"/>
      <c r="H1251" s="277"/>
      <c r="I1251" s="277"/>
      <c r="J1251" s="277"/>
      <c r="K1251" s="277"/>
    </row>
    <row r="1252" spans="3:11" x14ac:dyDescent="0.2">
      <c r="C1252" s="277"/>
      <c r="D1252" s="277"/>
      <c r="E1252" s="277"/>
      <c r="F1252" s="277"/>
      <c r="G1252" s="277"/>
      <c r="H1252" s="277"/>
      <c r="I1252" s="277"/>
      <c r="J1252" s="277"/>
      <c r="K1252" s="277"/>
    </row>
    <row r="1253" spans="3:11" x14ac:dyDescent="0.2">
      <c r="C1253" s="277"/>
      <c r="D1253" s="277"/>
      <c r="E1253" s="277"/>
      <c r="F1253" s="277"/>
      <c r="G1253" s="277"/>
      <c r="H1253" s="277"/>
      <c r="I1253" s="277"/>
      <c r="J1253" s="277"/>
      <c r="K1253" s="277"/>
    </row>
    <row r="1254" spans="3:11" x14ac:dyDescent="0.2">
      <c r="C1254" s="277"/>
      <c r="D1254" s="277"/>
      <c r="E1254" s="277"/>
      <c r="F1254" s="277"/>
      <c r="G1254" s="277"/>
      <c r="H1254" s="277"/>
      <c r="I1254" s="277"/>
      <c r="J1254" s="277"/>
      <c r="K1254" s="277"/>
    </row>
    <row r="1255" spans="3:11" x14ac:dyDescent="0.2">
      <c r="C1255" s="277"/>
      <c r="D1255" s="277"/>
      <c r="E1255" s="277"/>
      <c r="F1255" s="277"/>
      <c r="G1255" s="277"/>
      <c r="H1255" s="277"/>
      <c r="I1255" s="277"/>
      <c r="J1255" s="277"/>
      <c r="K1255" s="277"/>
    </row>
    <row r="1256" spans="3:11" x14ac:dyDescent="0.2">
      <c r="C1256" s="277"/>
      <c r="D1256" s="277"/>
      <c r="E1256" s="277"/>
      <c r="F1256" s="277"/>
      <c r="G1256" s="277"/>
      <c r="H1256" s="277"/>
      <c r="I1256" s="277"/>
      <c r="J1256" s="277"/>
      <c r="K1256" s="277"/>
    </row>
    <row r="1257" spans="3:11" x14ac:dyDescent="0.2">
      <c r="C1257" s="277"/>
      <c r="D1257" s="277"/>
      <c r="E1257" s="277"/>
      <c r="F1257" s="277"/>
      <c r="G1257" s="277"/>
      <c r="H1257" s="277"/>
      <c r="I1257" s="277"/>
      <c r="J1257" s="277"/>
      <c r="K1257" s="277"/>
    </row>
    <row r="1258" spans="3:11" x14ac:dyDescent="0.2">
      <c r="C1258" s="277"/>
      <c r="D1258" s="277"/>
      <c r="E1258" s="277"/>
      <c r="F1258" s="277"/>
      <c r="G1258" s="277"/>
      <c r="H1258" s="277"/>
      <c r="I1258" s="277"/>
      <c r="J1258" s="277"/>
      <c r="K1258" s="277"/>
    </row>
    <row r="1259" spans="3:11" x14ac:dyDescent="0.2">
      <c r="C1259" s="277"/>
      <c r="D1259" s="277"/>
      <c r="E1259" s="277"/>
      <c r="F1259" s="277"/>
      <c r="G1259" s="277"/>
      <c r="H1259" s="277"/>
      <c r="I1259" s="277"/>
      <c r="J1259" s="277"/>
      <c r="K1259" s="277"/>
    </row>
    <row r="1260" spans="3:11" x14ac:dyDescent="0.2">
      <c r="C1260" s="277"/>
      <c r="D1260" s="277"/>
      <c r="E1260" s="277"/>
      <c r="F1260" s="277"/>
      <c r="G1260" s="277"/>
      <c r="H1260" s="277"/>
      <c r="I1260" s="277"/>
      <c r="J1260" s="277"/>
      <c r="K1260" s="277"/>
    </row>
    <row r="1261" spans="3:11" x14ac:dyDescent="0.2">
      <c r="C1261" s="277"/>
      <c r="D1261" s="277"/>
      <c r="E1261" s="277"/>
      <c r="F1261" s="277"/>
      <c r="G1261" s="277"/>
      <c r="H1261" s="277"/>
      <c r="I1261" s="277"/>
      <c r="J1261" s="277"/>
      <c r="K1261" s="277"/>
    </row>
    <row r="1262" spans="3:11" x14ac:dyDescent="0.2">
      <c r="C1262" s="277"/>
      <c r="D1262" s="277"/>
      <c r="E1262" s="277"/>
      <c r="F1262" s="277"/>
      <c r="G1262" s="277"/>
      <c r="H1262" s="277"/>
      <c r="I1262" s="277"/>
      <c r="J1262" s="277"/>
      <c r="K1262" s="277"/>
    </row>
    <row r="1263" spans="3:11" x14ac:dyDescent="0.2">
      <c r="C1263" s="277"/>
      <c r="D1263" s="277"/>
      <c r="E1263" s="277"/>
      <c r="F1263" s="277"/>
      <c r="G1263" s="277"/>
      <c r="H1263" s="277"/>
      <c r="I1263" s="277"/>
      <c r="J1263" s="277"/>
      <c r="K1263" s="277"/>
    </row>
    <row r="1264" spans="3:11" x14ac:dyDescent="0.2">
      <c r="C1264" s="277"/>
      <c r="D1264" s="277"/>
      <c r="E1264" s="277"/>
      <c r="F1264" s="277"/>
      <c r="G1264" s="277"/>
      <c r="H1264" s="277"/>
      <c r="I1264" s="277"/>
      <c r="J1264" s="277"/>
      <c r="K1264" s="277"/>
    </row>
    <row r="1265" spans="3:11" x14ac:dyDescent="0.2">
      <c r="C1265" s="277"/>
      <c r="D1265" s="277"/>
      <c r="E1265" s="277"/>
      <c r="F1265" s="277"/>
      <c r="G1265" s="277"/>
      <c r="H1265" s="277"/>
      <c r="I1265" s="277"/>
      <c r="J1265" s="277"/>
      <c r="K1265" s="277"/>
    </row>
    <row r="1266" spans="3:11" x14ac:dyDescent="0.2">
      <c r="C1266" s="277"/>
      <c r="D1266" s="277"/>
      <c r="E1266" s="277"/>
      <c r="F1266" s="277"/>
      <c r="G1266" s="277"/>
      <c r="H1266" s="277"/>
      <c r="I1266" s="277"/>
      <c r="J1266" s="277"/>
      <c r="K1266" s="277"/>
    </row>
    <row r="1267" spans="3:11" x14ac:dyDescent="0.2">
      <c r="C1267" s="277"/>
      <c r="D1267" s="277"/>
      <c r="E1267" s="277"/>
      <c r="F1267" s="277"/>
      <c r="G1267" s="277"/>
      <c r="H1267" s="277"/>
      <c r="I1267" s="277"/>
      <c r="J1267" s="277"/>
      <c r="K1267" s="277"/>
    </row>
    <row r="1268" spans="3:11" x14ac:dyDescent="0.2">
      <c r="C1268" s="277"/>
      <c r="D1268" s="277"/>
      <c r="E1268" s="277"/>
      <c r="F1268" s="277"/>
      <c r="G1268" s="277"/>
      <c r="H1268" s="277"/>
      <c r="I1268" s="277"/>
      <c r="J1268" s="277"/>
      <c r="K1268" s="277"/>
    </row>
    <row r="1269" spans="3:11" x14ac:dyDescent="0.2">
      <c r="C1269" s="277"/>
      <c r="D1269" s="277"/>
      <c r="E1269" s="277"/>
      <c r="F1269" s="277"/>
      <c r="G1269" s="277"/>
      <c r="H1269" s="277"/>
      <c r="I1269" s="277"/>
      <c r="J1269" s="277"/>
      <c r="K1269" s="277"/>
    </row>
    <row r="1270" spans="3:11" x14ac:dyDescent="0.2">
      <c r="C1270" s="277"/>
      <c r="D1270" s="277"/>
      <c r="E1270" s="277"/>
      <c r="F1270" s="277"/>
      <c r="G1270" s="277"/>
      <c r="H1270" s="277"/>
      <c r="I1270" s="277"/>
      <c r="J1270" s="277"/>
      <c r="K1270" s="277"/>
    </row>
    <row r="1271" spans="3:11" x14ac:dyDescent="0.2">
      <c r="C1271" s="277"/>
      <c r="D1271" s="277"/>
      <c r="E1271" s="277"/>
      <c r="F1271" s="277"/>
      <c r="G1271" s="277"/>
      <c r="H1271" s="277"/>
      <c r="I1271" s="277"/>
      <c r="J1271" s="277"/>
      <c r="K1271" s="277"/>
    </row>
    <row r="1272" spans="3:11" x14ac:dyDescent="0.2">
      <c r="C1272" s="277"/>
      <c r="D1272" s="277"/>
      <c r="E1272" s="277"/>
      <c r="F1272" s="277"/>
      <c r="G1272" s="277"/>
      <c r="H1272" s="277"/>
      <c r="I1272" s="277"/>
      <c r="J1272" s="277"/>
      <c r="K1272" s="277"/>
    </row>
    <row r="1273" spans="3:11" x14ac:dyDescent="0.2">
      <c r="C1273" s="277"/>
      <c r="D1273" s="277"/>
      <c r="E1273" s="277"/>
      <c r="F1273" s="277"/>
      <c r="G1273" s="277"/>
      <c r="H1273" s="277"/>
      <c r="I1273" s="277"/>
      <c r="J1273" s="277"/>
      <c r="K1273" s="277"/>
    </row>
    <row r="1274" spans="3:11" x14ac:dyDescent="0.2">
      <c r="C1274" s="277"/>
      <c r="D1274" s="277"/>
      <c r="E1274" s="277"/>
      <c r="F1274" s="277"/>
      <c r="G1274" s="277"/>
      <c r="H1274" s="277"/>
      <c r="I1274" s="277"/>
      <c r="J1274" s="277"/>
      <c r="K1274" s="277"/>
    </row>
    <row r="1275" spans="3:11" x14ac:dyDescent="0.2">
      <c r="C1275" s="277"/>
      <c r="D1275" s="277"/>
      <c r="E1275" s="277"/>
      <c r="F1275" s="277"/>
      <c r="G1275" s="277"/>
      <c r="H1275" s="277"/>
      <c r="I1275" s="277"/>
      <c r="J1275" s="277"/>
      <c r="K1275" s="277"/>
    </row>
    <row r="1276" spans="3:11" x14ac:dyDescent="0.2">
      <c r="C1276" s="277"/>
      <c r="D1276" s="277"/>
      <c r="E1276" s="277"/>
      <c r="F1276" s="277"/>
      <c r="G1276" s="277"/>
      <c r="H1276" s="277"/>
      <c r="I1276" s="277"/>
      <c r="J1276" s="277"/>
      <c r="K1276" s="277"/>
    </row>
    <row r="1277" spans="3:11" x14ac:dyDescent="0.2">
      <c r="C1277" s="277"/>
      <c r="D1277" s="277"/>
      <c r="E1277" s="277"/>
      <c r="F1277" s="277"/>
      <c r="G1277" s="277"/>
      <c r="H1277" s="277"/>
      <c r="I1277" s="277"/>
      <c r="J1277" s="277"/>
      <c r="K1277" s="277"/>
    </row>
    <row r="1278" spans="3:11" x14ac:dyDescent="0.2">
      <c r="C1278" s="277"/>
      <c r="D1278" s="277"/>
      <c r="E1278" s="277"/>
      <c r="F1278" s="277"/>
      <c r="G1278" s="277"/>
      <c r="H1278" s="277"/>
      <c r="I1278" s="277"/>
      <c r="J1278" s="277"/>
      <c r="K1278" s="277"/>
    </row>
    <row r="1279" spans="3:11" x14ac:dyDescent="0.2">
      <c r="C1279" s="277"/>
      <c r="D1279" s="277"/>
      <c r="E1279" s="277"/>
      <c r="F1279" s="277"/>
      <c r="G1279" s="277"/>
      <c r="H1279" s="277"/>
      <c r="I1279" s="277"/>
      <c r="J1279" s="277"/>
      <c r="K1279" s="277"/>
    </row>
    <row r="1280" spans="3:11" x14ac:dyDescent="0.2">
      <c r="C1280" s="277"/>
      <c r="D1280" s="277"/>
      <c r="E1280" s="277"/>
      <c r="F1280" s="277"/>
      <c r="G1280" s="277"/>
      <c r="H1280" s="277"/>
      <c r="I1280" s="277"/>
      <c r="J1280" s="277"/>
      <c r="K1280" s="277"/>
    </row>
    <row r="1281" spans="3:11" x14ac:dyDescent="0.2">
      <c r="C1281" s="277"/>
      <c r="D1281" s="277"/>
      <c r="E1281" s="277"/>
      <c r="F1281" s="277"/>
      <c r="G1281" s="277"/>
      <c r="H1281" s="277"/>
      <c r="I1281" s="277"/>
      <c r="J1281" s="277"/>
      <c r="K1281" s="277"/>
    </row>
    <row r="1282" spans="3:11" x14ac:dyDescent="0.2">
      <c r="C1282" s="277"/>
      <c r="D1282" s="277"/>
      <c r="E1282" s="277"/>
      <c r="F1282" s="277"/>
      <c r="G1282" s="277"/>
      <c r="H1282" s="277"/>
      <c r="I1282" s="277"/>
      <c r="J1282" s="277"/>
      <c r="K1282" s="277"/>
    </row>
    <row r="1283" spans="3:11" x14ac:dyDescent="0.2">
      <c r="C1283" s="277"/>
      <c r="D1283" s="277"/>
      <c r="E1283" s="277"/>
      <c r="F1283" s="277"/>
      <c r="G1283" s="277"/>
      <c r="H1283" s="277"/>
      <c r="I1283" s="277"/>
      <c r="J1283" s="277"/>
      <c r="K1283" s="277"/>
    </row>
    <row r="1284" spans="3:11" x14ac:dyDescent="0.2">
      <c r="C1284" s="277"/>
      <c r="D1284" s="277"/>
      <c r="E1284" s="277"/>
      <c r="F1284" s="277"/>
      <c r="G1284" s="277"/>
      <c r="H1284" s="277"/>
      <c r="I1284" s="277"/>
      <c r="J1284" s="277"/>
      <c r="K1284" s="277"/>
    </row>
    <row r="1285" spans="3:11" x14ac:dyDescent="0.2">
      <c r="C1285" s="277"/>
      <c r="D1285" s="277"/>
      <c r="E1285" s="277"/>
      <c r="F1285" s="277"/>
      <c r="G1285" s="277"/>
      <c r="H1285" s="277"/>
      <c r="I1285" s="277"/>
      <c r="J1285" s="277"/>
      <c r="K1285" s="277"/>
    </row>
    <row r="1286" spans="3:11" x14ac:dyDescent="0.2">
      <c r="C1286" s="277"/>
      <c r="D1286" s="277"/>
      <c r="E1286" s="277"/>
      <c r="F1286" s="277"/>
      <c r="G1286" s="277"/>
      <c r="H1286" s="277"/>
      <c r="I1286" s="277"/>
      <c r="J1286" s="277"/>
      <c r="K1286" s="277"/>
    </row>
    <row r="1287" spans="3:11" x14ac:dyDescent="0.2">
      <c r="C1287" s="277"/>
      <c r="D1287" s="277"/>
      <c r="E1287" s="277"/>
      <c r="F1287" s="277"/>
      <c r="G1287" s="277"/>
      <c r="H1287" s="277"/>
      <c r="I1287" s="277"/>
      <c r="J1287" s="277"/>
      <c r="K1287" s="277"/>
    </row>
    <row r="1288" spans="3:11" x14ac:dyDescent="0.2">
      <c r="C1288" s="277"/>
      <c r="D1288" s="277"/>
      <c r="E1288" s="277"/>
      <c r="F1288" s="277"/>
      <c r="G1288" s="277"/>
      <c r="H1288" s="277"/>
      <c r="I1288" s="277"/>
      <c r="J1288" s="277"/>
      <c r="K1288" s="277"/>
    </row>
    <row r="1289" spans="3:11" x14ac:dyDescent="0.2">
      <c r="C1289" s="277"/>
      <c r="D1289" s="277"/>
      <c r="E1289" s="277"/>
      <c r="F1289" s="277"/>
      <c r="G1289" s="277"/>
      <c r="H1289" s="277"/>
      <c r="I1289" s="277"/>
      <c r="J1289" s="277"/>
      <c r="K1289" s="277"/>
    </row>
    <row r="1290" spans="3:11" x14ac:dyDescent="0.2">
      <c r="C1290" s="277"/>
      <c r="D1290" s="277"/>
      <c r="E1290" s="277"/>
      <c r="F1290" s="277"/>
      <c r="G1290" s="277"/>
      <c r="H1290" s="277"/>
      <c r="I1290" s="277"/>
      <c r="J1290" s="277"/>
      <c r="K1290" s="277"/>
    </row>
    <row r="1291" spans="3:11" x14ac:dyDescent="0.2">
      <c r="C1291" s="277"/>
      <c r="D1291" s="277"/>
      <c r="E1291" s="277"/>
      <c r="F1291" s="277"/>
      <c r="G1291" s="277"/>
      <c r="H1291" s="277"/>
      <c r="I1291" s="277"/>
      <c r="J1291" s="277"/>
      <c r="K1291" s="277"/>
    </row>
    <row r="1292" spans="3:11" x14ac:dyDescent="0.2">
      <c r="C1292" s="277"/>
      <c r="D1292" s="277"/>
      <c r="E1292" s="277"/>
      <c r="F1292" s="277"/>
      <c r="G1292" s="277"/>
      <c r="H1292" s="277"/>
      <c r="I1292" s="277"/>
      <c r="J1292" s="277"/>
      <c r="K1292" s="277"/>
    </row>
    <row r="1293" spans="3:11" x14ac:dyDescent="0.2">
      <c r="C1293" s="277"/>
      <c r="D1293" s="277"/>
      <c r="E1293" s="277"/>
      <c r="F1293" s="277"/>
      <c r="G1293" s="277"/>
      <c r="H1293" s="277"/>
      <c r="I1293" s="277"/>
      <c r="J1293" s="277"/>
      <c r="K1293" s="277"/>
    </row>
    <row r="1294" spans="3:11" x14ac:dyDescent="0.2">
      <c r="C1294" s="277"/>
      <c r="D1294" s="277"/>
      <c r="E1294" s="277"/>
      <c r="F1294" s="277"/>
      <c r="G1294" s="277"/>
      <c r="H1294" s="277"/>
      <c r="I1294" s="277"/>
      <c r="J1294" s="277"/>
      <c r="K1294" s="277"/>
    </row>
    <row r="1295" spans="3:11" x14ac:dyDescent="0.2">
      <c r="C1295" s="277"/>
      <c r="D1295" s="277"/>
      <c r="E1295" s="277"/>
      <c r="F1295" s="277"/>
      <c r="G1295" s="277"/>
      <c r="H1295" s="277"/>
      <c r="I1295" s="277"/>
      <c r="J1295" s="277"/>
      <c r="K1295" s="277"/>
    </row>
    <row r="1296" spans="3:11" x14ac:dyDescent="0.2">
      <c r="C1296" s="277"/>
      <c r="D1296" s="277"/>
      <c r="E1296" s="277"/>
      <c r="F1296" s="277"/>
      <c r="G1296" s="277"/>
      <c r="H1296" s="277"/>
      <c r="I1296" s="277"/>
      <c r="J1296" s="277"/>
      <c r="K1296" s="277"/>
    </row>
    <row r="1297" spans="3:11" x14ac:dyDescent="0.2">
      <c r="C1297" s="277"/>
      <c r="D1297" s="277"/>
      <c r="E1297" s="277"/>
      <c r="F1297" s="277"/>
      <c r="G1297" s="277"/>
      <c r="H1297" s="277"/>
      <c r="I1297" s="277"/>
      <c r="J1297" s="277"/>
      <c r="K1297" s="277"/>
    </row>
    <row r="1298" spans="3:11" x14ac:dyDescent="0.2">
      <c r="C1298" s="277"/>
      <c r="D1298" s="277"/>
      <c r="E1298" s="277"/>
      <c r="F1298" s="277"/>
      <c r="G1298" s="277"/>
      <c r="H1298" s="277"/>
      <c r="I1298" s="277"/>
      <c r="J1298" s="277"/>
      <c r="K1298" s="277"/>
    </row>
    <row r="1299" spans="3:11" x14ac:dyDescent="0.2">
      <c r="C1299" s="277"/>
      <c r="D1299" s="277"/>
      <c r="E1299" s="277"/>
      <c r="F1299" s="277"/>
      <c r="G1299" s="277"/>
      <c r="H1299" s="277"/>
      <c r="I1299" s="277"/>
      <c r="J1299" s="277"/>
      <c r="K1299" s="277"/>
    </row>
    <row r="1300" spans="3:11" x14ac:dyDescent="0.2">
      <c r="C1300" s="277"/>
      <c r="D1300" s="277"/>
      <c r="E1300" s="277"/>
      <c r="F1300" s="277"/>
      <c r="G1300" s="277"/>
      <c r="H1300" s="277"/>
      <c r="I1300" s="277"/>
      <c r="J1300" s="277"/>
      <c r="K1300" s="277"/>
    </row>
    <row r="1301" spans="3:11" x14ac:dyDescent="0.2">
      <c r="C1301" s="277"/>
      <c r="D1301" s="277"/>
      <c r="E1301" s="277"/>
      <c r="F1301" s="277"/>
      <c r="G1301" s="277"/>
      <c r="H1301" s="277"/>
      <c r="I1301" s="277"/>
      <c r="J1301" s="277"/>
      <c r="K1301" s="277"/>
    </row>
    <row r="1302" spans="3:11" x14ac:dyDescent="0.2">
      <c r="C1302" s="277"/>
      <c r="D1302" s="277"/>
      <c r="E1302" s="277"/>
      <c r="F1302" s="277"/>
      <c r="G1302" s="277"/>
      <c r="H1302" s="277"/>
      <c r="I1302" s="277"/>
      <c r="J1302" s="277"/>
      <c r="K1302" s="277"/>
    </row>
    <row r="1303" spans="3:11" x14ac:dyDescent="0.2">
      <c r="C1303" s="277"/>
      <c r="D1303" s="277"/>
      <c r="E1303" s="277"/>
      <c r="F1303" s="277"/>
      <c r="G1303" s="277"/>
      <c r="H1303" s="277"/>
      <c r="I1303" s="277"/>
      <c r="J1303" s="277"/>
      <c r="K1303" s="277"/>
    </row>
    <row r="1304" spans="3:11" x14ac:dyDescent="0.2">
      <c r="C1304" s="277"/>
      <c r="D1304" s="277"/>
      <c r="E1304" s="277"/>
      <c r="F1304" s="277"/>
      <c r="G1304" s="277"/>
      <c r="H1304" s="277"/>
      <c r="I1304" s="277"/>
      <c r="J1304" s="277"/>
      <c r="K1304" s="277"/>
    </row>
    <row r="1305" spans="3:11" x14ac:dyDescent="0.2">
      <c r="C1305" s="277"/>
      <c r="D1305" s="277"/>
      <c r="E1305" s="277"/>
      <c r="F1305" s="277"/>
      <c r="G1305" s="277"/>
      <c r="H1305" s="277"/>
      <c r="I1305" s="277"/>
      <c r="J1305" s="277"/>
      <c r="K1305" s="277"/>
    </row>
    <row r="1306" spans="3:11" x14ac:dyDescent="0.2">
      <c r="C1306" s="277"/>
      <c r="D1306" s="277"/>
      <c r="E1306" s="277"/>
      <c r="F1306" s="277"/>
      <c r="G1306" s="277"/>
      <c r="H1306" s="277"/>
      <c r="I1306" s="277"/>
      <c r="J1306" s="277"/>
      <c r="K1306" s="277"/>
    </row>
    <row r="1307" spans="3:11" x14ac:dyDescent="0.2">
      <c r="C1307" s="277"/>
      <c r="D1307" s="277"/>
      <c r="E1307" s="277"/>
      <c r="F1307" s="277"/>
      <c r="G1307" s="277"/>
      <c r="H1307" s="277"/>
      <c r="I1307" s="277"/>
      <c r="J1307" s="277"/>
      <c r="K1307" s="277"/>
    </row>
    <row r="1308" spans="3:11" x14ac:dyDescent="0.2">
      <c r="C1308" s="277"/>
      <c r="D1308" s="277"/>
      <c r="E1308" s="277"/>
      <c r="F1308" s="277"/>
      <c r="G1308" s="277"/>
      <c r="H1308" s="277"/>
      <c r="I1308" s="277"/>
      <c r="J1308" s="277"/>
      <c r="K1308" s="277"/>
    </row>
    <row r="1309" spans="3:11" x14ac:dyDescent="0.2">
      <c r="C1309" s="277"/>
      <c r="D1309" s="277"/>
      <c r="E1309" s="277"/>
      <c r="F1309" s="277"/>
      <c r="G1309" s="277"/>
      <c r="H1309" s="277"/>
      <c r="I1309" s="277"/>
      <c r="J1309" s="277"/>
      <c r="K1309" s="277"/>
    </row>
    <row r="1310" spans="3:11" x14ac:dyDescent="0.2">
      <c r="C1310" s="277"/>
      <c r="D1310" s="277"/>
      <c r="E1310" s="277"/>
      <c r="F1310" s="277"/>
      <c r="G1310" s="277"/>
      <c r="H1310" s="277"/>
      <c r="I1310" s="277"/>
      <c r="J1310" s="277"/>
      <c r="K1310" s="277"/>
    </row>
    <row r="1311" spans="3:11" x14ac:dyDescent="0.2">
      <c r="C1311" s="277"/>
      <c r="D1311" s="277"/>
      <c r="E1311" s="277"/>
      <c r="F1311" s="277"/>
      <c r="G1311" s="277"/>
      <c r="H1311" s="277"/>
      <c r="I1311" s="277"/>
      <c r="J1311" s="277"/>
      <c r="K1311" s="277"/>
    </row>
    <row r="1312" spans="3:11" x14ac:dyDescent="0.2">
      <c r="C1312" s="277"/>
      <c r="D1312" s="277"/>
      <c r="E1312" s="277"/>
      <c r="F1312" s="277"/>
      <c r="G1312" s="277"/>
      <c r="H1312" s="277"/>
      <c r="I1312" s="277"/>
      <c r="J1312" s="277"/>
      <c r="K1312" s="277"/>
    </row>
    <row r="1313" spans="3:11" x14ac:dyDescent="0.2">
      <c r="C1313" s="277"/>
      <c r="D1313" s="277"/>
      <c r="E1313" s="277"/>
      <c r="F1313" s="277"/>
      <c r="G1313" s="277"/>
      <c r="H1313" s="277"/>
      <c r="I1313" s="277"/>
      <c r="J1313" s="277"/>
      <c r="K1313" s="277"/>
    </row>
    <row r="1314" spans="3:11" x14ac:dyDescent="0.2">
      <c r="C1314" s="277"/>
      <c r="D1314" s="277"/>
      <c r="E1314" s="277"/>
      <c r="F1314" s="277"/>
      <c r="G1314" s="277"/>
      <c r="H1314" s="277"/>
      <c r="I1314" s="277"/>
      <c r="J1314" s="277"/>
      <c r="K1314" s="277"/>
    </row>
    <row r="1315" spans="3:11" x14ac:dyDescent="0.2">
      <c r="C1315" s="277"/>
      <c r="D1315" s="277"/>
      <c r="E1315" s="277"/>
      <c r="F1315" s="277"/>
      <c r="G1315" s="277"/>
      <c r="H1315" s="277"/>
      <c r="I1315" s="277"/>
      <c r="J1315" s="277"/>
      <c r="K1315" s="277"/>
    </row>
    <row r="1316" spans="3:11" x14ac:dyDescent="0.2">
      <c r="C1316" s="277"/>
      <c r="D1316" s="277"/>
      <c r="E1316" s="277"/>
      <c r="F1316" s="277"/>
      <c r="G1316" s="277"/>
      <c r="H1316" s="277"/>
      <c r="I1316" s="277"/>
      <c r="J1316" s="277"/>
      <c r="K1316" s="277"/>
    </row>
    <row r="1317" spans="3:11" x14ac:dyDescent="0.2">
      <c r="C1317" s="277"/>
      <c r="D1317" s="277"/>
      <c r="E1317" s="277"/>
      <c r="F1317" s="277"/>
      <c r="G1317" s="277"/>
      <c r="H1317" s="277"/>
      <c r="I1317" s="277"/>
      <c r="J1317" s="277"/>
      <c r="K1317" s="277"/>
    </row>
    <row r="1318" spans="3:11" x14ac:dyDescent="0.2">
      <c r="C1318" s="277"/>
      <c r="D1318" s="277"/>
      <c r="E1318" s="277"/>
      <c r="F1318" s="277"/>
      <c r="G1318" s="277"/>
      <c r="H1318" s="277"/>
      <c r="I1318" s="277"/>
      <c r="J1318" s="277"/>
      <c r="K1318" s="277"/>
    </row>
    <row r="1319" spans="3:11" x14ac:dyDescent="0.2">
      <c r="C1319" s="277"/>
      <c r="D1319" s="277"/>
      <c r="E1319" s="277"/>
      <c r="F1319" s="277"/>
      <c r="G1319" s="277"/>
      <c r="H1319" s="277"/>
      <c r="I1319" s="277"/>
      <c r="J1319" s="277"/>
      <c r="K1319" s="277"/>
    </row>
    <row r="1320" spans="3:11" x14ac:dyDescent="0.2">
      <c r="C1320" s="277"/>
      <c r="D1320" s="277"/>
      <c r="E1320" s="277"/>
      <c r="F1320" s="277"/>
      <c r="G1320" s="277"/>
      <c r="H1320" s="277"/>
      <c r="I1320" s="277"/>
      <c r="J1320" s="277"/>
      <c r="K1320" s="277"/>
    </row>
    <row r="1321" spans="3:11" x14ac:dyDescent="0.2">
      <c r="C1321" s="277"/>
      <c r="D1321" s="277"/>
      <c r="E1321" s="277"/>
      <c r="F1321" s="277"/>
      <c r="G1321" s="277"/>
      <c r="H1321" s="277"/>
      <c r="I1321" s="277"/>
      <c r="J1321" s="277"/>
      <c r="K1321" s="277"/>
    </row>
    <row r="1322" spans="3:11" x14ac:dyDescent="0.2">
      <c r="C1322" s="277"/>
      <c r="D1322" s="277"/>
      <c r="E1322" s="277"/>
      <c r="F1322" s="277"/>
      <c r="G1322" s="277"/>
      <c r="H1322" s="277"/>
      <c r="I1322" s="277"/>
      <c r="J1322" s="277"/>
      <c r="K1322" s="277"/>
    </row>
    <row r="1323" spans="3:11" x14ac:dyDescent="0.2">
      <c r="C1323" s="277"/>
      <c r="D1323" s="277"/>
      <c r="E1323" s="277"/>
      <c r="F1323" s="277"/>
      <c r="G1323" s="277"/>
      <c r="H1323" s="277"/>
      <c r="I1323" s="277"/>
      <c r="J1323" s="277"/>
      <c r="K1323" s="277"/>
    </row>
    <row r="1324" spans="3:11" x14ac:dyDescent="0.2">
      <c r="C1324" s="277"/>
      <c r="D1324" s="277"/>
      <c r="E1324" s="277"/>
      <c r="F1324" s="277"/>
      <c r="G1324" s="277"/>
      <c r="H1324" s="277"/>
      <c r="I1324" s="277"/>
      <c r="J1324" s="277"/>
      <c r="K1324" s="277"/>
    </row>
    <row r="1325" spans="3:11" x14ac:dyDescent="0.2">
      <c r="C1325" s="277"/>
      <c r="D1325" s="277"/>
      <c r="E1325" s="277"/>
      <c r="F1325" s="277"/>
      <c r="G1325" s="277"/>
      <c r="H1325" s="277"/>
      <c r="I1325" s="277"/>
      <c r="J1325" s="277"/>
      <c r="K1325" s="277"/>
    </row>
    <row r="1326" spans="3:11" x14ac:dyDescent="0.2">
      <c r="C1326" s="277"/>
      <c r="D1326" s="277"/>
      <c r="E1326" s="277"/>
      <c r="F1326" s="277"/>
      <c r="G1326" s="277"/>
      <c r="H1326" s="277"/>
      <c r="I1326" s="277"/>
      <c r="J1326" s="277"/>
      <c r="K1326" s="277"/>
    </row>
    <row r="1327" spans="3:11" x14ac:dyDescent="0.2">
      <c r="C1327" s="277"/>
      <c r="D1327" s="277"/>
      <c r="E1327" s="277"/>
      <c r="F1327" s="277"/>
      <c r="G1327" s="277"/>
      <c r="H1327" s="277"/>
      <c r="I1327" s="277"/>
      <c r="J1327" s="277"/>
      <c r="K1327" s="277"/>
    </row>
    <row r="1328" spans="3:11" x14ac:dyDescent="0.2">
      <c r="C1328" s="277"/>
      <c r="D1328" s="277"/>
      <c r="E1328" s="277"/>
      <c r="F1328" s="277"/>
      <c r="G1328" s="277"/>
      <c r="H1328" s="277"/>
      <c r="I1328" s="277"/>
      <c r="J1328" s="277"/>
      <c r="K1328" s="277"/>
    </row>
    <row r="1329" spans="3:11" x14ac:dyDescent="0.2">
      <c r="C1329" s="277"/>
      <c r="D1329" s="277"/>
      <c r="E1329" s="277"/>
      <c r="F1329" s="277"/>
      <c r="G1329" s="277"/>
      <c r="H1329" s="277"/>
      <c r="I1329" s="277"/>
      <c r="J1329" s="277"/>
      <c r="K1329" s="277"/>
    </row>
    <row r="1330" spans="3:11" x14ac:dyDescent="0.2">
      <c r="C1330" s="277"/>
      <c r="D1330" s="277"/>
      <c r="E1330" s="277"/>
      <c r="F1330" s="277"/>
      <c r="G1330" s="277"/>
      <c r="H1330" s="277"/>
      <c r="I1330" s="277"/>
      <c r="J1330" s="277"/>
      <c r="K1330" s="277"/>
    </row>
    <row r="1331" spans="3:11" x14ac:dyDescent="0.2">
      <c r="C1331" s="277"/>
      <c r="D1331" s="277"/>
      <c r="E1331" s="277"/>
      <c r="F1331" s="277"/>
      <c r="G1331" s="277"/>
      <c r="H1331" s="277"/>
      <c r="I1331" s="277"/>
      <c r="J1331" s="277"/>
      <c r="K1331" s="277"/>
    </row>
    <row r="1332" spans="3:11" x14ac:dyDescent="0.2">
      <c r="C1332" s="277"/>
      <c r="D1332" s="277"/>
      <c r="E1332" s="277"/>
      <c r="F1332" s="277"/>
      <c r="G1332" s="277"/>
      <c r="H1332" s="277"/>
      <c r="I1332" s="277"/>
      <c r="J1332" s="277"/>
      <c r="K1332" s="277"/>
    </row>
    <row r="1333" spans="3:11" x14ac:dyDescent="0.2">
      <c r="C1333" s="277"/>
      <c r="D1333" s="277"/>
      <c r="E1333" s="277"/>
      <c r="F1333" s="277"/>
      <c r="G1333" s="277"/>
      <c r="H1333" s="277"/>
      <c r="I1333" s="277"/>
      <c r="J1333" s="277"/>
      <c r="K1333" s="277"/>
    </row>
    <row r="1334" spans="3:11" x14ac:dyDescent="0.2">
      <c r="C1334" s="277"/>
      <c r="D1334" s="277"/>
      <c r="E1334" s="277"/>
      <c r="F1334" s="277"/>
      <c r="G1334" s="277"/>
      <c r="H1334" s="277"/>
      <c r="I1334" s="277"/>
      <c r="J1334" s="277"/>
      <c r="K1334" s="277"/>
    </row>
    <row r="1335" spans="3:11" x14ac:dyDescent="0.2">
      <c r="C1335" s="277"/>
      <c r="D1335" s="277"/>
      <c r="E1335" s="277"/>
      <c r="F1335" s="277"/>
      <c r="G1335" s="277"/>
      <c r="H1335" s="277"/>
      <c r="I1335" s="277"/>
      <c r="J1335" s="277"/>
      <c r="K1335" s="277"/>
    </row>
    <row r="1336" spans="3:11" x14ac:dyDescent="0.2">
      <c r="C1336" s="277"/>
      <c r="D1336" s="277"/>
      <c r="E1336" s="277"/>
      <c r="F1336" s="277"/>
      <c r="G1336" s="277"/>
      <c r="H1336" s="277"/>
      <c r="I1336" s="277"/>
      <c r="J1336" s="277"/>
      <c r="K1336" s="277"/>
    </row>
    <row r="1337" spans="3:11" x14ac:dyDescent="0.2">
      <c r="C1337" s="277"/>
      <c r="D1337" s="277"/>
      <c r="E1337" s="277"/>
      <c r="F1337" s="277"/>
      <c r="G1337" s="277"/>
      <c r="H1337" s="277"/>
      <c r="I1337" s="277"/>
      <c r="J1337" s="277"/>
      <c r="K1337" s="277"/>
    </row>
    <row r="1338" spans="3:11" x14ac:dyDescent="0.2">
      <c r="C1338" s="277"/>
      <c r="D1338" s="277"/>
      <c r="E1338" s="277"/>
      <c r="F1338" s="277"/>
      <c r="G1338" s="277"/>
      <c r="H1338" s="277"/>
      <c r="I1338" s="277"/>
      <c r="J1338" s="277"/>
      <c r="K1338" s="277"/>
    </row>
    <row r="1339" spans="3:11" x14ac:dyDescent="0.2">
      <c r="C1339" s="277"/>
      <c r="D1339" s="277"/>
      <c r="E1339" s="277"/>
      <c r="F1339" s="277"/>
      <c r="G1339" s="277"/>
      <c r="H1339" s="277"/>
      <c r="I1339" s="277"/>
      <c r="J1339" s="277"/>
      <c r="K1339" s="277"/>
    </row>
    <row r="1340" spans="3:11" x14ac:dyDescent="0.2">
      <c r="C1340" s="277"/>
      <c r="D1340" s="277"/>
      <c r="E1340" s="277"/>
      <c r="F1340" s="277"/>
      <c r="G1340" s="277"/>
      <c r="H1340" s="277"/>
      <c r="I1340" s="277"/>
      <c r="J1340" s="277"/>
      <c r="K1340" s="277"/>
    </row>
    <row r="1341" spans="3:11" x14ac:dyDescent="0.2">
      <c r="C1341" s="277"/>
      <c r="D1341" s="277"/>
      <c r="E1341" s="277"/>
      <c r="F1341" s="277"/>
      <c r="G1341" s="277"/>
      <c r="H1341" s="277"/>
      <c r="I1341" s="277"/>
      <c r="J1341" s="277"/>
      <c r="K1341" s="277"/>
    </row>
    <row r="1342" spans="3:11" x14ac:dyDescent="0.2">
      <c r="C1342" s="277"/>
      <c r="D1342" s="277"/>
      <c r="E1342" s="277"/>
      <c r="F1342" s="277"/>
      <c r="G1342" s="277"/>
      <c r="H1342" s="277"/>
      <c r="I1342" s="277"/>
      <c r="J1342" s="277"/>
      <c r="K1342" s="277"/>
    </row>
    <row r="1343" spans="3:11" x14ac:dyDescent="0.2">
      <c r="C1343" s="277"/>
      <c r="D1343" s="277"/>
      <c r="E1343" s="277"/>
      <c r="F1343" s="277"/>
      <c r="G1343" s="277"/>
      <c r="H1343" s="277"/>
      <c r="I1343" s="277"/>
      <c r="J1343" s="277"/>
      <c r="K1343" s="277"/>
    </row>
    <row r="1344" spans="3:11" x14ac:dyDescent="0.2">
      <c r="C1344" s="277"/>
      <c r="D1344" s="277"/>
      <c r="E1344" s="277"/>
      <c r="F1344" s="277"/>
      <c r="G1344" s="277"/>
      <c r="H1344" s="277"/>
      <c r="I1344" s="277"/>
      <c r="J1344" s="277"/>
      <c r="K1344" s="277"/>
    </row>
    <row r="1345" spans="3:11" x14ac:dyDescent="0.2">
      <c r="C1345" s="277"/>
      <c r="D1345" s="277"/>
      <c r="E1345" s="277"/>
      <c r="F1345" s="277"/>
      <c r="G1345" s="277"/>
      <c r="H1345" s="277"/>
      <c r="I1345" s="277"/>
      <c r="J1345" s="277"/>
      <c r="K1345" s="277"/>
    </row>
    <row r="1346" spans="3:11" x14ac:dyDescent="0.2">
      <c r="C1346" s="277"/>
      <c r="D1346" s="277"/>
      <c r="E1346" s="277"/>
      <c r="F1346" s="277"/>
      <c r="G1346" s="277"/>
      <c r="H1346" s="277"/>
      <c r="I1346" s="277"/>
      <c r="J1346" s="277"/>
      <c r="K1346" s="277"/>
    </row>
    <row r="1347" spans="3:11" x14ac:dyDescent="0.2">
      <c r="C1347" s="277"/>
      <c r="D1347" s="277"/>
      <c r="E1347" s="277"/>
      <c r="F1347" s="277"/>
      <c r="G1347" s="277"/>
      <c r="H1347" s="277"/>
      <c r="I1347" s="277"/>
      <c r="J1347" s="277"/>
      <c r="K1347" s="277"/>
    </row>
    <row r="1348" spans="3:11" x14ac:dyDescent="0.2">
      <c r="C1348" s="277"/>
      <c r="D1348" s="277"/>
      <c r="E1348" s="277"/>
      <c r="F1348" s="277"/>
      <c r="G1348" s="277"/>
      <c r="H1348" s="277"/>
      <c r="I1348" s="277"/>
      <c r="J1348" s="277"/>
      <c r="K1348" s="277"/>
    </row>
    <row r="1349" spans="3:11" x14ac:dyDescent="0.2">
      <c r="C1349" s="277"/>
      <c r="D1349" s="277"/>
      <c r="E1349" s="277"/>
      <c r="F1349" s="277"/>
      <c r="G1349" s="277"/>
      <c r="H1349" s="277"/>
      <c r="I1349" s="277"/>
      <c r="J1349" s="277"/>
      <c r="K1349" s="277"/>
    </row>
    <row r="1350" spans="3:11" x14ac:dyDescent="0.2">
      <c r="C1350" s="277"/>
      <c r="D1350" s="277"/>
      <c r="E1350" s="277"/>
      <c r="F1350" s="277"/>
      <c r="G1350" s="277"/>
      <c r="H1350" s="277"/>
      <c r="I1350" s="277"/>
      <c r="J1350" s="277"/>
      <c r="K1350" s="277"/>
    </row>
    <row r="1351" spans="3:11" x14ac:dyDescent="0.2">
      <c r="C1351" s="277"/>
      <c r="D1351" s="277"/>
      <c r="E1351" s="277"/>
      <c r="F1351" s="277"/>
      <c r="G1351" s="277"/>
      <c r="H1351" s="277"/>
      <c r="I1351" s="277"/>
      <c r="J1351" s="277"/>
      <c r="K1351" s="277"/>
    </row>
    <row r="1352" spans="3:11" x14ac:dyDescent="0.2">
      <c r="C1352" s="277"/>
      <c r="D1352" s="277"/>
      <c r="E1352" s="277"/>
      <c r="F1352" s="277"/>
      <c r="G1352" s="277"/>
      <c r="H1352" s="277"/>
      <c r="I1352" s="277"/>
      <c r="J1352" s="277"/>
      <c r="K1352" s="277"/>
    </row>
    <row r="1353" spans="3:11" x14ac:dyDescent="0.2">
      <c r="C1353" s="277"/>
      <c r="D1353" s="277"/>
      <c r="E1353" s="277"/>
      <c r="F1353" s="277"/>
      <c r="G1353" s="277"/>
      <c r="H1353" s="277"/>
      <c r="I1353" s="277"/>
      <c r="J1353" s="277"/>
      <c r="K1353" s="277"/>
    </row>
    <row r="1354" spans="3:11" x14ac:dyDescent="0.2">
      <c r="C1354" s="277"/>
      <c r="D1354" s="277"/>
      <c r="E1354" s="277"/>
      <c r="F1354" s="277"/>
      <c r="G1354" s="277"/>
      <c r="H1354" s="277"/>
      <c r="I1354" s="277"/>
      <c r="J1354" s="277"/>
      <c r="K1354" s="277"/>
    </row>
    <row r="1355" spans="3:11" x14ac:dyDescent="0.2">
      <c r="C1355" s="277"/>
      <c r="D1355" s="277"/>
      <c r="E1355" s="277"/>
      <c r="F1355" s="277"/>
      <c r="G1355" s="277"/>
      <c r="H1355" s="277"/>
      <c r="I1355" s="277"/>
      <c r="J1355" s="277"/>
      <c r="K1355" s="277"/>
    </row>
    <row r="1356" spans="3:11" x14ac:dyDescent="0.2">
      <c r="C1356" s="277"/>
      <c r="D1356" s="277"/>
      <c r="E1356" s="277"/>
      <c r="F1356" s="277"/>
      <c r="G1356" s="277"/>
      <c r="H1356" s="277"/>
      <c r="I1356" s="277"/>
      <c r="J1356" s="277"/>
      <c r="K1356" s="277"/>
    </row>
    <row r="1357" spans="3:11" x14ac:dyDescent="0.2">
      <c r="C1357" s="277"/>
      <c r="D1357" s="277"/>
      <c r="E1357" s="277"/>
      <c r="F1357" s="277"/>
      <c r="G1357" s="277"/>
      <c r="H1357" s="277"/>
      <c r="I1357" s="277"/>
      <c r="J1357" s="277"/>
      <c r="K1357" s="277"/>
    </row>
    <row r="1358" spans="3:11" x14ac:dyDescent="0.2">
      <c r="C1358" s="277"/>
      <c r="D1358" s="277"/>
      <c r="E1358" s="277"/>
      <c r="F1358" s="277"/>
      <c r="G1358" s="277"/>
      <c r="H1358" s="277"/>
      <c r="I1358" s="277"/>
      <c r="J1358" s="277"/>
      <c r="K1358" s="277"/>
    </row>
    <row r="1359" spans="3:11" x14ac:dyDescent="0.2">
      <c r="C1359" s="277"/>
      <c r="D1359" s="277"/>
      <c r="E1359" s="277"/>
      <c r="F1359" s="277"/>
      <c r="G1359" s="277"/>
      <c r="H1359" s="277"/>
      <c r="I1359" s="277"/>
      <c r="J1359" s="277"/>
      <c r="K1359" s="277"/>
    </row>
    <row r="1360" spans="3:11" x14ac:dyDescent="0.2">
      <c r="C1360" s="277"/>
      <c r="D1360" s="277"/>
      <c r="E1360" s="277"/>
      <c r="F1360" s="277"/>
      <c r="G1360" s="277"/>
      <c r="H1360" s="277"/>
      <c r="I1360" s="277"/>
      <c r="J1360" s="277"/>
      <c r="K1360" s="277"/>
    </row>
    <row r="1361" spans="3:11" x14ac:dyDescent="0.2">
      <c r="C1361" s="277"/>
      <c r="D1361" s="277"/>
      <c r="E1361" s="277"/>
      <c r="F1361" s="277"/>
      <c r="G1361" s="277"/>
      <c r="H1361" s="277"/>
      <c r="I1361" s="277"/>
      <c r="J1361" s="277"/>
      <c r="K1361" s="277"/>
    </row>
    <row r="1362" spans="3:11" x14ac:dyDescent="0.2">
      <c r="C1362" s="277"/>
      <c r="D1362" s="277"/>
      <c r="E1362" s="277"/>
      <c r="F1362" s="277"/>
      <c r="G1362" s="277"/>
      <c r="H1362" s="277"/>
      <c r="I1362" s="277"/>
      <c r="J1362" s="277"/>
      <c r="K1362" s="277"/>
    </row>
    <row r="1363" spans="3:11" x14ac:dyDescent="0.2">
      <c r="C1363" s="277"/>
      <c r="D1363" s="277"/>
      <c r="E1363" s="277"/>
      <c r="F1363" s="277"/>
      <c r="G1363" s="277"/>
      <c r="H1363" s="277"/>
      <c r="I1363" s="277"/>
      <c r="J1363" s="277"/>
      <c r="K1363" s="277"/>
    </row>
    <row r="1364" spans="3:11" x14ac:dyDescent="0.2">
      <c r="C1364" s="277"/>
      <c r="D1364" s="277"/>
      <c r="E1364" s="277"/>
      <c r="F1364" s="277"/>
      <c r="G1364" s="277"/>
      <c r="H1364" s="277"/>
      <c r="I1364" s="277"/>
      <c r="J1364" s="277"/>
      <c r="K1364" s="277"/>
    </row>
    <row r="1365" spans="3:11" x14ac:dyDescent="0.2">
      <c r="C1365" s="277"/>
      <c r="D1365" s="277"/>
      <c r="E1365" s="277"/>
      <c r="F1365" s="277"/>
      <c r="G1365" s="277"/>
      <c r="H1365" s="277"/>
      <c r="I1365" s="277"/>
      <c r="J1365" s="277"/>
      <c r="K1365" s="277"/>
    </row>
    <row r="1366" spans="3:11" x14ac:dyDescent="0.2">
      <c r="C1366" s="277"/>
      <c r="D1366" s="277"/>
      <c r="E1366" s="277"/>
      <c r="F1366" s="277"/>
      <c r="G1366" s="277"/>
      <c r="H1366" s="277"/>
      <c r="I1366" s="277"/>
      <c r="J1366" s="277"/>
      <c r="K1366" s="277"/>
    </row>
    <row r="1367" spans="3:11" x14ac:dyDescent="0.2">
      <c r="C1367" s="277"/>
      <c r="D1367" s="277"/>
      <c r="E1367" s="277"/>
      <c r="F1367" s="277"/>
      <c r="G1367" s="277"/>
      <c r="H1367" s="277"/>
      <c r="I1367" s="277"/>
      <c r="J1367" s="277"/>
      <c r="K1367" s="277"/>
    </row>
    <row r="1368" spans="3:11" x14ac:dyDescent="0.2">
      <c r="C1368" s="277"/>
      <c r="D1368" s="277"/>
      <c r="E1368" s="277"/>
      <c r="F1368" s="277"/>
      <c r="G1368" s="277"/>
      <c r="H1368" s="277"/>
      <c r="I1368" s="277"/>
      <c r="J1368" s="277"/>
      <c r="K1368" s="277"/>
    </row>
    <row r="1369" spans="3:11" x14ac:dyDescent="0.2">
      <c r="C1369" s="277"/>
      <c r="D1369" s="277"/>
      <c r="E1369" s="277"/>
      <c r="F1369" s="277"/>
      <c r="G1369" s="277"/>
      <c r="H1369" s="277"/>
      <c r="I1369" s="277"/>
      <c r="J1369" s="277"/>
      <c r="K1369" s="277"/>
    </row>
    <row r="1370" spans="3:11" x14ac:dyDescent="0.2">
      <c r="C1370" s="277"/>
      <c r="D1370" s="277"/>
      <c r="E1370" s="277"/>
      <c r="F1370" s="277"/>
      <c r="G1370" s="277"/>
      <c r="H1370" s="277"/>
      <c r="I1370" s="277"/>
      <c r="J1370" s="277"/>
      <c r="K1370" s="277"/>
    </row>
    <row r="1371" spans="3:11" x14ac:dyDescent="0.2">
      <c r="C1371" s="277"/>
      <c r="D1371" s="277"/>
      <c r="E1371" s="277"/>
      <c r="F1371" s="277"/>
      <c r="G1371" s="277"/>
      <c r="H1371" s="277"/>
      <c r="I1371" s="277"/>
      <c r="J1371" s="277"/>
      <c r="K1371" s="277"/>
    </row>
    <row r="1372" spans="3:11" x14ac:dyDescent="0.2">
      <c r="C1372" s="277"/>
      <c r="D1372" s="277"/>
      <c r="E1372" s="277"/>
      <c r="F1372" s="277"/>
      <c r="G1372" s="277"/>
      <c r="H1372" s="277"/>
      <c r="I1372" s="277"/>
      <c r="J1372" s="277"/>
      <c r="K1372" s="277"/>
    </row>
    <row r="1373" spans="3:11" x14ac:dyDescent="0.2">
      <c r="C1373" s="277"/>
      <c r="D1373" s="277"/>
      <c r="E1373" s="277"/>
      <c r="F1373" s="277"/>
      <c r="G1373" s="277"/>
      <c r="H1373" s="277"/>
      <c r="I1373" s="277"/>
      <c r="J1373" s="277"/>
      <c r="K1373" s="277"/>
    </row>
    <row r="1374" spans="3:11" x14ac:dyDescent="0.2">
      <c r="C1374" s="277"/>
      <c r="D1374" s="277"/>
      <c r="E1374" s="277"/>
      <c r="F1374" s="277"/>
      <c r="G1374" s="277"/>
      <c r="H1374" s="277"/>
      <c r="I1374" s="277"/>
      <c r="J1374" s="277"/>
      <c r="K1374" s="277"/>
    </row>
    <row r="1375" spans="3:11" x14ac:dyDescent="0.2">
      <c r="C1375" s="277"/>
      <c r="D1375" s="277"/>
      <c r="E1375" s="277"/>
      <c r="F1375" s="277"/>
      <c r="G1375" s="277"/>
      <c r="H1375" s="277"/>
      <c r="I1375" s="277"/>
      <c r="J1375" s="277"/>
      <c r="K1375" s="277"/>
    </row>
    <row r="1376" spans="3:11" x14ac:dyDescent="0.2">
      <c r="C1376" s="277"/>
      <c r="D1376" s="277"/>
      <c r="E1376" s="277"/>
      <c r="F1376" s="277"/>
      <c r="G1376" s="277"/>
      <c r="H1376" s="277"/>
      <c r="I1376" s="277"/>
      <c r="J1376" s="277"/>
      <c r="K1376" s="277"/>
    </row>
    <row r="1377" spans="3:11" x14ac:dyDescent="0.2">
      <c r="C1377" s="277"/>
      <c r="D1377" s="277"/>
      <c r="E1377" s="277"/>
      <c r="F1377" s="277"/>
      <c r="G1377" s="277"/>
      <c r="H1377" s="277"/>
      <c r="I1377" s="277"/>
      <c r="J1377" s="277"/>
      <c r="K1377" s="277"/>
    </row>
    <row r="1378" spans="3:11" x14ac:dyDescent="0.2">
      <c r="C1378" s="277"/>
      <c r="D1378" s="277"/>
      <c r="E1378" s="277"/>
      <c r="F1378" s="277"/>
      <c r="G1378" s="277"/>
      <c r="H1378" s="277"/>
      <c r="I1378" s="277"/>
      <c r="J1378" s="277"/>
      <c r="K1378" s="277"/>
    </row>
    <row r="1379" spans="3:11" x14ac:dyDescent="0.2">
      <c r="C1379" s="277"/>
      <c r="D1379" s="277"/>
      <c r="E1379" s="277"/>
      <c r="F1379" s="277"/>
      <c r="G1379" s="277"/>
      <c r="H1379" s="277"/>
      <c r="I1379" s="277"/>
      <c r="J1379" s="277"/>
      <c r="K1379" s="277"/>
    </row>
    <row r="1380" spans="3:11" x14ac:dyDescent="0.2">
      <c r="C1380" s="277"/>
      <c r="D1380" s="277"/>
      <c r="E1380" s="277"/>
      <c r="F1380" s="277"/>
      <c r="G1380" s="277"/>
      <c r="H1380" s="277"/>
      <c r="I1380" s="277"/>
      <c r="J1380" s="277"/>
      <c r="K1380" s="277"/>
    </row>
    <row r="1381" spans="3:11" x14ac:dyDescent="0.2">
      <c r="C1381" s="277"/>
      <c r="D1381" s="277"/>
      <c r="E1381" s="277"/>
      <c r="F1381" s="277"/>
      <c r="G1381" s="277"/>
      <c r="H1381" s="277"/>
      <c r="I1381" s="277"/>
      <c r="J1381" s="277"/>
      <c r="K1381" s="277"/>
    </row>
    <row r="1382" spans="3:11" x14ac:dyDescent="0.2">
      <c r="C1382" s="277"/>
      <c r="D1382" s="277"/>
      <c r="E1382" s="277"/>
      <c r="F1382" s="277"/>
      <c r="G1382" s="277"/>
      <c r="H1382" s="277"/>
      <c r="I1382" s="277"/>
      <c r="J1382" s="277"/>
      <c r="K1382" s="277"/>
    </row>
    <row r="1383" spans="3:11" x14ac:dyDescent="0.2">
      <c r="C1383" s="277"/>
      <c r="D1383" s="277"/>
      <c r="E1383" s="277"/>
      <c r="F1383" s="277"/>
      <c r="G1383" s="277"/>
      <c r="H1383" s="277"/>
      <c r="I1383" s="277"/>
      <c r="J1383" s="277"/>
      <c r="K1383" s="277"/>
    </row>
    <row r="1384" spans="3:11" x14ac:dyDescent="0.2">
      <c r="C1384" s="277"/>
      <c r="D1384" s="277"/>
      <c r="E1384" s="277"/>
      <c r="F1384" s="277"/>
      <c r="G1384" s="277"/>
      <c r="H1384" s="277"/>
      <c r="I1384" s="277"/>
      <c r="J1384" s="277"/>
      <c r="K1384" s="277"/>
    </row>
    <row r="1385" spans="3:11" x14ac:dyDescent="0.2">
      <c r="C1385" s="277"/>
      <c r="D1385" s="277"/>
      <c r="E1385" s="277"/>
      <c r="F1385" s="277"/>
      <c r="G1385" s="277"/>
      <c r="H1385" s="277"/>
      <c r="I1385" s="277"/>
      <c r="J1385" s="277"/>
      <c r="K1385" s="277"/>
    </row>
    <row r="1386" spans="3:11" x14ac:dyDescent="0.2">
      <c r="C1386" s="277"/>
      <c r="D1386" s="277"/>
      <c r="E1386" s="277"/>
      <c r="F1386" s="277"/>
      <c r="G1386" s="277"/>
      <c r="H1386" s="277"/>
      <c r="I1386" s="277"/>
      <c r="J1386" s="277"/>
      <c r="K1386" s="277"/>
    </row>
    <row r="1387" spans="3:11" x14ac:dyDescent="0.2">
      <c r="C1387" s="277"/>
      <c r="D1387" s="277"/>
      <c r="E1387" s="277"/>
      <c r="F1387" s="277"/>
      <c r="G1387" s="277"/>
      <c r="H1387" s="277"/>
      <c r="I1387" s="277"/>
      <c r="J1387" s="277"/>
      <c r="K1387" s="277"/>
    </row>
    <row r="1388" spans="3:11" x14ac:dyDescent="0.2">
      <c r="C1388" s="277"/>
      <c r="D1388" s="277"/>
      <c r="E1388" s="277"/>
      <c r="F1388" s="277"/>
      <c r="G1388" s="277"/>
      <c r="H1388" s="277"/>
      <c r="I1388" s="277"/>
      <c r="J1388" s="277"/>
      <c r="K1388" s="277"/>
    </row>
    <row r="1389" spans="3:11" x14ac:dyDescent="0.2">
      <c r="C1389" s="277"/>
      <c r="D1389" s="277"/>
      <c r="E1389" s="277"/>
      <c r="F1389" s="277"/>
      <c r="G1389" s="277"/>
      <c r="H1389" s="277"/>
      <c r="I1389" s="277"/>
      <c r="J1389" s="277"/>
      <c r="K1389" s="277"/>
    </row>
    <row r="1390" spans="3:11" x14ac:dyDescent="0.2">
      <c r="C1390" s="277"/>
      <c r="D1390" s="277"/>
      <c r="E1390" s="277"/>
      <c r="F1390" s="277"/>
      <c r="G1390" s="277"/>
      <c r="H1390" s="277"/>
      <c r="I1390" s="277"/>
      <c r="J1390" s="277"/>
      <c r="K1390" s="277"/>
    </row>
    <row r="1391" spans="3:11" x14ac:dyDescent="0.2">
      <c r="C1391" s="277"/>
      <c r="D1391" s="277"/>
      <c r="E1391" s="277"/>
      <c r="F1391" s="277"/>
      <c r="G1391" s="277"/>
      <c r="H1391" s="277"/>
      <c r="I1391" s="277"/>
      <c r="J1391" s="277"/>
      <c r="K1391" s="277"/>
    </row>
    <row r="1392" spans="3:11" x14ac:dyDescent="0.2">
      <c r="C1392" s="277"/>
      <c r="D1392" s="277"/>
      <c r="E1392" s="277"/>
      <c r="F1392" s="277"/>
      <c r="G1392" s="277"/>
      <c r="H1392" s="277"/>
      <c r="I1392" s="277"/>
      <c r="J1392" s="277"/>
      <c r="K1392" s="277"/>
    </row>
    <row r="1393" spans="3:11" x14ac:dyDescent="0.2">
      <c r="C1393" s="277"/>
      <c r="D1393" s="277"/>
      <c r="E1393" s="277"/>
      <c r="F1393" s="277"/>
      <c r="G1393" s="277"/>
      <c r="H1393" s="277"/>
      <c r="I1393" s="277"/>
      <c r="J1393" s="277"/>
      <c r="K1393" s="277"/>
    </row>
    <row r="1394" spans="3:11" x14ac:dyDescent="0.2">
      <c r="C1394" s="277"/>
      <c r="D1394" s="277"/>
      <c r="E1394" s="277"/>
      <c r="F1394" s="277"/>
      <c r="G1394" s="277"/>
      <c r="H1394" s="277"/>
      <c r="I1394" s="277"/>
      <c r="J1394" s="277"/>
      <c r="K1394" s="277"/>
    </row>
    <row r="1395" spans="3:11" x14ac:dyDescent="0.2">
      <c r="C1395" s="277"/>
      <c r="D1395" s="277"/>
      <c r="E1395" s="277"/>
      <c r="F1395" s="277"/>
      <c r="G1395" s="277"/>
      <c r="H1395" s="277"/>
      <c r="I1395" s="277"/>
      <c r="J1395" s="277"/>
      <c r="K1395" s="277"/>
    </row>
    <row r="1396" spans="3:11" x14ac:dyDescent="0.2">
      <c r="C1396" s="277"/>
      <c r="D1396" s="277"/>
      <c r="E1396" s="277"/>
      <c r="F1396" s="277"/>
      <c r="G1396" s="277"/>
      <c r="H1396" s="277"/>
      <c r="I1396" s="277"/>
      <c r="J1396" s="277"/>
      <c r="K1396" s="277"/>
    </row>
    <row r="1397" spans="3:11" x14ac:dyDescent="0.2">
      <c r="C1397" s="277"/>
      <c r="D1397" s="277"/>
      <c r="E1397" s="277"/>
      <c r="F1397" s="277"/>
      <c r="G1397" s="277"/>
      <c r="H1397" s="277"/>
      <c r="I1397" s="277"/>
      <c r="J1397" s="277"/>
      <c r="K1397" s="277"/>
    </row>
    <row r="1398" spans="3:11" x14ac:dyDescent="0.2">
      <c r="C1398" s="277"/>
      <c r="D1398" s="277"/>
      <c r="E1398" s="277"/>
      <c r="F1398" s="277"/>
      <c r="G1398" s="277"/>
      <c r="H1398" s="277"/>
      <c r="I1398" s="277"/>
      <c r="J1398" s="277"/>
      <c r="K1398" s="277"/>
    </row>
    <row r="1399" spans="3:11" x14ac:dyDescent="0.2">
      <c r="C1399" s="277"/>
      <c r="D1399" s="277"/>
      <c r="E1399" s="277"/>
      <c r="F1399" s="277"/>
      <c r="G1399" s="277"/>
      <c r="H1399" s="277"/>
      <c r="I1399" s="277"/>
      <c r="J1399" s="277"/>
      <c r="K1399" s="277"/>
    </row>
    <row r="1400" spans="3:11" x14ac:dyDescent="0.2">
      <c r="C1400" s="277"/>
      <c r="D1400" s="277"/>
      <c r="E1400" s="277"/>
      <c r="F1400" s="277"/>
      <c r="G1400" s="277"/>
      <c r="H1400" s="277"/>
      <c r="I1400" s="277"/>
      <c r="J1400" s="277"/>
      <c r="K1400" s="277"/>
    </row>
    <row r="1401" spans="3:11" x14ac:dyDescent="0.2">
      <c r="C1401" s="277"/>
      <c r="D1401" s="277"/>
      <c r="E1401" s="277"/>
      <c r="F1401" s="277"/>
      <c r="G1401" s="277"/>
      <c r="H1401" s="277"/>
      <c r="I1401" s="277"/>
      <c r="J1401" s="277"/>
      <c r="K1401" s="277"/>
    </row>
    <row r="1402" spans="3:11" x14ac:dyDescent="0.2">
      <c r="C1402" s="277"/>
      <c r="D1402" s="277"/>
      <c r="E1402" s="277"/>
      <c r="F1402" s="277"/>
      <c r="G1402" s="277"/>
      <c r="H1402" s="277"/>
      <c r="I1402" s="277"/>
      <c r="J1402" s="277"/>
      <c r="K1402" s="277"/>
    </row>
    <row r="1403" spans="3:11" x14ac:dyDescent="0.2">
      <c r="C1403" s="277"/>
      <c r="D1403" s="277"/>
      <c r="E1403" s="277"/>
      <c r="F1403" s="277"/>
      <c r="G1403" s="277"/>
      <c r="H1403" s="277"/>
      <c r="I1403" s="277"/>
      <c r="J1403" s="277"/>
      <c r="K1403" s="277"/>
    </row>
    <row r="1404" spans="3:11" x14ac:dyDescent="0.2">
      <c r="C1404" s="277"/>
      <c r="D1404" s="277"/>
      <c r="E1404" s="277"/>
      <c r="F1404" s="277"/>
      <c r="G1404" s="277"/>
      <c r="H1404" s="277"/>
      <c r="I1404" s="277"/>
      <c r="J1404" s="277"/>
      <c r="K1404" s="277"/>
    </row>
    <row r="1405" spans="3:11" x14ac:dyDescent="0.2">
      <c r="C1405" s="277"/>
      <c r="D1405" s="277"/>
      <c r="E1405" s="277"/>
      <c r="F1405" s="277"/>
      <c r="G1405" s="277"/>
      <c r="H1405" s="277"/>
      <c r="I1405" s="277"/>
      <c r="J1405" s="277"/>
      <c r="K1405" s="277"/>
    </row>
    <row r="1406" spans="3:11" x14ac:dyDescent="0.2">
      <c r="C1406" s="277"/>
      <c r="D1406" s="277"/>
      <c r="E1406" s="277"/>
      <c r="F1406" s="277"/>
      <c r="G1406" s="277"/>
      <c r="H1406" s="277"/>
      <c r="I1406" s="277"/>
      <c r="J1406" s="277"/>
      <c r="K1406" s="277"/>
    </row>
    <row r="1407" spans="3:11" x14ac:dyDescent="0.2">
      <c r="C1407" s="277"/>
      <c r="D1407" s="277"/>
      <c r="E1407" s="277"/>
      <c r="F1407" s="277"/>
      <c r="G1407" s="277"/>
      <c r="H1407" s="277"/>
      <c r="I1407" s="277"/>
      <c r="J1407" s="277"/>
      <c r="K1407" s="277"/>
    </row>
    <row r="1408" spans="3:11" x14ac:dyDescent="0.2">
      <c r="C1408" s="277"/>
      <c r="D1408" s="277"/>
      <c r="E1408" s="277"/>
      <c r="F1408" s="277"/>
      <c r="G1408" s="277"/>
      <c r="H1408" s="277"/>
      <c r="I1408" s="277"/>
      <c r="J1408" s="277"/>
      <c r="K1408" s="277"/>
    </row>
    <row r="1409" spans="3:11" x14ac:dyDescent="0.2">
      <c r="C1409" s="277"/>
      <c r="D1409" s="277"/>
      <c r="E1409" s="277"/>
      <c r="F1409" s="277"/>
      <c r="G1409" s="277"/>
      <c r="H1409" s="277"/>
      <c r="I1409" s="277"/>
      <c r="J1409" s="277"/>
      <c r="K1409" s="277"/>
    </row>
    <row r="1410" spans="3:11" x14ac:dyDescent="0.2">
      <c r="C1410" s="277"/>
      <c r="D1410" s="277"/>
      <c r="E1410" s="277"/>
      <c r="F1410" s="277"/>
      <c r="G1410" s="277"/>
      <c r="H1410" s="277"/>
      <c r="I1410" s="277"/>
      <c r="J1410" s="277"/>
      <c r="K1410" s="277"/>
    </row>
    <row r="1411" spans="3:11" x14ac:dyDescent="0.2">
      <c r="C1411" s="277"/>
      <c r="D1411" s="277"/>
      <c r="E1411" s="277"/>
      <c r="F1411" s="277"/>
      <c r="G1411" s="277"/>
      <c r="H1411" s="277"/>
      <c r="I1411" s="277"/>
      <c r="J1411" s="277"/>
      <c r="K1411" s="277"/>
    </row>
    <row r="1412" spans="3:11" x14ac:dyDescent="0.2">
      <c r="C1412" s="277"/>
      <c r="D1412" s="277"/>
      <c r="E1412" s="277"/>
      <c r="F1412" s="277"/>
      <c r="G1412" s="277"/>
      <c r="H1412" s="277"/>
      <c r="I1412" s="277"/>
      <c r="J1412" s="277"/>
      <c r="K1412" s="277"/>
    </row>
    <row r="1413" spans="3:11" x14ac:dyDescent="0.2">
      <c r="C1413" s="277"/>
      <c r="D1413" s="277"/>
      <c r="E1413" s="277"/>
      <c r="F1413" s="277"/>
      <c r="G1413" s="277"/>
      <c r="H1413" s="277"/>
      <c r="I1413" s="277"/>
      <c r="J1413" s="277"/>
      <c r="K1413" s="277"/>
    </row>
    <row r="1414" spans="3:11" x14ac:dyDescent="0.2">
      <c r="C1414" s="277"/>
      <c r="D1414" s="277"/>
      <c r="E1414" s="277"/>
      <c r="F1414" s="277"/>
      <c r="G1414" s="277"/>
      <c r="H1414" s="277"/>
      <c r="I1414" s="277"/>
      <c r="J1414" s="277"/>
      <c r="K1414" s="277"/>
    </row>
    <row r="1415" spans="3:11" x14ac:dyDescent="0.2">
      <c r="C1415" s="277"/>
      <c r="D1415" s="277"/>
      <c r="E1415" s="277"/>
      <c r="F1415" s="277"/>
      <c r="G1415" s="277"/>
      <c r="H1415" s="277"/>
      <c r="I1415" s="277"/>
      <c r="J1415" s="277"/>
      <c r="K1415" s="277"/>
    </row>
    <row r="1416" spans="3:11" x14ac:dyDescent="0.2">
      <c r="C1416" s="277"/>
      <c r="D1416" s="277"/>
      <c r="E1416" s="277"/>
      <c r="F1416" s="277"/>
      <c r="G1416" s="277"/>
      <c r="H1416" s="277"/>
      <c r="I1416" s="277"/>
      <c r="J1416" s="277"/>
      <c r="K1416" s="277"/>
    </row>
    <row r="1417" spans="3:11" x14ac:dyDescent="0.2">
      <c r="C1417" s="277"/>
      <c r="D1417" s="277"/>
      <c r="E1417" s="277"/>
      <c r="F1417" s="277"/>
      <c r="G1417" s="277"/>
      <c r="H1417" s="277"/>
      <c r="I1417" s="277"/>
      <c r="J1417" s="277"/>
      <c r="K1417" s="277"/>
    </row>
    <row r="1418" spans="3:11" x14ac:dyDescent="0.2">
      <c r="C1418" s="277"/>
      <c r="D1418" s="277"/>
      <c r="E1418" s="277"/>
      <c r="F1418" s="277"/>
      <c r="G1418" s="277"/>
      <c r="H1418" s="277"/>
      <c r="I1418" s="277"/>
      <c r="J1418" s="277"/>
      <c r="K1418" s="277"/>
    </row>
    <row r="1419" spans="3:11" x14ac:dyDescent="0.2">
      <c r="C1419" s="277"/>
      <c r="D1419" s="277"/>
      <c r="E1419" s="277"/>
      <c r="F1419" s="277"/>
      <c r="G1419" s="277"/>
      <c r="H1419" s="277"/>
      <c r="I1419" s="277"/>
      <c r="J1419" s="277"/>
      <c r="K1419" s="277"/>
    </row>
    <row r="1420" spans="3:11" x14ac:dyDescent="0.2">
      <c r="C1420" s="277"/>
      <c r="D1420" s="277"/>
      <c r="E1420" s="277"/>
      <c r="F1420" s="277"/>
      <c r="G1420" s="277"/>
      <c r="H1420" s="277"/>
      <c r="I1420" s="277"/>
      <c r="J1420" s="277"/>
      <c r="K1420" s="277"/>
    </row>
    <row r="1421" spans="3:11" x14ac:dyDescent="0.2">
      <c r="C1421" s="277"/>
      <c r="D1421" s="277"/>
      <c r="E1421" s="277"/>
      <c r="F1421" s="277"/>
      <c r="G1421" s="277"/>
      <c r="H1421" s="277"/>
      <c r="I1421" s="277"/>
      <c r="J1421" s="277"/>
      <c r="K1421" s="277"/>
    </row>
    <row r="1422" spans="3:11" x14ac:dyDescent="0.2">
      <c r="C1422" s="277"/>
      <c r="D1422" s="277"/>
      <c r="E1422" s="277"/>
      <c r="F1422" s="277"/>
      <c r="G1422" s="277"/>
      <c r="H1422" s="277"/>
      <c r="I1422" s="277"/>
      <c r="J1422" s="277"/>
      <c r="K1422" s="277"/>
    </row>
    <row r="1423" spans="3:11" x14ac:dyDescent="0.2">
      <c r="C1423" s="277"/>
      <c r="D1423" s="277"/>
      <c r="E1423" s="277"/>
      <c r="F1423" s="277"/>
      <c r="G1423" s="277"/>
      <c r="H1423" s="277"/>
      <c r="I1423" s="277"/>
      <c r="J1423" s="277"/>
      <c r="K1423" s="277"/>
    </row>
    <row r="1424" spans="3:11" x14ac:dyDescent="0.2">
      <c r="C1424" s="277"/>
      <c r="D1424" s="277"/>
      <c r="E1424" s="277"/>
      <c r="F1424" s="277"/>
      <c r="G1424" s="277"/>
      <c r="H1424" s="277"/>
      <c r="I1424" s="277"/>
      <c r="J1424" s="277"/>
      <c r="K1424" s="277"/>
    </row>
    <row r="1425" spans="3:11" x14ac:dyDescent="0.2">
      <c r="C1425" s="277"/>
      <c r="D1425" s="277"/>
      <c r="E1425" s="277"/>
      <c r="F1425" s="277"/>
      <c r="G1425" s="277"/>
      <c r="H1425" s="277"/>
      <c r="I1425" s="277"/>
      <c r="J1425" s="277"/>
      <c r="K1425" s="277"/>
    </row>
    <row r="1426" spans="3:11" x14ac:dyDescent="0.2">
      <c r="C1426" s="277"/>
      <c r="D1426" s="277"/>
      <c r="E1426" s="277"/>
      <c r="F1426" s="277"/>
      <c r="G1426" s="277"/>
      <c r="H1426" s="277"/>
      <c r="I1426" s="277"/>
      <c r="J1426" s="277"/>
      <c r="K1426" s="277"/>
    </row>
    <row r="1427" spans="3:11" x14ac:dyDescent="0.2">
      <c r="C1427" s="277"/>
      <c r="D1427" s="277"/>
      <c r="E1427" s="277"/>
      <c r="F1427" s="277"/>
      <c r="G1427" s="277"/>
      <c r="H1427" s="277"/>
      <c r="I1427" s="277"/>
      <c r="J1427" s="277"/>
      <c r="K1427" s="277"/>
    </row>
    <row r="1428" spans="3:11" x14ac:dyDescent="0.2">
      <c r="C1428" s="277"/>
      <c r="D1428" s="277"/>
      <c r="E1428" s="277"/>
      <c r="F1428" s="277"/>
      <c r="G1428" s="277"/>
      <c r="H1428" s="277"/>
      <c r="I1428" s="277"/>
      <c r="J1428" s="277"/>
      <c r="K1428" s="277"/>
    </row>
    <row r="1429" spans="3:11" x14ac:dyDescent="0.2">
      <c r="C1429" s="277"/>
      <c r="D1429" s="277"/>
      <c r="E1429" s="277"/>
      <c r="F1429" s="277"/>
      <c r="G1429" s="277"/>
      <c r="H1429" s="277"/>
      <c r="I1429" s="277"/>
      <c r="J1429" s="277"/>
      <c r="K1429" s="277"/>
    </row>
    <row r="1430" spans="3:11" x14ac:dyDescent="0.2">
      <c r="C1430" s="277"/>
      <c r="D1430" s="277"/>
      <c r="E1430" s="277"/>
      <c r="F1430" s="277"/>
      <c r="G1430" s="277"/>
      <c r="H1430" s="277"/>
      <c r="I1430" s="277"/>
      <c r="J1430" s="277"/>
      <c r="K1430" s="277"/>
    </row>
    <row r="1431" spans="3:11" x14ac:dyDescent="0.2">
      <c r="C1431" s="277"/>
      <c r="D1431" s="277"/>
      <c r="E1431" s="277"/>
      <c r="F1431" s="277"/>
      <c r="G1431" s="277"/>
      <c r="H1431" s="277"/>
      <c r="I1431" s="277"/>
      <c r="J1431" s="277"/>
      <c r="K1431" s="277"/>
    </row>
    <row r="1432" spans="3:11" x14ac:dyDescent="0.2">
      <c r="C1432" s="277"/>
      <c r="D1432" s="277"/>
      <c r="E1432" s="277"/>
      <c r="F1432" s="277"/>
      <c r="G1432" s="277"/>
      <c r="H1432" s="277"/>
      <c r="I1432" s="277"/>
      <c r="J1432" s="277"/>
      <c r="K1432" s="277"/>
    </row>
    <row r="1433" spans="3:11" x14ac:dyDescent="0.2">
      <c r="C1433" s="277"/>
      <c r="D1433" s="277"/>
      <c r="E1433" s="277"/>
      <c r="F1433" s="277"/>
      <c r="G1433" s="277"/>
      <c r="H1433" s="277"/>
      <c r="I1433" s="277"/>
      <c r="J1433" s="277"/>
      <c r="K1433" s="277"/>
    </row>
    <row r="1434" spans="3:11" x14ac:dyDescent="0.2">
      <c r="C1434" s="277"/>
      <c r="D1434" s="277"/>
      <c r="E1434" s="277"/>
      <c r="F1434" s="277"/>
      <c r="G1434" s="277"/>
      <c r="H1434" s="277"/>
      <c r="I1434" s="277"/>
      <c r="J1434" s="277"/>
      <c r="K1434" s="277"/>
    </row>
    <row r="1435" spans="3:11" x14ac:dyDescent="0.2">
      <c r="C1435" s="277"/>
      <c r="D1435" s="277"/>
      <c r="E1435" s="277"/>
      <c r="F1435" s="277"/>
      <c r="G1435" s="277"/>
      <c r="H1435" s="277"/>
      <c r="I1435" s="277"/>
      <c r="J1435" s="277"/>
      <c r="K1435" s="277"/>
    </row>
    <row r="1436" spans="3:11" x14ac:dyDescent="0.2">
      <c r="C1436" s="277"/>
      <c r="D1436" s="277"/>
      <c r="E1436" s="277"/>
      <c r="F1436" s="277"/>
      <c r="G1436" s="277"/>
      <c r="H1436" s="277"/>
      <c r="I1436" s="277"/>
      <c r="J1436" s="277"/>
      <c r="K1436" s="277"/>
    </row>
    <row r="1437" spans="3:11" x14ac:dyDescent="0.2">
      <c r="C1437" s="277"/>
      <c r="D1437" s="277"/>
      <c r="E1437" s="277"/>
      <c r="F1437" s="277"/>
      <c r="G1437" s="277"/>
      <c r="H1437" s="277"/>
      <c r="I1437" s="277"/>
      <c r="J1437" s="277"/>
      <c r="K1437" s="277"/>
    </row>
    <row r="1438" spans="3:11" x14ac:dyDescent="0.2">
      <c r="C1438" s="277"/>
      <c r="D1438" s="277"/>
      <c r="E1438" s="277"/>
      <c r="F1438" s="277"/>
      <c r="G1438" s="277"/>
      <c r="H1438" s="277"/>
      <c r="I1438" s="277"/>
      <c r="J1438" s="277"/>
      <c r="K1438" s="277"/>
    </row>
    <row r="1439" spans="3:11" x14ac:dyDescent="0.2">
      <c r="C1439" s="277"/>
      <c r="D1439" s="277"/>
      <c r="E1439" s="277"/>
      <c r="F1439" s="277"/>
      <c r="G1439" s="277"/>
      <c r="H1439" s="277"/>
      <c r="I1439" s="277"/>
      <c r="J1439" s="277"/>
      <c r="K1439" s="277"/>
    </row>
    <row r="1440" spans="3:11" x14ac:dyDescent="0.2">
      <c r="C1440" s="277"/>
      <c r="D1440" s="277"/>
      <c r="E1440" s="277"/>
      <c r="F1440" s="277"/>
      <c r="G1440" s="277"/>
      <c r="H1440" s="277"/>
      <c r="I1440" s="277"/>
      <c r="J1440" s="277"/>
      <c r="K1440" s="277"/>
    </row>
    <row r="1441" spans="3:11" x14ac:dyDescent="0.2">
      <c r="C1441" s="277"/>
      <c r="D1441" s="277"/>
      <c r="E1441" s="277"/>
      <c r="F1441" s="277"/>
      <c r="G1441" s="277"/>
      <c r="H1441" s="277"/>
      <c r="I1441" s="277"/>
      <c r="J1441" s="277"/>
      <c r="K1441" s="277"/>
    </row>
    <row r="1442" spans="3:11" x14ac:dyDescent="0.2">
      <c r="C1442" s="277"/>
      <c r="D1442" s="277"/>
      <c r="E1442" s="277"/>
      <c r="F1442" s="277"/>
      <c r="G1442" s="277"/>
      <c r="H1442" s="277"/>
      <c r="I1442" s="277"/>
      <c r="J1442" s="277"/>
      <c r="K1442" s="277"/>
    </row>
    <row r="1443" spans="3:11" x14ac:dyDescent="0.2">
      <c r="C1443" s="277"/>
      <c r="D1443" s="277"/>
      <c r="E1443" s="277"/>
      <c r="F1443" s="277"/>
      <c r="G1443" s="277"/>
      <c r="H1443" s="277"/>
      <c r="I1443" s="277"/>
      <c r="J1443" s="277"/>
      <c r="K1443" s="277"/>
    </row>
    <row r="1444" spans="3:11" x14ac:dyDescent="0.2">
      <c r="C1444" s="277"/>
      <c r="D1444" s="277"/>
      <c r="E1444" s="277"/>
      <c r="F1444" s="277"/>
      <c r="G1444" s="277"/>
      <c r="H1444" s="277"/>
      <c r="I1444" s="277"/>
      <c r="J1444" s="277"/>
      <c r="K1444" s="277"/>
    </row>
    <row r="1445" spans="3:11" x14ac:dyDescent="0.2">
      <c r="C1445" s="277"/>
      <c r="D1445" s="277"/>
      <c r="E1445" s="277"/>
      <c r="F1445" s="277"/>
      <c r="G1445" s="277"/>
      <c r="H1445" s="277"/>
      <c r="I1445" s="277"/>
      <c r="J1445" s="277"/>
      <c r="K1445" s="277"/>
    </row>
    <row r="1446" spans="3:11" x14ac:dyDescent="0.2">
      <c r="C1446" s="277"/>
      <c r="D1446" s="277"/>
      <c r="E1446" s="277"/>
      <c r="F1446" s="277"/>
      <c r="G1446" s="277"/>
      <c r="H1446" s="277"/>
      <c r="I1446" s="277"/>
      <c r="J1446" s="277"/>
      <c r="K1446" s="277"/>
    </row>
    <row r="1447" spans="3:11" x14ac:dyDescent="0.2">
      <c r="C1447" s="277"/>
      <c r="D1447" s="277"/>
      <c r="E1447" s="277"/>
      <c r="F1447" s="277"/>
      <c r="G1447" s="277"/>
      <c r="H1447" s="277"/>
      <c r="I1447" s="277"/>
      <c r="J1447" s="277"/>
      <c r="K1447" s="277"/>
    </row>
    <row r="1448" spans="3:11" x14ac:dyDescent="0.2">
      <c r="C1448" s="277"/>
      <c r="D1448" s="277"/>
      <c r="E1448" s="277"/>
      <c r="F1448" s="277"/>
      <c r="G1448" s="277"/>
      <c r="H1448" s="277"/>
      <c r="I1448" s="277"/>
      <c r="J1448" s="277"/>
      <c r="K1448" s="277"/>
    </row>
    <row r="1449" spans="3:11" x14ac:dyDescent="0.2">
      <c r="C1449" s="277"/>
      <c r="D1449" s="277"/>
      <c r="E1449" s="277"/>
      <c r="F1449" s="277"/>
      <c r="G1449" s="277"/>
      <c r="H1449" s="277"/>
      <c r="I1449" s="277"/>
      <c r="J1449" s="277"/>
      <c r="K1449" s="277"/>
    </row>
    <row r="1450" spans="3:11" x14ac:dyDescent="0.2">
      <c r="C1450" s="277"/>
      <c r="D1450" s="277"/>
      <c r="E1450" s="277"/>
      <c r="F1450" s="277"/>
      <c r="G1450" s="277"/>
      <c r="H1450" s="277"/>
      <c r="I1450" s="277"/>
      <c r="J1450" s="277"/>
      <c r="K1450" s="277"/>
    </row>
    <row r="1451" spans="3:11" x14ac:dyDescent="0.2">
      <c r="C1451" s="277"/>
      <c r="D1451" s="277"/>
      <c r="E1451" s="277"/>
      <c r="F1451" s="277"/>
      <c r="G1451" s="277"/>
      <c r="H1451" s="277"/>
      <c r="I1451" s="277"/>
      <c r="J1451" s="277"/>
      <c r="K1451" s="277"/>
    </row>
    <row r="1452" spans="3:11" x14ac:dyDescent="0.2">
      <c r="C1452" s="277"/>
      <c r="D1452" s="277"/>
      <c r="E1452" s="277"/>
      <c r="F1452" s="277"/>
      <c r="G1452" s="277"/>
      <c r="H1452" s="277"/>
      <c r="I1452" s="277"/>
      <c r="J1452" s="277"/>
      <c r="K1452" s="277"/>
    </row>
    <row r="1453" spans="3:11" x14ac:dyDescent="0.2">
      <c r="C1453" s="277"/>
      <c r="D1453" s="277"/>
      <c r="E1453" s="277"/>
      <c r="F1453" s="277"/>
      <c r="G1453" s="277"/>
      <c r="H1453" s="277"/>
      <c r="I1453" s="277"/>
      <c r="J1453" s="277"/>
      <c r="K1453" s="277"/>
    </row>
    <row r="1454" spans="3:11" x14ac:dyDescent="0.2">
      <c r="C1454" s="277"/>
      <c r="D1454" s="277"/>
      <c r="E1454" s="277"/>
      <c r="F1454" s="277"/>
      <c r="G1454" s="277"/>
      <c r="H1454" s="277"/>
      <c r="I1454" s="277"/>
      <c r="J1454" s="277"/>
      <c r="K1454" s="277"/>
    </row>
    <row r="1455" spans="3:11" x14ac:dyDescent="0.2">
      <c r="C1455" s="277"/>
      <c r="D1455" s="277"/>
      <c r="E1455" s="277"/>
      <c r="F1455" s="277"/>
      <c r="G1455" s="277"/>
      <c r="H1455" s="277"/>
      <c r="I1455" s="277"/>
      <c r="J1455" s="277"/>
      <c r="K1455" s="277"/>
    </row>
    <row r="1456" spans="3:11" x14ac:dyDescent="0.2">
      <c r="C1456" s="277"/>
      <c r="D1456" s="277"/>
      <c r="E1456" s="277"/>
      <c r="F1456" s="277"/>
      <c r="G1456" s="277"/>
      <c r="H1456" s="277"/>
      <c r="I1456" s="277"/>
      <c r="J1456" s="277"/>
      <c r="K1456" s="277"/>
    </row>
    <row r="1457" spans="3:11" x14ac:dyDescent="0.2">
      <c r="C1457" s="277"/>
      <c r="D1457" s="277"/>
      <c r="E1457" s="277"/>
      <c r="F1457" s="277"/>
      <c r="G1457" s="277"/>
      <c r="H1457" s="277"/>
      <c r="I1457" s="277"/>
      <c r="J1457" s="277"/>
      <c r="K1457" s="277"/>
    </row>
    <row r="1458" spans="3:11" x14ac:dyDescent="0.2">
      <c r="C1458" s="277"/>
      <c r="D1458" s="277"/>
      <c r="E1458" s="277"/>
      <c r="F1458" s="277"/>
      <c r="G1458" s="277"/>
      <c r="H1458" s="277"/>
      <c r="I1458" s="277"/>
      <c r="J1458" s="277"/>
      <c r="K1458" s="277"/>
    </row>
    <row r="1459" spans="3:11" x14ac:dyDescent="0.2">
      <c r="C1459" s="277"/>
      <c r="D1459" s="277"/>
      <c r="E1459" s="277"/>
      <c r="F1459" s="277"/>
      <c r="G1459" s="277"/>
      <c r="H1459" s="277"/>
      <c r="I1459" s="277"/>
      <c r="J1459" s="277"/>
      <c r="K1459" s="277"/>
    </row>
    <row r="1460" spans="3:11" x14ac:dyDescent="0.2">
      <c r="C1460" s="277"/>
      <c r="D1460" s="277"/>
      <c r="E1460" s="277"/>
      <c r="F1460" s="277"/>
      <c r="G1460" s="277"/>
      <c r="H1460" s="277"/>
      <c r="I1460" s="277"/>
      <c r="J1460" s="277"/>
      <c r="K1460" s="277"/>
    </row>
    <row r="1461" spans="3:11" x14ac:dyDescent="0.2">
      <c r="C1461" s="277"/>
      <c r="D1461" s="277"/>
      <c r="E1461" s="277"/>
      <c r="F1461" s="277"/>
      <c r="G1461" s="277"/>
      <c r="H1461" s="277"/>
      <c r="I1461" s="277"/>
      <c r="J1461" s="277"/>
      <c r="K1461" s="277"/>
    </row>
    <row r="1462" spans="3:11" x14ac:dyDescent="0.2">
      <c r="C1462" s="277"/>
      <c r="D1462" s="277"/>
      <c r="E1462" s="277"/>
      <c r="F1462" s="277"/>
      <c r="G1462" s="277"/>
      <c r="H1462" s="277"/>
      <c r="I1462" s="277"/>
      <c r="J1462" s="277"/>
      <c r="K1462" s="277"/>
    </row>
    <row r="1463" spans="3:11" x14ac:dyDescent="0.2">
      <c r="C1463" s="277"/>
      <c r="D1463" s="277"/>
      <c r="E1463" s="277"/>
      <c r="F1463" s="277"/>
      <c r="G1463" s="277"/>
      <c r="H1463" s="277"/>
      <c r="I1463" s="277"/>
      <c r="J1463" s="277"/>
      <c r="K1463" s="277"/>
    </row>
    <row r="1464" spans="3:11" x14ac:dyDescent="0.2">
      <c r="C1464" s="277"/>
      <c r="D1464" s="277"/>
      <c r="E1464" s="277"/>
      <c r="F1464" s="277"/>
      <c r="G1464" s="277"/>
      <c r="H1464" s="277"/>
      <c r="I1464" s="277"/>
      <c r="J1464" s="277"/>
      <c r="K1464" s="277"/>
    </row>
    <row r="1465" spans="3:11" x14ac:dyDescent="0.2">
      <c r="C1465" s="277"/>
      <c r="D1465" s="277"/>
      <c r="E1465" s="277"/>
      <c r="F1465" s="277"/>
      <c r="G1465" s="277"/>
      <c r="H1465" s="277"/>
      <c r="I1465" s="277"/>
      <c r="J1465" s="277"/>
      <c r="K1465" s="277"/>
    </row>
    <row r="1466" spans="3:11" x14ac:dyDescent="0.2">
      <c r="C1466" s="277"/>
      <c r="D1466" s="277"/>
      <c r="E1466" s="277"/>
      <c r="F1466" s="277"/>
      <c r="G1466" s="277"/>
      <c r="H1466" s="277"/>
      <c r="I1466" s="277"/>
      <c r="J1466" s="277"/>
      <c r="K1466" s="277"/>
    </row>
    <row r="1467" spans="3:11" x14ac:dyDescent="0.2">
      <c r="C1467" s="277"/>
      <c r="D1467" s="277"/>
      <c r="E1467" s="277"/>
      <c r="F1467" s="277"/>
      <c r="G1467" s="277"/>
      <c r="H1467" s="277"/>
      <c r="I1467" s="277"/>
      <c r="J1467" s="277"/>
      <c r="K1467" s="277"/>
    </row>
    <row r="1468" spans="3:11" x14ac:dyDescent="0.2">
      <c r="C1468" s="277"/>
      <c r="D1468" s="277"/>
      <c r="E1468" s="277"/>
      <c r="F1468" s="277"/>
      <c r="G1468" s="277"/>
      <c r="H1468" s="277"/>
      <c r="I1468" s="277"/>
      <c r="J1468" s="277"/>
      <c r="K1468" s="277"/>
    </row>
    <row r="1469" spans="3:11" x14ac:dyDescent="0.2">
      <c r="C1469" s="277"/>
      <c r="D1469" s="277"/>
      <c r="E1469" s="277"/>
      <c r="F1469" s="277"/>
      <c r="G1469" s="277"/>
      <c r="H1469" s="277"/>
      <c r="I1469" s="277"/>
      <c r="J1469" s="277"/>
      <c r="K1469" s="277"/>
    </row>
    <row r="1470" spans="3:11" x14ac:dyDescent="0.2">
      <c r="C1470" s="277"/>
      <c r="D1470" s="277"/>
      <c r="E1470" s="277"/>
      <c r="F1470" s="277"/>
      <c r="G1470" s="277"/>
      <c r="H1470" s="277"/>
      <c r="I1470" s="277"/>
      <c r="J1470" s="277"/>
      <c r="K1470" s="277"/>
    </row>
    <row r="1471" spans="3:11" x14ac:dyDescent="0.2">
      <c r="C1471" s="277"/>
      <c r="D1471" s="277"/>
      <c r="E1471" s="277"/>
      <c r="F1471" s="277"/>
      <c r="G1471" s="277"/>
      <c r="H1471" s="277"/>
      <c r="I1471" s="277"/>
      <c r="J1471" s="277"/>
      <c r="K1471" s="277"/>
    </row>
    <row r="1472" spans="3:11" x14ac:dyDescent="0.2">
      <c r="C1472" s="277"/>
      <c r="D1472" s="277"/>
      <c r="E1472" s="277"/>
      <c r="F1472" s="277"/>
      <c r="G1472" s="277"/>
      <c r="H1472" s="277"/>
      <c r="I1472" s="277"/>
      <c r="J1472" s="277"/>
      <c r="K1472" s="277"/>
    </row>
    <row r="1473" spans="3:11" x14ac:dyDescent="0.2">
      <c r="C1473" s="277"/>
      <c r="D1473" s="277"/>
      <c r="E1473" s="277"/>
      <c r="F1473" s="277"/>
      <c r="G1473" s="277"/>
      <c r="H1473" s="277"/>
      <c r="I1473" s="277"/>
      <c r="J1473" s="277"/>
      <c r="K1473" s="277"/>
    </row>
    <row r="1474" spans="3:11" x14ac:dyDescent="0.2">
      <c r="C1474" s="277"/>
      <c r="D1474" s="277"/>
      <c r="E1474" s="277"/>
      <c r="F1474" s="277"/>
      <c r="G1474" s="277"/>
      <c r="H1474" s="277"/>
      <c r="I1474" s="277"/>
      <c r="J1474" s="277"/>
      <c r="K1474" s="277"/>
    </row>
    <row r="1475" spans="3:11" x14ac:dyDescent="0.2">
      <c r="C1475" s="277"/>
      <c r="D1475" s="277"/>
      <c r="E1475" s="277"/>
      <c r="F1475" s="277"/>
      <c r="G1475" s="277"/>
      <c r="H1475" s="277"/>
      <c r="I1475" s="277"/>
      <c r="J1475" s="277"/>
      <c r="K1475" s="277"/>
    </row>
    <row r="1476" spans="3:11" x14ac:dyDescent="0.2">
      <c r="C1476" s="277"/>
      <c r="D1476" s="277"/>
      <c r="E1476" s="277"/>
      <c r="F1476" s="277"/>
      <c r="G1476" s="277"/>
      <c r="H1476" s="277"/>
      <c r="I1476" s="277"/>
      <c r="J1476" s="277"/>
      <c r="K1476" s="277"/>
    </row>
    <row r="1477" spans="3:11" x14ac:dyDescent="0.2">
      <c r="C1477" s="277"/>
      <c r="D1477" s="277"/>
      <c r="E1477" s="277"/>
      <c r="F1477" s="277"/>
      <c r="G1477" s="277"/>
      <c r="H1477" s="277"/>
      <c r="I1477" s="277"/>
      <c r="J1477" s="277"/>
      <c r="K1477" s="277"/>
    </row>
    <row r="1478" spans="3:11" x14ac:dyDescent="0.2">
      <c r="C1478" s="277"/>
      <c r="D1478" s="277"/>
      <c r="E1478" s="277"/>
      <c r="F1478" s="277"/>
      <c r="G1478" s="277"/>
      <c r="H1478" s="277"/>
      <c r="I1478" s="277"/>
      <c r="J1478" s="277"/>
      <c r="K1478" s="277"/>
    </row>
    <row r="1479" spans="3:11" x14ac:dyDescent="0.2">
      <c r="C1479" s="277"/>
      <c r="D1479" s="277"/>
      <c r="E1479" s="277"/>
      <c r="F1479" s="277"/>
      <c r="G1479" s="277"/>
      <c r="H1479" s="277"/>
      <c r="I1479" s="277"/>
      <c r="J1479" s="277"/>
      <c r="K1479" s="277"/>
    </row>
    <row r="1480" spans="3:11" x14ac:dyDescent="0.2">
      <c r="C1480" s="277"/>
      <c r="D1480" s="277"/>
      <c r="E1480" s="277"/>
      <c r="F1480" s="277"/>
      <c r="G1480" s="277"/>
      <c r="H1480" s="277"/>
      <c r="I1480" s="277"/>
      <c r="J1480" s="277"/>
      <c r="K1480" s="277"/>
    </row>
    <row r="1481" spans="3:11" x14ac:dyDescent="0.2">
      <c r="C1481" s="277"/>
      <c r="D1481" s="277"/>
      <c r="E1481" s="277"/>
      <c r="F1481" s="277"/>
      <c r="G1481" s="277"/>
      <c r="H1481" s="277"/>
      <c r="I1481" s="277"/>
      <c r="J1481" s="277"/>
      <c r="K1481" s="277"/>
    </row>
    <row r="1482" spans="3:11" x14ac:dyDescent="0.2">
      <c r="C1482" s="277"/>
      <c r="D1482" s="277"/>
      <c r="E1482" s="277"/>
      <c r="F1482" s="277"/>
      <c r="G1482" s="277"/>
      <c r="H1482" s="277"/>
      <c r="I1482" s="277"/>
      <c r="J1482" s="277"/>
      <c r="K1482" s="277"/>
    </row>
    <row r="1483" spans="3:11" x14ac:dyDescent="0.2">
      <c r="C1483" s="277"/>
      <c r="D1483" s="277"/>
      <c r="E1483" s="277"/>
      <c r="F1483" s="277"/>
      <c r="G1483" s="277"/>
      <c r="H1483" s="277"/>
      <c r="I1483" s="277"/>
      <c r="J1483" s="277"/>
      <c r="K1483" s="277"/>
    </row>
    <row r="1484" spans="3:11" x14ac:dyDescent="0.2">
      <c r="C1484" s="277"/>
      <c r="D1484" s="277"/>
      <c r="E1484" s="277"/>
      <c r="F1484" s="277"/>
      <c r="G1484" s="277"/>
      <c r="H1484" s="277"/>
      <c r="I1484" s="277"/>
      <c r="J1484" s="277"/>
      <c r="K1484" s="277"/>
    </row>
    <row r="1485" spans="3:11" x14ac:dyDescent="0.2">
      <c r="C1485" s="277"/>
      <c r="D1485" s="277"/>
      <c r="E1485" s="277"/>
      <c r="F1485" s="277"/>
      <c r="G1485" s="277"/>
      <c r="H1485" s="277"/>
      <c r="I1485" s="277"/>
      <c r="J1485" s="277"/>
      <c r="K1485" s="277"/>
    </row>
    <row r="1486" spans="3:11" x14ac:dyDescent="0.2">
      <c r="C1486" s="277"/>
      <c r="D1486" s="277"/>
      <c r="E1486" s="277"/>
      <c r="F1486" s="277"/>
      <c r="G1486" s="277"/>
      <c r="H1486" s="277"/>
      <c r="I1486" s="277"/>
      <c r="J1486" s="277"/>
      <c r="K1486" s="277"/>
    </row>
    <row r="1487" spans="3:11" x14ac:dyDescent="0.2">
      <c r="C1487" s="277"/>
      <c r="D1487" s="277"/>
      <c r="E1487" s="277"/>
      <c r="F1487" s="277"/>
      <c r="G1487" s="277"/>
      <c r="H1487" s="277"/>
      <c r="I1487" s="277"/>
      <c r="J1487" s="277"/>
      <c r="K1487" s="277"/>
    </row>
    <row r="1488" spans="3:11" x14ac:dyDescent="0.2">
      <c r="C1488" s="277"/>
      <c r="D1488" s="277"/>
      <c r="E1488" s="277"/>
      <c r="F1488" s="277"/>
      <c r="G1488" s="277"/>
      <c r="H1488" s="277"/>
      <c r="I1488" s="277"/>
      <c r="J1488" s="277"/>
      <c r="K1488" s="277"/>
    </row>
    <row r="1489" spans="3:11" x14ac:dyDescent="0.2">
      <c r="C1489" s="277"/>
      <c r="D1489" s="277"/>
      <c r="E1489" s="277"/>
      <c r="F1489" s="277"/>
      <c r="G1489" s="277"/>
      <c r="H1489" s="277"/>
      <c r="I1489" s="277"/>
      <c r="J1489" s="277"/>
      <c r="K1489" s="277"/>
    </row>
    <row r="1490" spans="3:11" x14ac:dyDescent="0.2">
      <c r="C1490" s="277"/>
      <c r="D1490" s="277"/>
      <c r="E1490" s="277"/>
      <c r="F1490" s="277"/>
      <c r="G1490" s="277"/>
      <c r="H1490" s="277"/>
      <c r="I1490" s="277"/>
      <c r="J1490" s="277"/>
      <c r="K1490" s="277"/>
    </row>
    <row r="1491" spans="3:11" x14ac:dyDescent="0.2">
      <c r="C1491" s="277"/>
      <c r="D1491" s="277"/>
      <c r="E1491" s="277"/>
      <c r="F1491" s="277"/>
      <c r="G1491" s="277"/>
      <c r="H1491" s="277"/>
      <c r="I1491" s="277"/>
      <c r="J1491" s="277"/>
      <c r="K1491" s="277"/>
    </row>
    <row r="1492" spans="3:11" x14ac:dyDescent="0.2">
      <c r="C1492" s="277"/>
      <c r="D1492" s="277"/>
      <c r="E1492" s="277"/>
      <c r="F1492" s="277"/>
      <c r="G1492" s="277"/>
      <c r="H1492" s="277"/>
      <c r="I1492" s="277"/>
      <c r="J1492" s="277"/>
      <c r="K1492" s="277"/>
    </row>
    <row r="1493" spans="3:11" x14ac:dyDescent="0.2">
      <c r="C1493" s="277"/>
      <c r="D1493" s="277"/>
      <c r="E1493" s="277"/>
      <c r="F1493" s="277"/>
      <c r="G1493" s="277"/>
      <c r="H1493" s="277"/>
      <c r="I1493" s="277"/>
      <c r="J1493" s="277"/>
      <c r="K1493" s="277"/>
    </row>
    <row r="1494" spans="3:11" x14ac:dyDescent="0.2">
      <c r="C1494" s="277"/>
      <c r="D1494" s="277"/>
      <c r="E1494" s="277"/>
      <c r="F1494" s="277"/>
      <c r="G1494" s="277"/>
      <c r="H1494" s="277"/>
      <c r="I1494" s="277"/>
      <c r="J1494" s="277"/>
      <c r="K1494" s="277"/>
    </row>
    <row r="1495" spans="3:11" x14ac:dyDescent="0.2">
      <c r="C1495" s="277"/>
      <c r="D1495" s="277"/>
      <c r="E1495" s="277"/>
      <c r="F1495" s="277"/>
      <c r="G1495" s="277"/>
      <c r="H1495" s="277"/>
      <c r="I1495" s="277"/>
      <c r="J1495" s="277"/>
      <c r="K1495" s="277"/>
    </row>
    <row r="1496" spans="3:11" x14ac:dyDescent="0.2">
      <c r="C1496" s="277"/>
      <c r="D1496" s="277"/>
      <c r="E1496" s="277"/>
      <c r="F1496" s="277"/>
      <c r="G1496" s="277"/>
      <c r="H1496" s="277"/>
      <c r="I1496" s="277"/>
      <c r="J1496" s="277"/>
      <c r="K1496" s="277"/>
    </row>
    <row r="1497" spans="3:11" x14ac:dyDescent="0.2">
      <c r="C1497" s="277"/>
      <c r="D1497" s="277"/>
      <c r="E1497" s="277"/>
      <c r="F1497" s="277"/>
      <c r="G1497" s="277"/>
      <c r="H1497" s="277"/>
      <c r="I1497" s="277"/>
      <c r="J1497" s="277"/>
      <c r="K1497" s="277"/>
    </row>
    <row r="1498" spans="3:11" x14ac:dyDescent="0.2">
      <c r="C1498" s="277"/>
      <c r="D1498" s="277"/>
      <c r="E1498" s="277"/>
      <c r="F1498" s="277"/>
      <c r="G1498" s="277"/>
      <c r="H1498" s="277"/>
      <c r="I1498" s="277"/>
      <c r="J1498" s="277"/>
      <c r="K1498" s="277"/>
    </row>
    <row r="1499" spans="3:11" x14ac:dyDescent="0.2">
      <c r="C1499" s="277"/>
      <c r="D1499" s="277"/>
      <c r="E1499" s="277"/>
      <c r="F1499" s="277"/>
      <c r="G1499" s="277"/>
      <c r="H1499" s="277"/>
      <c r="I1499" s="277"/>
      <c r="J1499" s="277"/>
      <c r="K1499" s="277"/>
    </row>
    <row r="1500" spans="3:11" x14ac:dyDescent="0.2">
      <c r="C1500" s="277"/>
      <c r="D1500" s="277"/>
      <c r="E1500" s="277"/>
      <c r="F1500" s="277"/>
      <c r="G1500" s="277"/>
      <c r="H1500" s="277"/>
      <c r="I1500" s="277"/>
      <c r="J1500" s="277"/>
      <c r="K1500" s="277"/>
    </row>
    <row r="1501" spans="3:11" x14ac:dyDescent="0.2">
      <c r="C1501" s="277"/>
      <c r="D1501" s="277"/>
      <c r="E1501" s="277"/>
      <c r="F1501" s="277"/>
      <c r="G1501" s="277"/>
      <c r="H1501" s="277"/>
      <c r="I1501" s="277"/>
      <c r="J1501" s="277"/>
      <c r="K1501" s="277"/>
    </row>
    <row r="1502" spans="3:11" x14ac:dyDescent="0.2">
      <c r="C1502" s="277"/>
      <c r="D1502" s="277"/>
      <c r="E1502" s="277"/>
      <c r="F1502" s="277"/>
      <c r="G1502" s="277"/>
      <c r="H1502" s="277"/>
      <c r="I1502" s="277"/>
      <c r="J1502" s="277"/>
      <c r="K1502" s="277"/>
    </row>
    <row r="1503" spans="3:11" x14ac:dyDescent="0.2">
      <c r="C1503" s="277"/>
      <c r="D1503" s="277"/>
      <c r="E1503" s="277"/>
      <c r="F1503" s="277"/>
      <c r="G1503" s="277"/>
      <c r="H1503" s="277"/>
      <c r="I1503" s="277"/>
      <c r="J1503" s="277"/>
      <c r="K1503" s="277"/>
    </row>
    <row r="1504" spans="3:11" x14ac:dyDescent="0.2">
      <c r="C1504" s="277"/>
      <c r="D1504" s="277"/>
      <c r="E1504" s="277"/>
      <c r="F1504" s="277"/>
      <c r="G1504" s="277"/>
      <c r="H1504" s="277"/>
      <c r="I1504" s="277"/>
      <c r="J1504" s="277"/>
      <c r="K1504" s="277"/>
    </row>
    <row r="1505" spans="3:11" x14ac:dyDescent="0.2">
      <c r="C1505" s="277"/>
      <c r="D1505" s="277"/>
      <c r="E1505" s="277"/>
      <c r="F1505" s="277"/>
      <c r="G1505" s="277"/>
      <c r="H1505" s="277"/>
      <c r="I1505" s="277"/>
      <c r="J1505" s="277"/>
      <c r="K1505" s="277"/>
    </row>
    <row r="1506" spans="3:11" x14ac:dyDescent="0.2">
      <c r="C1506" s="277"/>
      <c r="D1506" s="277"/>
      <c r="E1506" s="277"/>
      <c r="F1506" s="277"/>
      <c r="G1506" s="277"/>
      <c r="H1506" s="277"/>
      <c r="I1506" s="277"/>
      <c r="J1506" s="277"/>
      <c r="K1506" s="277"/>
    </row>
    <row r="1507" spans="3:11" x14ac:dyDescent="0.2">
      <c r="C1507" s="277"/>
      <c r="D1507" s="277"/>
      <c r="E1507" s="277"/>
      <c r="F1507" s="277"/>
      <c r="G1507" s="277"/>
      <c r="H1507" s="277"/>
      <c r="I1507" s="277"/>
      <c r="J1507" s="277"/>
      <c r="K1507" s="277"/>
    </row>
    <row r="1508" spans="3:11" x14ac:dyDescent="0.2">
      <c r="C1508" s="277"/>
      <c r="D1508" s="277"/>
      <c r="E1508" s="277"/>
      <c r="F1508" s="277"/>
      <c r="G1508" s="277"/>
      <c r="H1508" s="277"/>
      <c r="I1508" s="277"/>
      <c r="J1508" s="277"/>
      <c r="K1508" s="277"/>
    </row>
    <row r="1509" spans="3:11" x14ac:dyDescent="0.2">
      <c r="C1509" s="277"/>
      <c r="D1509" s="277"/>
      <c r="E1509" s="277"/>
      <c r="F1509" s="277"/>
      <c r="G1509" s="277"/>
      <c r="H1509" s="277"/>
      <c r="I1509" s="277"/>
      <c r="J1509" s="277"/>
      <c r="K1509" s="277"/>
    </row>
    <row r="1510" spans="3:11" x14ac:dyDescent="0.2">
      <c r="C1510" s="277"/>
      <c r="D1510" s="277"/>
      <c r="E1510" s="277"/>
      <c r="F1510" s="277"/>
      <c r="G1510" s="277"/>
      <c r="H1510" s="277"/>
      <c r="I1510" s="277"/>
      <c r="J1510" s="277"/>
      <c r="K1510" s="277"/>
    </row>
    <row r="1511" spans="3:11" x14ac:dyDescent="0.2">
      <c r="C1511" s="277"/>
      <c r="D1511" s="277"/>
      <c r="E1511" s="277"/>
      <c r="F1511" s="277"/>
      <c r="G1511" s="277"/>
      <c r="H1511" s="277"/>
      <c r="I1511" s="277"/>
      <c r="J1511" s="277"/>
      <c r="K1511" s="277"/>
    </row>
    <row r="1512" spans="3:11" x14ac:dyDescent="0.2">
      <c r="C1512" s="277"/>
      <c r="D1512" s="277"/>
      <c r="E1512" s="277"/>
      <c r="F1512" s="277"/>
      <c r="G1512" s="277"/>
      <c r="H1512" s="277"/>
      <c r="I1512" s="277"/>
      <c r="J1512" s="277"/>
      <c r="K1512" s="277"/>
    </row>
    <row r="1513" spans="3:11" x14ac:dyDescent="0.2">
      <c r="C1513" s="277"/>
      <c r="D1513" s="277"/>
      <c r="E1513" s="277"/>
      <c r="F1513" s="277"/>
      <c r="G1513" s="277"/>
      <c r="H1513" s="277"/>
      <c r="I1513" s="277"/>
      <c r="J1513" s="277"/>
      <c r="K1513" s="277"/>
    </row>
    <row r="1514" spans="3:11" x14ac:dyDescent="0.2">
      <c r="C1514" s="277"/>
      <c r="D1514" s="277"/>
      <c r="E1514" s="277"/>
      <c r="F1514" s="277"/>
      <c r="G1514" s="277"/>
      <c r="H1514" s="277"/>
      <c r="I1514" s="277"/>
      <c r="J1514" s="277"/>
      <c r="K1514" s="277"/>
    </row>
    <row r="1515" spans="3:11" x14ac:dyDescent="0.2">
      <c r="C1515" s="277"/>
      <c r="D1515" s="277"/>
      <c r="E1515" s="277"/>
      <c r="F1515" s="277"/>
      <c r="G1515" s="277"/>
      <c r="H1515" s="277"/>
      <c r="I1515" s="277"/>
      <c r="J1515" s="277"/>
      <c r="K1515" s="277"/>
    </row>
    <row r="1516" spans="3:11" x14ac:dyDescent="0.2">
      <c r="C1516" s="277"/>
      <c r="D1516" s="277"/>
      <c r="E1516" s="277"/>
      <c r="F1516" s="277"/>
      <c r="G1516" s="277"/>
      <c r="H1516" s="277"/>
      <c r="I1516" s="277"/>
      <c r="J1516" s="277"/>
      <c r="K1516" s="277"/>
    </row>
    <row r="1517" spans="3:11" x14ac:dyDescent="0.2">
      <c r="C1517" s="277"/>
      <c r="D1517" s="277"/>
      <c r="E1517" s="277"/>
      <c r="F1517" s="277"/>
      <c r="G1517" s="277"/>
      <c r="H1517" s="277"/>
      <c r="I1517" s="277"/>
      <c r="J1517" s="277"/>
      <c r="K1517" s="277"/>
    </row>
    <row r="1518" spans="3:11" x14ac:dyDescent="0.2">
      <c r="C1518" s="277"/>
      <c r="D1518" s="277"/>
      <c r="E1518" s="277"/>
      <c r="F1518" s="277"/>
      <c r="G1518" s="277"/>
      <c r="H1518" s="277"/>
      <c r="I1518" s="277"/>
      <c r="J1518" s="277"/>
      <c r="K1518" s="277"/>
    </row>
    <row r="1519" spans="3:11" x14ac:dyDescent="0.2">
      <c r="C1519" s="277"/>
      <c r="D1519" s="277"/>
      <c r="E1519" s="277"/>
      <c r="F1519" s="277"/>
      <c r="G1519" s="277"/>
      <c r="H1519" s="277"/>
      <c r="I1519" s="277"/>
      <c r="J1519" s="277"/>
      <c r="K1519" s="277"/>
    </row>
    <row r="1520" spans="3:11" x14ac:dyDescent="0.2">
      <c r="C1520" s="277"/>
      <c r="D1520" s="277"/>
      <c r="E1520" s="277"/>
      <c r="F1520" s="277"/>
      <c r="G1520" s="277"/>
      <c r="H1520" s="277"/>
      <c r="I1520" s="277"/>
      <c r="J1520" s="277"/>
      <c r="K1520" s="277"/>
    </row>
    <row r="1521" spans="3:11" x14ac:dyDescent="0.2">
      <c r="C1521" s="277"/>
      <c r="D1521" s="277"/>
      <c r="E1521" s="277"/>
      <c r="F1521" s="277"/>
      <c r="G1521" s="277"/>
      <c r="H1521" s="277"/>
      <c r="I1521" s="277"/>
      <c r="J1521" s="277"/>
      <c r="K1521" s="277"/>
    </row>
    <row r="1522" spans="3:11" x14ac:dyDescent="0.2">
      <c r="C1522" s="277"/>
      <c r="D1522" s="277"/>
      <c r="E1522" s="277"/>
      <c r="F1522" s="277"/>
      <c r="G1522" s="277"/>
      <c r="H1522" s="277"/>
      <c r="I1522" s="277"/>
      <c r="J1522" s="277"/>
      <c r="K1522" s="277"/>
    </row>
    <row r="1523" spans="3:11" x14ac:dyDescent="0.2">
      <c r="C1523" s="277"/>
      <c r="D1523" s="277"/>
      <c r="E1523" s="277"/>
      <c r="F1523" s="277"/>
      <c r="G1523" s="277"/>
      <c r="H1523" s="277"/>
      <c r="I1523" s="277"/>
      <c r="J1523" s="277"/>
      <c r="K1523" s="277"/>
    </row>
    <row r="1524" spans="3:11" x14ac:dyDescent="0.2">
      <c r="C1524" s="277"/>
      <c r="D1524" s="277"/>
      <c r="E1524" s="277"/>
      <c r="F1524" s="277"/>
      <c r="G1524" s="277"/>
      <c r="H1524" s="277"/>
      <c r="I1524" s="277"/>
      <c r="J1524" s="277"/>
      <c r="K1524" s="277"/>
    </row>
    <row r="1525" spans="3:11" x14ac:dyDescent="0.2">
      <c r="C1525" s="277"/>
      <c r="D1525" s="277"/>
      <c r="E1525" s="277"/>
      <c r="F1525" s="277"/>
      <c r="G1525" s="277"/>
      <c r="H1525" s="277"/>
      <c r="I1525" s="277"/>
      <c r="J1525" s="277"/>
      <c r="K1525" s="277"/>
    </row>
    <row r="1526" spans="3:11" x14ac:dyDescent="0.2">
      <c r="C1526" s="277"/>
      <c r="D1526" s="277"/>
      <c r="E1526" s="277"/>
      <c r="F1526" s="277"/>
      <c r="G1526" s="277"/>
      <c r="H1526" s="277"/>
      <c r="I1526" s="277"/>
      <c r="J1526" s="277"/>
      <c r="K1526" s="277"/>
    </row>
    <row r="1527" spans="3:11" x14ac:dyDescent="0.2">
      <c r="C1527" s="277"/>
      <c r="D1527" s="277"/>
      <c r="E1527" s="277"/>
      <c r="F1527" s="277"/>
      <c r="G1527" s="277"/>
      <c r="H1527" s="277"/>
      <c r="I1527" s="277"/>
      <c r="J1527" s="277"/>
      <c r="K1527" s="277"/>
    </row>
    <row r="1528" spans="3:11" x14ac:dyDescent="0.2">
      <c r="C1528" s="277"/>
      <c r="D1528" s="277"/>
      <c r="E1528" s="277"/>
      <c r="F1528" s="277"/>
      <c r="G1528" s="277"/>
      <c r="H1528" s="277"/>
      <c r="I1528" s="277"/>
      <c r="J1528" s="277"/>
      <c r="K1528" s="277"/>
    </row>
    <row r="1529" spans="3:11" x14ac:dyDescent="0.2">
      <c r="C1529" s="277"/>
      <c r="D1529" s="277"/>
      <c r="E1529" s="277"/>
      <c r="F1529" s="277"/>
      <c r="G1529" s="277"/>
      <c r="H1529" s="277"/>
      <c r="I1529" s="277"/>
      <c r="J1529" s="277"/>
      <c r="K1529" s="277"/>
    </row>
    <row r="1530" spans="3:11" x14ac:dyDescent="0.2">
      <c r="C1530" s="277"/>
      <c r="D1530" s="277"/>
      <c r="E1530" s="277"/>
      <c r="F1530" s="277"/>
      <c r="G1530" s="277"/>
      <c r="H1530" s="277"/>
      <c r="I1530" s="277"/>
      <c r="J1530" s="277"/>
      <c r="K1530" s="277"/>
    </row>
    <row r="1531" spans="3:11" x14ac:dyDescent="0.2">
      <c r="C1531" s="277"/>
      <c r="D1531" s="277"/>
      <c r="E1531" s="277"/>
      <c r="F1531" s="277"/>
      <c r="G1531" s="277"/>
      <c r="H1531" s="277"/>
      <c r="I1531" s="277"/>
      <c r="J1531" s="277"/>
      <c r="K1531" s="277"/>
    </row>
    <row r="1532" spans="3:11" x14ac:dyDescent="0.2">
      <c r="C1532" s="277"/>
      <c r="D1532" s="277"/>
      <c r="E1532" s="277"/>
      <c r="F1532" s="277"/>
      <c r="G1532" s="277"/>
      <c r="H1532" s="277"/>
      <c r="I1532" s="277"/>
      <c r="J1532" s="277"/>
      <c r="K1532" s="277"/>
    </row>
    <row r="1533" spans="3:11" x14ac:dyDescent="0.2">
      <c r="C1533" s="277"/>
      <c r="D1533" s="277"/>
      <c r="E1533" s="277"/>
      <c r="F1533" s="277"/>
      <c r="G1533" s="277"/>
      <c r="H1533" s="277"/>
      <c r="I1533" s="277"/>
      <c r="J1533" s="277"/>
      <c r="K1533" s="277"/>
    </row>
    <row r="1534" spans="3:11" x14ac:dyDescent="0.2">
      <c r="C1534" s="277"/>
      <c r="D1534" s="277"/>
      <c r="E1534" s="277"/>
      <c r="F1534" s="277"/>
      <c r="G1534" s="277"/>
      <c r="H1534" s="277"/>
      <c r="I1534" s="277"/>
      <c r="J1534" s="277"/>
      <c r="K1534" s="277"/>
    </row>
    <row r="1535" spans="3:11" x14ac:dyDescent="0.2">
      <c r="C1535" s="277"/>
      <c r="D1535" s="277"/>
      <c r="E1535" s="277"/>
      <c r="F1535" s="277"/>
      <c r="G1535" s="277"/>
      <c r="H1535" s="277"/>
      <c r="I1535" s="277"/>
      <c r="J1535" s="277"/>
      <c r="K1535" s="277"/>
    </row>
    <row r="1536" spans="3:11" x14ac:dyDescent="0.2">
      <c r="C1536" s="277"/>
      <c r="D1536" s="277"/>
      <c r="E1536" s="277"/>
      <c r="F1536" s="277"/>
      <c r="G1536" s="277"/>
      <c r="H1536" s="277"/>
      <c r="I1536" s="277"/>
      <c r="J1536" s="277"/>
      <c r="K1536" s="277"/>
    </row>
    <row r="1537" spans="3:11" x14ac:dyDescent="0.2">
      <c r="C1537" s="277"/>
      <c r="D1537" s="277"/>
      <c r="E1537" s="277"/>
      <c r="F1537" s="277"/>
      <c r="G1537" s="277"/>
      <c r="H1537" s="277"/>
      <c r="I1537" s="277"/>
      <c r="J1537" s="277"/>
      <c r="K1537" s="277"/>
    </row>
    <row r="1538" spans="3:11" x14ac:dyDescent="0.2">
      <c r="C1538" s="277"/>
      <c r="D1538" s="277"/>
      <c r="E1538" s="277"/>
      <c r="F1538" s="277"/>
      <c r="G1538" s="277"/>
      <c r="H1538" s="277"/>
      <c r="I1538" s="277"/>
      <c r="J1538" s="277"/>
      <c r="K1538" s="277"/>
    </row>
    <row r="1539" spans="3:11" x14ac:dyDescent="0.2">
      <c r="C1539" s="277"/>
      <c r="D1539" s="277"/>
      <c r="E1539" s="277"/>
      <c r="F1539" s="277"/>
      <c r="G1539" s="277"/>
      <c r="H1539" s="277"/>
      <c r="I1539" s="277"/>
      <c r="J1539" s="277"/>
      <c r="K1539" s="277"/>
    </row>
    <row r="1540" spans="3:11" x14ac:dyDescent="0.2">
      <c r="C1540" s="277"/>
      <c r="D1540" s="277"/>
      <c r="E1540" s="277"/>
      <c r="F1540" s="277"/>
      <c r="G1540" s="277"/>
      <c r="H1540" s="277"/>
      <c r="I1540" s="277"/>
      <c r="J1540" s="277"/>
      <c r="K1540" s="277"/>
    </row>
    <row r="1541" spans="3:11" x14ac:dyDescent="0.2">
      <c r="C1541" s="277"/>
      <c r="D1541" s="277"/>
      <c r="E1541" s="277"/>
      <c r="F1541" s="277"/>
      <c r="G1541" s="277"/>
      <c r="H1541" s="277"/>
      <c r="I1541" s="277"/>
      <c r="J1541" s="277"/>
      <c r="K1541" s="277"/>
    </row>
    <row r="1542" spans="3:11" x14ac:dyDescent="0.2">
      <c r="C1542" s="277"/>
      <c r="D1542" s="277"/>
      <c r="E1542" s="277"/>
      <c r="F1542" s="277"/>
      <c r="G1542" s="277"/>
      <c r="H1542" s="277"/>
      <c r="I1542" s="277"/>
      <c r="J1542" s="277"/>
      <c r="K1542" s="277"/>
    </row>
    <row r="1543" spans="3:11" x14ac:dyDescent="0.2">
      <c r="C1543" s="277"/>
      <c r="D1543" s="277"/>
      <c r="E1543" s="277"/>
      <c r="F1543" s="277"/>
      <c r="G1543" s="277"/>
      <c r="H1543" s="277"/>
      <c r="I1543" s="277"/>
      <c r="J1543" s="277"/>
      <c r="K1543" s="277"/>
    </row>
    <row r="1544" spans="3:11" x14ac:dyDescent="0.2">
      <c r="C1544" s="277"/>
      <c r="D1544" s="277"/>
      <c r="E1544" s="277"/>
      <c r="F1544" s="277"/>
      <c r="G1544" s="277"/>
      <c r="H1544" s="277"/>
      <c r="I1544" s="277"/>
      <c r="J1544" s="277"/>
      <c r="K1544" s="277"/>
    </row>
    <row r="1545" spans="3:11" x14ac:dyDescent="0.2">
      <c r="C1545" s="277"/>
      <c r="D1545" s="277"/>
      <c r="E1545" s="277"/>
      <c r="F1545" s="277"/>
      <c r="G1545" s="277"/>
      <c r="H1545" s="277"/>
      <c r="I1545" s="277"/>
      <c r="J1545" s="277"/>
      <c r="K1545" s="277"/>
    </row>
    <row r="1546" spans="3:11" x14ac:dyDescent="0.2">
      <c r="C1546" s="277"/>
      <c r="D1546" s="277"/>
      <c r="E1546" s="277"/>
      <c r="F1546" s="277"/>
      <c r="G1546" s="277"/>
      <c r="H1546" s="277"/>
      <c r="I1546" s="277"/>
      <c r="J1546" s="277"/>
      <c r="K1546" s="277"/>
    </row>
    <row r="1547" spans="3:11" x14ac:dyDescent="0.2">
      <c r="C1547" s="277"/>
      <c r="D1547" s="277"/>
      <c r="E1547" s="277"/>
      <c r="F1547" s="277"/>
      <c r="G1547" s="277"/>
      <c r="H1547" s="277"/>
      <c r="I1547" s="277"/>
      <c r="J1547" s="277"/>
      <c r="K1547" s="277"/>
    </row>
    <row r="1548" spans="3:11" x14ac:dyDescent="0.2">
      <c r="C1548" s="277"/>
      <c r="D1548" s="277"/>
      <c r="E1548" s="277"/>
      <c r="F1548" s="277"/>
      <c r="G1548" s="277"/>
      <c r="H1548" s="277"/>
      <c r="I1548" s="277"/>
      <c r="J1548" s="277"/>
      <c r="K1548" s="277"/>
    </row>
    <row r="1549" spans="3:11" x14ac:dyDescent="0.2">
      <c r="C1549" s="277"/>
      <c r="D1549" s="277"/>
      <c r="E1549" s="277"/>
      <c r="F1549" s="277"/>
      <c r="G1549" s="277"/>
      <c r="H1549" s="277"/>
      <c r="I1549" s="277"/>
      <c r="J1549" s="277"/>
      <c r="K1549" s="277"/>
    </row>
    <row r="1550" spans="3:11" x14ac:dyDescent="0.2">
      <c r="C1550" s="277"/>
      <c r="D1550" s="277"/>
      <c r="E1550" s="277"/>
      <c r="F1550" s="277"/>
      <c r="G1550" s="277"/>
      <c r="H1550" s="277"/>
      <c r="I1550" s="277"/>
      <c r="J1550" s="277"/>
      <c r="K1550" s="277"/>
    </row>
    <row r="1551" spans="3:11" x14ac:dyDescent="0.2">
      <c r="C1551" s="277"/>
      <c r="D1551" s="277"/>
      <c r="E1551" s="277"/>
      <c r="F1551" s="277"/>
      <c r="G1551" s="277"/>
      <c r="H1551" s="277"/>
      <c r="I1551" s="277"/>
      <c r="J1551" s="277"/>
      <c r="K1551" s="277"/>
    </row>
    <row r="1552" spans="3:11" x14ac:dyDescent="0.2">
      <c r="C1552" s="277"/>
      <c r="D1552" s="277"/>
      <c r="E1552" s="277"/>
      <c r="F1552" s="277"/>
      <c r="G1552" s="277"/>
      <c r="H1552" s="277"/>
      <c r="I1552" s="277"/>
      <c r="J1552" s="277"/>
      <c r="K1552" s="277"/>
    </row>
    <row r="1553" spans="3:11" x14ac:dyDescent="0.2">
      <c r="C1553" s="277"/>
      <c r="D1553" s="277"/>
      <c r="E1553" s="277"/>
      <c r="F1553" s="277"/>
      <c r="G1553" s="277"/>
      <c r="H1553" s="277"/>
      <c r="I1553" s="277"/>
      <c r="J1553" s="277"/>
      <c r="K1553" s="277"/>
    </row>
    <row r="1554" spans="3:11" x14ac:dyDescent="0.2">
      <c r="C1554" s="277"/>
      <c r="D1554" s="277"/>
      <c r="E1554" s="277"/>
      <c r="F1554" s="277"/>
      <c r="G1554" s="277"/>
      <c r="H1554" s="277"/>
      <c r="I1554" s="277"/>
      <c r="J1554" s="277"/>
      <c r="K1554" s="277"/>
    </row>
    <row r="1555" spans="3:11" x14ac:dyDescent="0.2">
      <c r="C1555" s="277"/>
      <c r="D1555" s="277"/>
      <c r="E1555" s="277"/>
      <c r="F1555" s="277"/>
      <c r="G1555" s="277"/>
      <c r="H1555" s="277"/>
      <c r="I1555" s="277"/>
      <c r="J1555" s="277"/>
      <c r="K1555" s="277"/>
    </row>
    <row r="1556" spans="3:11" x14ac:dyDescent="0.2">
      <c r="C1556" s="277"/>
      <c r="D1556" s="277"/>
      <c r="E1556" s="277"/>
      <c r="F1556" s="277"/>
      <c r="G1556" s="277"/>
      <c r="H1556" s="277"/>
      <c r="I1556" s="277"/>
      <c r="J1556" s="277"/>
      <c r="K1556" s="277"/>
    </row>
    <row r="1557" spans="3:11" x14ac:dyDescent="0.2">
      <c r="C1557" s="277"/>
      <c r="D1557" s="277"/>
      <c r="E1557" s="277"/>
      <c r="F1557" s="277"/>
      <c r="G1557" s="277"/>
      <c r="H1557" s="277"/>
      <c r="I1557" s="277"/>
      <c r="J1557" s="277"/>
      <c r="K1557" s="277"/>
    </row>
    <row r="1558" spans="3:11" x14ac:dyDescent="0.2">
      <c r="C1558" s="277"/>
      <c r="D1558" s="277"/>
      <c r="E1558" s="277"/>
      <c r="F1558" s="277"/>
      <c r="G1558" s="277"/>
      <c r="H1558" s="277"/>
      <c r="I1558" s="277"/>
      <c r="J1558" s="277"/>
      <c r="K1558" s="277"/>
    </row>
    <row r="1559" spans="3:11" x14ac:dyDescent="0.2">
      <c r="C1559" s="277"/>
      <c r="D1559" s="277"/>
      <c r="E1559" s="277"/>
      <c r="F1559" s="277"/>
      <c r="G1559" s="277"/>
      <c r="H1559" s="277"/>
      <c r="I1559" s="277"/>
      <c r="J1559" s="277"/>
      <c r="K1559" s="277"/>
    </row>
    <row r="1560" spans="3:11" x14ac:dyDescent="0.2">
      <c r="C1560" s="277"/>
      <c r="D1560" s="277"/>
      <c r="E1560" s="277"/>
      <c r="F1560" s="277"/>
      <c r="G1560" s="277"/>
      <c r="H1560" s="277"/>
      <c r="I1560" s="277"/>
      <c r="J1560" s="277"/>
      <c r="K1560" s="277"/>
    </row>
    <row r="1561" spans="3:11" x14ac:dyDescent="0.2">
      <c r="C1561" s="277"/>
      <c r="D1561" s="277"/>
      <c r="E1561" s="277"/>
      <c r="F1561" s="277"/>
      <c r="G1561" s="277"/>
      <c r="H1561" s="277"/>
      <c r="I1561" s="277"/>
      <c r="J1561" s="277"/>
      <c r="K1561" s="277"/>
    </row>
    <row r="1562" spans="3:11" x14ac:dyDescent="0.2">
      <c r="C1562" s="277"/>
      <c r="D1562" s="277"/>
      <c r="E1562" s="277"/>
      <c r="F1562" s="277"/>
      <c r="G1562" s="277"/>
      <c r="H1562" s="277"/>
      <c r="I1562" s="277"/>
      <c r="J1562" s="277"/>
      <c r="K1562" s="277"/>
    </row>
    <row r="1563" spans="3:11" x14ac:dyDescent="0.2">
      <c r="C1563" s="277"/>
      <c r="D1563" s="277"/>
      <c r="E1563" s="277"/>
      <c r="F1563" s="277"/>
      <c r="G1563" s="277"/>
      <c r="H1563" s="277"/>
      <c r="I1563" s="277"/>
      <c r="J1563" s="277"/>
      <c r="K1563" s="277"/>
    </row>
    <row r="1564" spans="3:11" x14ac:dyDescent="0.2">
      <c r="C1564" s="277"/>
      <c r="D1564" s="277"/>
      <c r="E1564" s="277"/>
      <c r="F1564" s="277"/>
      <c r="G1564" s="277"/>
      <c r="H1564" s="277"/>
      <c r="I1564" s="277"/>
      <c r="J1564" s="277"/>
      <c r="K1564" s="277"/>
    </row>
    <row r="1565" spans="3:11" x14ac:dyDescent="0.2">
      <c r="C1565" s="277"/>
      <c r="D1565" s="277"/>
      <c r="E1565" s="277"/>
      <c r="F1565" s="277"/>
      <c r="G1565" s="277"/>
      <c r="H1565" s="277"/>
      <c r="I1565" s="277"/>
      <c r="J1565" s="277"/>
      <c r="K1565" s="277"/>
    </row>
    <row r="1566" spans="3:11" x14ac:dyDescent="0.2">
      <c r="C1566" s="277"/>
      <c r="D1566" s="277"/>
      <c r="E1566" s="277"/>
      <c r="F1566" s="277"/>
      <c r="G1566" s="277"/>
      <c r="H1566" s="277"/>
      <c r="I1566" s="277"/>
      <c r="J1566" s="277"/>
      <c r="K1566" s="277"/>
    </row>
    <row r="1567" spans="3:11" x14ac:dyDescent="0.2">
      <c r="C1567" s="277"/>
      <c r="D1567" s="277"/>
      <c r="E1567" s="277"/>
      <c r="F1567" s="277"/>
      <c r="G1567" s="277"/>
      <c r="H1567" s="277"/>
      <c r="I1567" s="277"/>
      <c r="J1567" s="277"/>
      <c r="K1567" s="277"/>
    </row>
    <row r="1568" spans="3:11" x14ac:dyDescent="0.2">
      <c r="C1568" s="277"/>
      <c r="D1568" s="277"/>
      <c r="E1568" s="277"/>
      <c r="F1568" s="277"/>
      <c r="G1568" s="277"/>
      <c r="H1568" s="277"/>
      <c r="I1568" s="277"/>
      <c r="J1568" s="277"/>
      <c r="K1568" s="277"/>
    </row>
    <row r="1569" spans="3:11" x14ac:dyDescent="0.2">
      <c r="C1569" s="277"/>
      <c r="D1569" s="277"/>
      <c r="E1569" s="277"/>
      <c r="F1569" s="277"/>
      <c r="G1569" s="277"/>
      <c r="H1569" s="277"/>
      <c r="I1569" s="277"/>
      <c r="J1569" s="277"/>
      <c r="K1569" s="277"/>
    </row>
    <row r="1570" spans="3:11" x14ac:dyDescent="0.2">
      <c r="C1570" s="277"/>
      <c r="D1570" s="277"/>
      <c r="E1570" s="277"/>
      <c r="F1570" s="277"/>
      <c r="G1570" s="277"/>
      <c r="H1570" s="277"/>
      <c r="I1570" s="277"/>
      <c r="J1570" s="277"/>
      <c r="K1570" s="277"/>
    </row>
    <row r="1571" spans="3:11" x14ac:dyDescent="0.2">
      <c r="C1571" s="277"/>
      <c r="D1571" s="277"/>
      <c r="E1571" s="277"/>
      <c r="F1571" s="277"/>
      <c r="G1571" s="277"/>
      <c r="H1571" s="277"/>
      <c r="I1571" s="277"/>
      <c r="J1571" s="277"/>
      <c r="K1571" s="277"/>
    </row>
    <row r="1572" spans="3:11" x14ac:dyDescent="0.2">
      <c r="C1572" s="277"/>
      <c r="D1572" s="277"/>
      <c r="E1572" s="277"/>
      <c r="F1572" s="277"/>
      <c r="G1572" s="277"/>
      <c r="H1572" s="277"/>
      <c r="I1572" s="277"/>
      <c r="J1572" s="277"/>
      <c r="K1572" s="277"/>
    </row>
    <row r="1573" spans="3:11" x14ac:dyDescent="0.2">
      <c r="C1573" s="277"/>
      <c r="D1573" s="277"/>
      <c r="E1573" s="277"/>
      <c r="F1573" s="277"/>
      <c r="G1573" s="277"/>
      <c r="H1573" s="277"/>
      <c r="I1573" s="277"/>
      <c r="J1573" s="277"/>
      <c r="K1573" s="277"/>
    </row>
    <row r="1574" spans="3:11" x14ac:dyDescent="0.2">
      <c r="C1574" s="277"/>
      <c r="D1574" s="277"/>
      <c r="E1574" s="277"/>
      <c r="F1574" s="277"/>
      <c r="G1574" s="277"/>
      <c r="H1574" s="277"/>
      <c r="I1574" s="277"/>
      <c r="J1574" s="277"/>
      <c r="K1574" s="277"/>
    </row>
    <row r="1575" spans="3:11" x14ac:dyDescent="0.2">
      <c r="C1575" s="277"/>
      <c r="D1575" s="277"/>
      <c r="E1575" s="277"/>
      <c r="F1575" s="277"/>
      <c r="G1575" s="277"/>
      <c r="H1575" s="277"/>
      <c r="I1575" s="277"/>
      <c r="J1575" s="277"/>
      <c r="K1575" s="277"/>
    </row>
    <row r="1576" spans="3:11" x14ac:dyDescent="0.2">
      <c r="C1576" s="277"/>
      <c r="D1576" s="277"/>
      <c r="E1576" s="277"/>
      <c r="F1576" s="277"/>
      <c r="G1576" s="277"/>
      <c r="H1576" s="277"/>
      <c r="I1576" s="277"/>
      <c r="J1576" s="277"/>
      <c r="K1576" s="277"/>
    </row>
    <row r="1577" spans="3:11" x14ac:dyDescent="0.2">
      <c r="C1577" s="277"/>
      <c r="D1577" s="277"/>
      <c r="E1577" s="277"/>
      <c r="F1577" s="277"/>
      <c r="G1577" s="277"/>
      <c r="H1577" s="277"/>
      <c r="I1577" s="277"/>
      <c r="J1577" s="277"/>
      <c r="K1577" s="277"/>
    </row>
    <row r="1578" spans="3:11" x14ac:dyDescent="0.2">
      <c r="C1578" s="277"/>
      <c r="D1578" s="277"/>
      <c r="E1578" s="277"/>
      <c r="F1578" s="277"/>
      <c r="G1578" s="277"/>
      <c r="H1578" s="277"/>
      <c r="I1578" s="277"/>
      <c r="J1578" s="277"/>
      <c r="K1578" s="277"/>
    </row>
    <row r="1579" spans="3:11" x14ac:dyDescent="0.2">
      <c r="C1579" s="277"/>
      <c r="D1579" s="277"/>
      <c r="E1579" s="277"/>
      <c r="F1579" s="277"/>
      <c r="G1579" s="277"/>
      <c r="H1579" s="277"/>
      <c r="I1579" s="277"/>
      <c r="J1579" s="277"/>
      <c r="K1579" s="277"/>
    </row>
    <row r="1580" spans="3:11" x14ac:dyDescent="0.2">
      <c r="C1580" s="277"/>
      <c r="D1580" s="277"/>
      <c r="E1580" s="277"/>
      <c r="F1580" s="277"/>
      <c r="G1580" s="277"/>
      <c r="H1580" s="277"/>
      <c r="I1580" s="277"/>
      <c r="J1580" s="277"/>
      <c r="K1580" s="277"/>
    </row>
    <row r="1581" spans="3:11" x14ac:dyDescent="0.2">
      <c r="C1581" s="277"/>
      <c r="D1581" s="277"/>
      <c r="E1581" s="277"/>
      <c r="F1581" s="277"/>
      <c r="G1581" s="277"/>
      <c r="H1581" s="277"/>
      <c r="I1581" s="277"/>
      <c r="J1581" s="277"/>
      <c r="K1581" s="277"/>
    </row>
    <row r="1582" spans="3:11" x14ac:dyDescent="0.2">
      <c r="C1582" s="277"/>
      <c r="D1582" s="277"/>
      <c r="E1582" s="277"/>
      <c r="F1582" s="277"/>
      <c r="G1582" s="277"/>
      <c r="H1582" s="277"/>
      <c r="I1582" s="277"/>
      <c r="J1582" s="277"/>
      <c r="K1582" s="277"/>
    </row>
    <row r="1583" spans="3:11" x14ac:dyDescent="0.2">
      <c r="C1583" s="277"/>
      <c r="D1583" s="277"/>
      <c r="E1583" s="277"/>
      <c r="F1583" s="277"/>
      <c r="G1583" s="277"/>
      <c r="H1583" s="277"/>
      <c r="I1583" s="277"/>
      <c r="J1583" s="277"/>
      <c r="K1583" s="277"/>
    </row>
    <row r="1584" spans="3:11" x14ac:dyDescent="0.2">
      <c r="C1584" s="277"/>
      <c r="D1584" s="277"/>
      <c r="E1584" s="277"/>
      <c r="F1584" s="277"/>
      <c r="G1584" s="277"/>
      <c r="H1584" s="277"/>
      <c r="I1584" s="277"/>
      <c r="J1584" s="277"/>
      <c r="K1584" s="277"/>
    </row>
    <row r="1585" spans="3:11" x14ac:dyDescent="0.2">
      <c r="C1585" s="277"/>
      <c r="D1585" s="277"/>
      <c r="E1585" s="277"/>
      <c r="F1585" s="277"/>
      <c r="G1585" s="277"/>
      <c r="H1585" s="277"/>
      <c r="I1585" s="277"/>
      <c r="J1585" s="277"/>
      <c r="K1585" s="277"/>
    </row>
    <row r="1586" spans="3:11" x14ac:dyDescent="0.2">
      <c r="C1586" s="277"/>
      <c r="D1586" s="277"/>
      <c r="E1586" s="277"/>
      <c r="F1586" s="277"/>
      <c r="G1586" s="277"/>
      <c r="H1586" s="277"/>
      <c r="I1586" s="277"/>
      <c r="J1586" s="277"/>
      <c r="K1586" s="277"/>
    </row>
    <row r="1587" spans="3:11" x14ac:dyDescent="0.2">
      <c r="C1587" s="277"/>
      <c r="D1587" s="277"/>
      <c r="E1587" s="277"/>
      <c r="F1587" s="277"/>
      <c r="G1587" s="277"/>
      <c r="H1587" s="277"/>
      <c r="I1587" s="277"/>
      <c r="J1587" s="277"/>
      <c r="K1587" s="277"/>
    </row>
    <row r="1588" spans="3:11" x14ac:dyDescent="0.2">
      <c r="C1588" s="277"/>
      <c r="D1588" s="277"/>
      <c r="E1588" s="277"/>
      <c r="F1588" s="277"/>
      <c r="G1588" s="277"/>
      <c r="H1588" s="277"/>
      <c r="I1588" s="277"/>
      <c r="J1588" s="277"/>
      <c r="K1588" s="277"/>
    </row>
    <row r="1589" spans="3:11" x14ac:dyDescent="0.2">
      <c r="C1589" s="277"/>
      <c r="D1589" s="277"/>
      <c r="E1589" s="277"/>
      <c r="F1589" s="277"/>
      <c r="G1589" s="277"/>
      <c r="H1589" s="277"/>
      <c r="I1589" s="277"/>
      <c r="J1589" s="277"/>
      <c r="K1589" s="277"/>
    </row>
    <row r="1590" spans="3:11" x14ac:dyDescent="0.2">
      <c r="C1590" s="277"/>
      <c r="D1590" s="277"/>
      <c r="E1590" s="277"/>
      <c r="F1590" s="277"/>
      <c r="G1590" s="277"/>
      <c r="H1590" s="277"/>
      <c r="I1590" s="277"/>
      <c r="J1590" s="277"/>
      <c r="K1590" s="277"/>
    </row>
    <row r="1591" spans="3:11" x14ac:dyDescent="0.2">
      <c r="C1591" s="277"/>
      <c r="D1591" s="277"/>
      <c r="E1591" s="277"/>
      <c r="F1591" s="277"/>
      <c r="G1591" s="277"/>
      <c r="H1591" s="277"/>
      <c r="I1591" s="277"/>
      <c r="J1591" s="277"/>
      <c r="K1591" s="277"/>
    </row>
    <row r="1592" spans="3:11" x14ac:dyDescent="0.2">
      <c r="C1592" s="277"/>
      <c r="D1592" s="277"/>
      <c r="E1592" s="277"/>
      <c r="F1592" s="277"/>
      <c r="G1592" s="277"/>
      <c r="H1592" s="277"/>
      <c r="I1592" s="277"/>
      <c r="J1592" s="277"/>
      <c r="K1592" s="277"/>
    </row>
    <row r="1593" spans="3:11" x14ac:dyDescent="0.2">
      <c r="C1593" s="277"/>
      <c r="D1593" s="277"/>
      <c r="E1593" s="277"/>
      <c r="F1593" s="277"/>
      <c r="G1593" s="277"/>
      <c r="H1593" s="277"/>
      <c r="I1593" s="277"/>
      <c r="J1593" s="277"/>
      <c r="K1593" s="277"/>
    </row>
    <row r="1594" spans="3:11" x14ac:dyDescent="0.2">
      <c r="C1594" s="277"/>
      <c r="D1594" s="277"/>
      <c r="E1594" s="277"/>
      <c r="F1594" s="277"/>
      <c r="G1594" s="277"/>
      <c r="H1594" s="277"/>
      <c r="I1594" s="277"/>
      <c r="J1594" s="277"/>
      <c r="K1594" s="277"/>
    </row>
    <row r="1595" spans="3:11" x14ac:dyDescent="0.2">
      <c r="C1595" s="277"/>
      <c r="D1595" s="277"/>
      <c r="E1595" s="277"/>
      <c r="F1595" s="277"/>
      <c r="G1595" s="277"/>
      <c r="H1595" s="277"/>
      <c r="I1595" s="277"/>
      <c r="J1595" s="277"/>
      <c r="K1595" s="277"/>
    </row>
    <row r="1596" spans="3:11" x14ac:dyDescent="0.2">
      <c r="C1596" s="277"/>
      <c r="D1596" s="277"/>
      <c r="E1596" s="277"/>
      <c r="F1596" s="277"/>
      <c r="G1596" s="277"/>
      <c r="H1596" s="277"/>
      <c r="I1596" s="277"/>
      <c r="J1596" s="277"/>
      <c r="K1596" s="277"/>
    </row>
    <row r="1597" spans="3:11" x14ac:dyDescent="0.2">
      <c r="C1597" s="277"/>
      <c r="D1597" s="277"/>
      <c r="E1597" s="277"/>
      <c r="F1597" s="277"/>
      <c r="G1597" s="277"/>
      <c r="H1597" s="277"/>
      <c r="I1597" s="277"/>
      <c r="J1597" s="277"/>
      <c r="K1597" s="277"/>
    </row>
    <row r="1598" spans="3:11" x14ac:dyDescent="0.2">
      <c r="C1598" s="277"/>
      <c r="D1598" s="277"/>
      <c r="E1598" s="277"/>
      <c r="F1598" s="277"/>
      <c r="G1598" s="277"/>
      <c r="H1598" s="277"/>
      <c r="I1598" s="277"/>
      <c r="J1598" s="277"/>
      <c r="K1598" s="277"/>
    </row>
    <row r="1599" spans="3:11" x14ac:dyDescent="0.2">
      <c r="C1599" s="277"/>
      <c r="D1599" s="277"/>
      <c r="E1599" s="277"/>
      <c r="F1599" s="277"/>
      <c r="G1599" s="277"/>
      <c r="H1599" s="277"/>
      <c r="I1599" s="277"/>
      <c r="J1599" s="277"/>
      <c r="K1599" s="277"/>
    </row>
    <row r="1600" spans="3:11" x14ac:dyDescent="0.2">
      <c r="C1600" s="277"/>
      <c r="D1600" s="277"/>
      <c r="E1600" s="277"/>
      <c r="F1600" s="277"/>
      <c r="G1600" s="277"/>
      <c r="H1600" s="277"/>
      <c r="I1600" s="277"/>
      <c r="J1600" s="277"/>
      <c r="K1600" s="277"/>
    </row>
    <row r="1601" spans="3:11" x14ac:dyDescent="0.2">
      <c r="C1601" s="277"/>
      <c r="D1601" s="277"/>
      <c r="E1601" s="277"/>
      <c r="F1601" s="277"/>
      <c r="G1601" s="277"/>
      <c r="H1601" s="277"/>
      <c r="I1601" s="277"/>
      <c r="J1601" s="277"/>
      <c r="K1601" s="277"/>
    </row>
    <row r="1602" spans="3:11" x14ac:dyDescent="0.2">
      <c r="C1602" s="277"/>
      <c r="D1602" s="277"/>
      <c r="E1602" s="277"/>
      <c r="F1602" s="277"/>
      <c r="G1602" s="277"/>
      <c r="H1602" s="277"/>
      <c r="I1602" s="277"/>
      <c r="J1602" s="277"/>
      <c r="K1602" s="277"/>
    </row>
    <row r="1603" spans="3:11" x14ac:dyDescent="0.2">
      <c r="C1603" s="277"/>
      <c r="D1603" s="277"/>
      <c r="E1603" s="277"/>
      <c r="F1603" s="277"/>
      <c r="G1603" s="277"/>
      <c r="H1603" s="277"/>
      <c r="I1603" s="277"/>
      <c r="J1603" s="277"/>
      <c r="K1603" s="277"/>
    </row>
    <row r="1604" spans="3:11" x14ac:dyDescent="0.2">
      <c r="C1604" s="277"/>
      <c r="D1604" s="277"/>
      <c r="E1604" s="277"/>
      <c r="F1604" s="277"/>
      <c r="G1604" s="277"/>
      <c r="H1604" s="277"/>
      <c r="I1604" s="277"/>
      <c r="J1604" s="277"/>
      <c r="K1604" s="277"/>
    </row>
    <row r="1605" spans="3:11" x14ac:dyDescent="0.2">
      <c r="C1605" s="277"/>
      <c r="D1605" s="277"/>
      <c r="E1605" s="277"/>
      <c r="F1605" s="277"/>
      <c r="G1605" s="277"/>
      <c r="H1605" s="277"/>
      <c r="I1605" s="277"/>
      <c r="J1605" s="277"/>
      <c r="K1605" s="277"/>
    </row>
    <row r="1606" spans="3:11" x14ac:dyDescent="0.2">
      <c r="C1606" s="277"/>
      <c r="D1606" s="277"/>
      <c r="E1606" s="277"/>
      <c r="F1606" s="277"/>
      <c r="G1606" s="277"/>
      <c r="H1606" s="277"/>
      <c r="I1606" s="277"/>
      <c r="J1606" s="277"/>
      <c r="K1606" s="277"/>
    </row>
    <row r="1607" spans="3:11" x14ac:dyDescent="0.2">
      <c r="C1607" s="277"/>
      <c r="D1607" s="277"/>
      <c r="E1607" s="277"/>
      <c r="F1607" s="277"/>
      <c r="G1607" s="277"/>
      <c r="H1607" s="277"/>
      <c r="I1607" s="277"/>
      <c r="J1607" s="277"/>
      <c r="K1607" s="277"/>
    </row>
    <row r="1608" spans="3:11" x14ac:dyDescent="0.2">
      <c r="C1608" s="277"/>
      <c r="D1608" s="277"/>
      <c r="E1608" s="277"/>
      <c r="F1608" s="277"/>
      <c r="G1608" s="277"/>
      <c r="H1608" s="277"/>
      <c r="I1608" s="277"/>
      <c r="J1608" s="277"/>
      <c r="K1608" s="277"/>
    </row>
    <row r="1609" spans="3:11" x14ac:dyDescent="0.2">
      <c r="C1609" s="277"/>
      <c r="D1609" s="277"/>
      <c r="E1609" s="277"/>
      <c r="F1609" s="277"/>
      <c r="G1609" s="277"/>
      <c r="H1609" s="277"/>
      <c r="I1609" s="277"/>
      <c r="J1609" s="277"/>
      <c r="K1609" s="277"/>
    </row>
    <row r="1610" spans="3:11" x14ac:dyDescent="0.2">
      <c r="C1610" s="277"/>
      <c r="D1610" s="277"/>
      <c r="E1610" s="277"/>
      <c r="F1610" s="277"/>
      <c r="G1610" s="277"/>
      <c r="H1610" s="277"/>
      <c r="I1610" s="277"/>
      <c r="J1610" s="277"/>
      <c r="K1610" s="277"/>
    </row>
    <row r="1611" spans="3:11" x14ac:dyDescent="0.2">
      <c r="C1611" s="277"/>
      <c r="D1611" s="277"/>
      <c r="E1611" s="277"/>
      <c r="F1611" s="277"/>
      <c r="G1611" s="277"/>
      <c r="H1611" s="277"/>
      <c r="I1611" s="277"/>
      <c r="J1611" s="277"/>
      <c r="K1611" s="277"/>
    </row>
    <row r="1612" spans="3:11" x14ac:dyDescent="0.2">
      <c r="C1612" s="277"/>
      <c r="D1612" s="277"/>
      <c r="E1612" s="277"/>
      <c r="F1612" s="277"/>
      <c r="G1612" s="277"/>
      <c r="H1612" s="277"/>
      <c r="I1612" s="277"/>
      <c r="J1612" s="277"/>
      <c r="K1612" s="277"/>
    </row>
    <row r="1613" spans="3:11" x14ac:dyDescent="0.2">
      <c r="C1613" s="277"/>
      <c r="D1613" s="277"/>
      <c r="E1613" s="277"/>
      <c r="F1613" s="277"/>
      <c r="G1613" s="277"/>
      <c r="H1613" s="277"/>
      <c r="I1613" s="277"/>
      <c r="J1613" s="277"/>
      <c r="K1613" s="277"/>
    </row>
    <row r="1614" spans="3:11" x14ac:dyDescent="0.2">
      <c r="C1614" s="277"/>
      <c r="D1614" s="277"/>
      <c r="E1614" s="277"/>
      <c r="F1614" s="277"/>
      <c r="G1614" s="277"/>
      <c r="H1614" s="277"/>
      <c r="I1614" s="277"/>
      <c r="J1614" s="277"/>
      <c r="K1614" s="277"/>
    </row>
    <row r="1615" spans="3:11" x14ac:dyDescent="0.2">
      <c r="C1615" s="277"/>
      <c r="D1615" s="277"/>
      <c r="E1615" s="277"/>
      <c r="F1615" s="277"/>
      <c r="G1615" s="277"/>
      <c r="H1615" s="277"/>
      <c r="I1615" s="277"/>
      <c r="J1615" s="277"/>
      <c r="K1615" s="277"/>
    </row>
    <row r="1616" spans="3:11" x14ac:dyDescent="0.2">
      <c r="C1616" s="277"/>
      <c r="D1616" s="277"/>
      <c r="E1616" s="277"/>
      <c r="F1616" s="277"/>
      <c r="G1616" s="277"/>
      <c r="H1616" s="277"/>
      <c r="I1616" s="277"/>
      <c r="J1616" s="277"/>
      <c r="K1616" s="277"/>
    </row>
    <row r="1617" spans="3:11" x14ac:dyDescent="0.2">
      <c r="C1617" s="277"/>
      <c r="D1617" s="277"/>
      <c r="E1617" s="277"/>
      <c r="F1617" s="277"/>
      <c r="G1617" s="277"/>
      <c r="H1617" s="277"/>
      <c r="I1617" s="277"/>
      <c r="J1617" s="277"/>
      <c r="K1617" s="277"/>
    </row>
    <row r="1618" spans="3:11" x14ac:dyDescent="0.2">
      <c r="C1618" s="277"/>
      <c r="D1618" s="277"/>
      <c r="E1618" s="277"/>
      <c r="F1618" s="277"/>
      <c r="G1618" s="277"/>
      <c r="H1618" s="277"/>
      <c r="I1618" s="277"/>
      <c r="J1618" s="277"/>
      <c r="K1618" s="277"/>
    </row>
    <row r="1619" spans="3:11" x14ac:dyDescent="0.2">
      <c r="C1619" s="277"/>
      <c r="D1619" s="277"/>
      <c r="E1619" s="277"/>
      <c r="F1619" s="277"/>
      <c r="G1619" s="277"/>
      <c r="H1619" s="277"/>
      <c r="I1619" s="277"/>
      <c r="J1619" s="277"/>
      <c r="K1619" s="277"/>
    </row>
    <row r="1620" spans="3:11" x14ac:dyDescent="0.2">
      <c r="C1620" s="277"/>
      <c r="D1620" s="277"/>
      <c r="E1620" s="277"/>
      <c r="F1620" s="277"/>
      <c r="G1620" s="277"/>
      <c r="H1620" s="277"/>
      <c r="I1620" s="277"/>
      <c r="J1620" s="277"/>
      <c r="K1620" s="277"/>
    </row>
    <row r="1621" spans="3:11" x14ac:dyDescent="0.2">
      <c r="C1621" s="277"/>
      <c r="D1621" s="277"/>
      <c r="E1621" s="277"/>
      <c r="F1621" s="277"/>
      <c r="G1621" s="277"/>
      <c r="H1621" s="277"/>
      <c r="I1621" s="277"/>
      <c r="J1621" s="277"/>
      <c r="K1621" s="277"/>
    </row>
    <row r="1622" spans="3:11" x14ac:dyDescent="0.2">
      <c r="C1622" s="277"/>
      <c r="D1622" s="277"/>
      <c r="E1622" s="277"/>
      <c r="F1622" s="277"/>
      <c r="G1622" s="277"/>
      <c r="H1622" s="277"/>
      <c r="I1622" s="277"/>
      <c r="J1622" s="277"/>
      <c r="K1622" s="277"/>
    </row>
    <row r="1623" spans="3:11" x14ac:dyDescent="0.2">
      <c r="C1623" s="277"/>
      <c r="D1623" s="277"/>
      <c r="E1623" s="277"/>
      <c r="F1623" s="277"/>
      <c r="G1623" s="277"/>
      <c r="H1623" s="277"/>
      <c r="I1623" s="277"/>
      <c r="J1623" s="277"/>
      <c r="K1623" s="277"/>
    </row>
    <row r="1624" spans="3:11" x14ac:dyDescent="0.2">
      <c r="C1624" s="277"/>
      <c r="D1624" s="277"/>
      <c r="E1624" s="277"/>
      <c r="F1624" s="277"/>
      <c r="G1624" s="277"/>
      <c r="H1624" s="277"/>
      <c r="I1624" s="277"/>
      <c r="J1624" s="277"/>
      <c r="K1624" s="277"/>
    </row>
    <row r="1625" spans="3:11" x14ac:dyDescent="0.2">
      <c r="C1625" s="277"/>
      <c r="D1625" s="277"/>
      <c r="E1625" s="277"/>
      <c r="F1625" s="277"/>
      <c r="G1625" s="277"/>
      <c r="H1625" s="277"/>
      <c r="I1625" s="277"/>
      <c r="J1625" s="277"/>
      <c r="K1625" s="277"/>
    </row>
    <row r="1626" spans="3:11" x14ac:dyDescent="0.2">
      <c r="C1626" s="277"/>
      <c r="D1626" s="277"/>
      <c r="E1626" s="277"/>
      <c r="F1626" s="277"/>
      <c r="G1626" s="277"/>
      <c r="H1626" s="277"/>
      <c r="I1626" s="277"/>
      <c r="J1626" s="277"/>
      <c r="K1626" s="277"/>
    </row>
    <row r="1627" spans="3:11" x14ac:dyDescent="0.2">
      <c r="C1627" s="277"/>
      <c r="D1627" s="277"/>
      <c r="E1627" s="277"/>
      <c r="F1627" s="277"/>
      <c r="G1627" s="277"/>
      <c r="H1627" s="277"/>
      <c r="I1627" s="277"/>
      <c r="J1627" s="277"/>
      <c r="K1627" s="277"/>
    </row>
    <row r="1628" spans="3:11" x14ac:dyDescent="0.2">
      <c r="C1628" s="277"/>
      <c r="D1628" s="277"/>
      <c r="E1628" s="277"/>
      <c r="F1628" s="277"/>
      <c r="G1628" s="277"/>
      <c r="H1628" s="277"/>
      <c r="I1628" s="277"/>
      <c r="J1628" s="277"/>
      <c r="K1628" s="277"/>
    </row>
    <row r="1629" spans="3:11" x14ac:dyDescent="0.2">
      <c r="C1629" s="277"/>
      <c r="D1629" s="277"/>
      <c r="E1629" s="277"/>
      <c r="F1629" s="277"/>
      <c r="G1629" s="277"/>
      <c r="H1629" s="277"/>
      <c r="I1629" s="277"/>
      <c r="J1629" s="277"/>
      <c r="K1629" s="277"/>
    </row>
    <row r="1630" spans="3:11" x14ac:dyDescent="0.2">
      <c r="C1630" s="277"/>
      <c r="D1630" s="277"/>
      <c r="E1630" s="277"/>
      <c r="F1630" s="277"/>
      <c r="G1630" s="277"/>
      <c r="H1630" s="277"/>
      <c r="I1630" s="277"/>
      <c r="J1630" s="277"/>
      <c r="K1630" s="277"/>
    </row>
    <row r="1631" spans="3:11" x14ac:dyDescent="0.2">
      <c r="C1631" s="277"/>
      <c r="D1631" s="277"/>
      <c r="E1631" s="277"/>
      <c r="F1631" s="277"/>
      <c r="G1631" s="277"/>
      <c r="H1631" s="277"/>
      <c r="I1631" s="277"/>
      <c r="J1631" s="277"/>
      <c r="K1631" s="277"/>
    </row>
    <row r="1632" spans="3:11" x14ac:dyDescent="0.2">
      <c r="C1632" s="277"/>
      <c r="D1632" s="277"/>
      <c r="E1632" s="277"/>
      <c r="F1632" s="277"/>
      <c r="G1632" s="277"/>
      <c r="H1632" s="277"/>
      <c r="I1632" s="277"/>
      <c r="J1632" s="277"/>
      <c r="K1632" s="277"/>
    </row>
    <row r="1633" spans="3:11" x14ac:dyDescent="0.2">
      <c r="C1633" s="277"/>
      <c r="D1633" s="277"/>
      <c r="E1633" s="277"/>
      <c r="F1633" s="277"/>
      <c r="G1633" s="277"/>
      <c r="H1633" s="277"/>
      <c r="I1633" s="277"/>
      <c r="J1633" s="277"/>
      <c r="K1633" s="277"/>
    </row>
    <row r="1634" spans="3:11" x14ac:dyDescent="0.2">
      <c r="C1634" s="277"/>
      <c r="D1634" s="277"/>
      <c r="E1634" s="277"/>
      <c r="F1634" s="277"/>
      <c r="G1634" s="277"/>
      <c r="H1634" s="277"/>
      <c r="I1634" s="277"/>
      <c r="J1634" s="277"/>
      <c r="K1634" s="277"/>
    </row>
    <row r="1635" spans="3:11" x14ac:dyDescent="0.2">
      <c r="C1635" s="277"/>
      <c r="D1635" s="277"/>
      <c r="E1635" s="277"/>
      <c r="F1635" s="277"/>
      <c r="G1635" s="277"/>
      <c r="H1635" s="277"/>
      <c r="I1635" s="277"/>
      <c r="J1635" s="277"/>
      <c r="K1635" s="277"/>
    </row>
    <row r="1636" spans="3:11" x14ac:dyDescent="0.2">
      <c r="C1636" s="277"/>
      <c r="D1636" s="277"/>
      <c r="E1636" s="277"/>
      <c r="F1636" s="277"/>
      <c r="G1636" s="277"/>
      <c r="H1636" s="277"/>
      <c r="I1636" s="277"/>
      <c r="J1636" s="277"/>
      <c r="K1636" s="277"/>
    </row>
    <row r="1637" spans="3:11" x14ac:dyDescent="0.2">
      <c r="C1637" s="277"/>
      <c r="D1637" s="277"/>
      <c r="E1637" s="277"/>
      <c r="F1637" s="277"/>
      <c r="G1637" s="277"/>
      <c r="H1637" s="277"/>
      <c r="I1637" s="277"/>
      <c r="J1637" s="277"/>
      <c r="K1637" s="277"/>
    </row>
    <row r="1638" spans="3:11" x14ac:dyDescent="0.2">
      <c r="C1638" s="277"/>
      <c r="D1638" s="277"/>
      <c r="E1638" s="277"/>
      <c r="F1638" s="277"/>
      <c r="G1638" s="277"/>
      <c r="H1638" s="277"/>
      <c r="I1638" s="277"/>
      <c r="J1638" s="277"/>
      <c r="K1638" s="277"/>
    </row>
    <row r="1639" spans="3:11" x14ac:dyDescent="0.2">
      <c r="C1639" s="277"/>
      <c r="D1639" s="277"/>
      <c r="E1639" s="277"/>
      <c r="F1639" s="277"/>
      <c r="G1639" s="277"/>
      <c r="H1639" s="277"/>
      <c r="I1639" s="277"/>
      <c r="J1639" s="277"/>
      <c r="K1639" s="277"/>
    </row>
    <row r="1640" spans="3:11" x14ac:dyDescent="0.2">
      <c r="C1640" s="277"/>
      <c r="D1640" s="277"/>
      <c r="E1640" s="277"/>
      <c r="F1640" s="277"/>
      <c r="G1640" s="277"/>
      <c r="H1640" s="277"/>
      <c r="I1640" s="277"/>
      <c r="J1640" s="277"/>
      <c r="K1640" s="277"/>
    </row>
    <row r="1641" spans="3:11" x14ac:dyDescent="0.2">
      <c r="C1641" s="277"/>
      <c r="D1641" s="277"/>
      <c r="E1641" s="277"/>
      <c r="F1641" s="277"/>
      <c r="G1641" s="277"/>
      <c r="H1641" s="277"/>
      <c r="I1641" s="277"/>
      <c r="J1641" s="277"/>
      <c r="K1641" s="277"/>
    </row>
    <row r="1642" spans="3:11" x14ac:dyDescent="0.2">
      <c r="C1642" s="277"/>
      <c r="D1642" s="277"/>
      <c r="E1642" s="277"/>
      <c r="F1642" s="277"/>
      <c r="G1642" s="277"/>
      <c r="H1642" s="277"/>
      <c r="I1642" s="277"/>
      <c r="J1642" s="277"/>
      <c r="K1642" s="277"/>
    </row>
    <row r="1643" spans="3:11" x14ac:dyDescent="0.2">
      <c r="C1643" s="277"/>
      <c r="D1643" s="277"/>
      <c r="E1643" s="277"/>
      <c r="F1643" s="277"/>
      <c r="G1643" s="277"/>
      <c r="H1643" s="277"/>
      <c r="I1643" s="277"/>
      <c r="J1643" s="277"/>
      <c r="K1643" s="277"/>
    </row>
    <row r="1644" spans="3:11" x14ac:dyDescent="0.2">
      <c r="C1644" s="277"/>
      <c r="D1644" s="277"/>
      <c r="E1644" s="277"/>
      <c r="F1644" s="277"/>
      <c r="G1644" s="277"/>
      <c r="H1644" s="277"/>
      <c r="I1644" s="277"/>
      <c r="J1644" s="277"/>
      <c r="K1644" s="277"/>
    </row>
    <row r="1645" spans="3:11" x14ac:dyDescent="0.2">
      <c r="C1645" s="277"/>
      <c r="D1645" s="277"/>
      <c r="E1645" s="277"/>
      <c r="F1645" s="277"/>
      <c r="G1645" s="277"/>
      <c r="H1645" s="277"/>
      <c r="I1645" s="277"/>
      <c r="J1645" s="277"/>
      <c r="K1645" s="277"/>
    </row>
    <row r="1646" spans="3:11" x14ac:dyDescent="0.2">
      <c r="C1646" s="277"/>
      <c r="D1646" s="277"/>
      <c r="E1646" s="277"/>
      <c r="F1646" s="277"/>
      <c r="G1646" s="277"/>
      <c r="H1646" s="277"/>
      <c r="I1646" s="277"/>
      <c r="J1646" s="277"/>
      <c r="K1646" s="277"/>
    </row>
    <row r="1647" spans="3:11" x14ac:dyDescent="0.2">
      <c r="C1647" s="277"/>
      <c r="D1647" s="277"/>
      <c r="E1647" s="277"/>
      <c r="F1647" s="277"/>
      <c r="G1647" s="277"/>
      <c r="H1647" s="277"/>
      <c r="I1647" s="277"/>
      <c r="J1647" s="277"/>
      <c r="K1647" s="277"/>
    </row>
    <row r="1648" spans="3:11" x14ac:dyDescent="0.2">
      <c r="C1648" s="277"/>
      <c r="D1648" s="277"/>
      <c r="E1648" s="277"/>
      <c r="F1648" s="277"/>
      <c r="G1648" s="277"/>
      <c r="H1648" s="277"/>
      <c r="I1648" s="277"/>
      <c r="J1648" s="277"/>
      <c r="K1648" s="277"/>
    </row>
    <row r="1649" spans="3:11" x14ac:dyDescent="0.2">
      <c r="C1649" s="277"/>
      <c r="D1649" s="277"/>
      <c r="E1649" s="277"/>
      <c r="F1649" s="277"/>
      <c r="G1649" s="277"/>
      <c r="H1649" s="277"/>
      <c r="I1649" s="277"/>
      <c r="J1649" s="277"/>
      <c r="K1649" s="277"/>
    </row>
    <row r="1650" spans="3:11" x14ac:dyDescent="0.2">
      <c r="C1650" s="277"/>
      <c r="D1650" s="277"/>
      <c r="E1650" s="277"/>
      <c r="F1650" s="277"/>
      <c r="G1650" s="277"/>
      <c r="H1650" s="277"/>
      <c r="I1650" s="277"/>
      <c r="J1650" s="277"/>
      <c r="K1650" s="277"/>
    </row>
    <row r="1651" spans="3:11" x14ac:dyDescent="0.2">
      <c r="C1651" s="277"/>
      <c r="D1651" s="277"/>
      <c r="E1651" s="277"/>
      <c r="F1651" s="277"/>
      <c r="G1651" s="277"/>
      <c r="H1651" s="277"/>
      <c r="I1651" s="277"/>
      <c r="J1651" s="277"/>
      <c r="K1651" s="277"/>
    </row>
    <row r="1652" spans="3:11" x14ac:dyDescent="0.2">
      <c r="C1652" s="277"/>
      <c r="D1652" s="277"/>
      <c r="E1652" s="277"/>
      <c r="F1652" s="277"/>
      <c r="G1652" s="277"/>
      <c r="H1652" s="277"/>
      <c r="I1652" s="277"/>
      <c r="J1652" s="277"/>
      <c r="K1652" s="277"/>
    </row>
    <row r="1653" spans="3:11" x14ac:dyDescent="0.2">
      <c r="C1653" s="277"/>
      <c r="D1653" s="277"/>
      <c r="E1653" s="277"/>
      <c r="F1653" s="277"/>
      <c r="G1653" s="277"/>
      <c r="H1653" s="277"/>
      <c r="I1653" s="277"/>
      <c r="J1653" s="277"/>
      <c r="K1653" s="277"/>
    </row>
    <row r="1654" spans="3:11" x14ac:dyDescent="0.2">
      <c r="C1654" s="277"/>
      <c r="D1654" s="277"/>
      <c r="E1654" s="277"/>
      <c r="F1654" s="277"/>
      <c r="G1654" s="277"/>
      <c r="H1654" s="277"/>
      <c r="I1654" s="277"/>
      <c r="J1654" s="277"/>
      <c r="K1654" s="277"/>
    </row>
    <row r="1655" spans="3:11" x14ac:dyDescent="0.2">
      <c r="C1655" s="277"/>
      <c r="D1655" s="277"/>
      <c r="E1655" s="277"/>
      <c r="F1655" s="277"/>
      <c r="G1655" s="277"/>
      <c r="H1655" s="277"/>
      <c r="I1655" s="277"/>
      <c r="J1655" s="277"/>
      <c r="K1655" s="277"/>
    </row>
    <row r="1656" spans="3:11" x14ac:dyDescent="0.2">
      <c r="C1656" s="277"/>
      <c r="D1656" s="277"/>
      <c r="E1656" s="277"/>
      <c r="F1656" s="277"/>
      <c r="G1656" s="277"/>
      <c r="H1656" s="277"/>
      <c r="I1656" s="277"/>
      <c r="J1656" s="277"/>
      <c r="K1656" s="277"/>
    </row>
    <row r="1657" spans="3:11" x14ac:dyDescent="0.2">
      <c r="C1657" s="277"/>
      <c r="D1657" s="277"/>
      <c r="E1657" s="277"/>
      <c r="F1657" s="277"/>
      <c r="G1657" s="277"/>
      <c r="H1657" s="277"/>
      <c r="I1657" s="277"/>
      <c r="J1657" s="277"/>
      <c r="K1657" s="277"/>
    </row>
    <row r="1658" spans="3:11" x14ac:dyDescent="0.2">
      <c r="C1658" s="277"/>
      <c r="D1658" s="277"/>
      <c r="E1658" s="277"/>
      <c r="F1658" s="277"/>
      <c r="G1658" s="277"/>
      <c r="H1658" s="277"/>
      <c r="I1658" s="277"/>
      <c r="J1658" s="277"/>
      <c r="K1658" s="277"/>
    </row>
    <row r="1659" spans="3:11" x14ac:dyDescent="0.2">
      <c r="C1659" s="277"/>
      <c r="D1659" s="277"/>
      <c r="E1659" s="277"/>
      <c r="F1659" s="277"/>
      <c r="G1659" s="277"/>
      <c r="H1659" s="277"/>
      <c r="I1659" s="277"/>
      <c r="J1659" s="277"/>
      <c r="K1659" s="277"/>
    </row>
    <row r="1660" spans="3:11" x14ac:dyDescent="0.2">
      <c r="C1660" s="277"/>
      <c r="D1660" s="277"/>
      <c r="E1660" s="277"/>
      <c r="F1660" s="277"/>
      <c r="G1660" s="277"/>
      <c r="H1660" s="277"/>
      <c r="I1660" s="277"/>
      <c r="J1660" s="277"/>
      <c r="K1660" s="277"/>
    </row>
    <row r="1661" spans="3:11" x14ac:dyDescent="0.2">
      <c r="C1661" s="277"/>
      <c r="D1661" s="277"/>
      <c r="E1661" s="277"/>
      <c r="F1661" s="277"/>
      <c r="G1661" s="277"/>
      <c r="H1661" s="277"/>
      <c r="I1661" s="277"/>
      <c r="J1661" s="277"/>
      <c r="K1661" s="277"/>
    </row>
    <row r="1662" spans="3:11" x14ac:dyDescent="0.2">
      <c r="C1662" s="277"/>
      <c r="D1662" s="277"/>
      <c r="E1662" s="277"/>
      <c r="F1662" s="277"/>
      <c r="G1662" s="277"/>
      <c r="H1662" s="277"/>
      <c r="I1662" s="277"/>
      <c r="J1662" s="277"/>
      <c r="K1662" s="277"/>
    </row>
    <row r="1663" spans="3:11" x14ac:dyDescent="0.2">
      <c r="C1663" s="277"/>
      <c r="D1663" s="277"/>
      <c r="E1663" s="277"/>
      <c r="F1663" s="277"/>
      <c r="G1663" s="277"/>
      <c r="H1663" s="277"/>
      <c r="I1663" s="277"/>
      <c r="J1663" s="277"/>
      <c r="K1663" s="277"/>
    </row>
    <row r="1664" spans="3:11" x14ac:dyDescent="0.2">
      <c r="C1664" s="277"/>
      <c r="D1664" s="277"/>
      <c r="E1664" s="277"/>
      <c r="F1664" s="277"/>
      <c r="G1664" s="277"/>
      <c r="H1664" s="277"/>
      <c r="I1664" s="277"/>
      <c r="J1664" s="277"/>
      <c r="K1664" s="277"/>
    </row>
    <row r="1665" spans="3:11" x14ac:dyDescent="0.2">
      <c r="C1665" s="277"/>
      <c r="D1665" s="277"/>
      <c r="E1665" s="277"/>
      <c r="F1665" s="277"/>
      <c r="G1665" s="277"/>
      <c r="H1665" s="277"/>
      <c r="I1665" s="277"/>
      <c r="J1665" s="277"/>
      <c r="K1665" s="277"/>
    </row>
    <row r="1666" spans="3:11" x14ac:dyDescent="0.2">
      <c r="C1666" s="277"/>
      <c r="D1666" s="277"/>
      <c r="E1666" s="277"/>
      <c r="F1666" s="277"/>
      <c r="G1666" s="277"/>
      <c r="H1666" s="277"/>
      <c r="I1666" s="277"/>
      <c r="J1666" s="277"/>
      <c r="K1666" s="277"/>
    </row>
    <row r="1667" spans="3:11" x14ac:dyDescent="0.2">
      <c r="C1667" s="277"/>
      <c r="D1667" s="277"/>
      <c r="E1667" s="277"/>
      <c r="F1667" s="277"/>
      <c r="G1667" s="277"/>
      <c r="H1667" s="277"/>
      <c r="I1667" s="277"/>
      <c r="J1667" s="277"/>
      <c r="K1667" s="277"/>
    </row>
    <row r="1668" spans="3:11" x14ac:dyDescent="0.2">
      <c r="C1668" s="277"/>
      <c r="D1668" s="277"/>
      <c r="E1668" s="277"/>
      <c r="F1668" s="277"/>
      <c r="G1668" s="277"/>
      <c r="H1668" s="277"/>
      <c r="I1668" s="277"/>
      <c r="J1668" s="277"/>
      <c r="K1668" s="277"/>
    </row>
    <row r="1669" spans="3:11" x14ac:dyDescent="0.2">
      <c r="C1669" s="277"/>
      <c r="D1669" s="277"/>
      <c r="E1669" s="277"/>
      <c r="F1669" s="277"/>
      <c r="G1669" s="277"/>
      <c r="H1669" s="277"/>
      <c r="I1669" s="277"/>
      <c r="J1669" s="277"/>
      <c r="K1669" s="277"/>
    </row>
    <row r="1670" spans="3:11" x14ac:dyDescent="0.2">
      <c r="C1670" s="277"/>
      <c r="D1670" s="277"/>
      <c r="E1670" s="277"/>
      <c r="F1670" s="277"/>
      <c r="G1670" s="277"/>
      <c r="H1670" s="277"/>
      <c r="I1670" s="277"/>
      <c r="J1670" s="277"/>
      <c r="K1670" s="277"/>
    </row>
    <row r="1671" spans="3:11" x14ac:dyDescent="0.2">
      <c r="C1671" s="277"/>
      <c r="D1671" s="277"/>
      <c r="E1671" s="277"/>
      <c r="F1671" s="277"/>
      <c r="G1671" s="277"/>
      <c r="H1671" s="277"/>
      <c r="I1671" s="277"/>
      <c r="J1671" s="277"/>
      <c r="K1671" s="277"/>
    </row>
    <row r="1672" spans="3:11" x14ac:dyDescent="0.2">
      <c r="C1672" s="277"/>
      <c r="D1672" s="277"/>
      <c r="E1672" s="277"/>
      <c r="F1672" s="277"/>
      <c r="G1672" s="277"/>
      <c r="H1672" s="277"/>
      <c r="I1672" s="277"/>
      <c r="J1672" s="277"/>
      <c r="K1672" s="277"/>
    </row>
    <row r="1673" spans="3:11" x14ac:dyDescent="0.2">
      <c r="C1673" s="277"/>
      <c r="D1673" s="277"/>
      <c r="E1673" s="277"/>
      <c r="F1673" s="277"/>
      <c r="G1673" s="277"/>
      <c r="H1673" s="277"/>
      <c r="I1673" s="277"/>
      <c r="J1673" s="277"/>
      <c r="K1673" s="277"/>
    </row>
    <row r="1674" spans="3:11" x14ac:dyDescent="0.2">
      <c r="C1674" s="277"/>
      <c r="D1674" s="277"/>
      <c r="E1674" s="277"/>
      <c r="F1674" s="277"/>
      <c r="G1674" s="277"/>
      <c r="H1674" s="277"/>
      <c r="I1674" s="277"/>
      <c r="J1674" s="277"/>
      <c r="K1674" s="277"/>
    </row>
    <row r="1675" spans="3:11" x14ac:dyDescent="0.2">
      <c r="C1675" s="277"/>
      <c r="D1675" s="277"/>
      <c r="E1675" s="277"/>
      <c r="F1675" s="277"/>
      <c r="G1675" s="277"/>
      <c r="H1675" s="277"/>
      <c r="I1675" s="277"/>
      <c r="J1675" s="277"/>
      <c r="K1675" s="277"/>
    </row>
    <row r="1676" spans="3:11" x14ac:dyDescent="0.2">
      <c r="C1676" s="277"/>
      <c r="D1676" s="277"/>
      <c r="E1676" s="277"/>
      <c r="F1676" s="277"/>
      <c r="G1676" s="277"/>
      <c r="H1676" s="277"/>
      <c r="I1676" s="277"/>
      <c r="J1676" s="277"/>
      <c r="K1676" s="277"/>
    </row>
    <row r="1677" spans="3:11" x14ac:dyDescent="0.2">
      <c r="C1677" s="277"/>
      <c r="D1677" s="277"/>
      <c r="E1677" s="277"/>
      <c r="F1677" s="277"/>
      <c r="G1677" s="277"/>
      <c r="H1677" s="277"/>
      <c r="I1677" s="277"/>
      <c r="J1677" s="277"/>
      <c r="K1677" s="277"/>
    </row>
    <row r="1678" spans="3:11" x14ac:dyDescent="0.2">
      <c r="C1678" s="277"/>
      <c r="D1678" s="277"/>
      <c r="E1678" s="277"/>
      <c r="F1678" s="277"/>
      <c r="G1678" s="277"/>
      <c r="H1678" s="277"/>
      <c r="I1678" s="277"/>
      <c r="J1678" s="277"/>
      <c r="K1678" s="277"/>
    </row>
    <row r="1679" spans="3:11" x14ac:dyDescent="0.2">
      <c r="C1679" s="277"/>
      <c r="D1679" s="277"/>
      <c r="E1679" s="277"/>
      <c r="F1679" s="277"/>
      <c r="G1679" s="277"/>
      <c r="H1679" s="277"/>
      <c r="I1679" s="277"/>
      <c r="J1679" s="277"/>
      <c r="K1679" s="277"/>
    </row>
    <row r="1680" spans="3:11" x14ac:dyDescent="0.2">
      <c r="C1680" s="277"/>
      <c r="D1680" s="277"/>
      <c r="E1680" s="277"/>
      <c r="F1680" s="277"/>
      <c r="G1680" s="277"/>
      <c r="H1680" s="277"/>
      <c r="I1680" s="277"/>
      <c r="J1680" s="277"/>
      <c r="K1680" s="277"/>
    </row>
    <row r="1681" spans="3:11" x14ac:dyDescent="0.2">
      <c r="C1681" s="277"/>
      <c r="D1681" s="277"/>
      <c r="E1681" s="277"/>
      <c r="F1681" s="277"/>
      <c r="G1681" s="277"/>
      <c r="H1681" s="277"/>
      <c r="I1681" s="277"/>
      <c r="J1681" s="277"/>
      <c r="K1681" s="277"/>
    </row>
    <row r="1682" spans="3:11" x14ac:dyDescent="0.2">
      <c r="C1682" s="277"/>
      <c r="D1682" s="277"/>
      <c r="E1682" s="277"/>
      <c r="F1682" s="277"/>
      <c r="G1682" s="277"/>
      <c r="H1682" s="277"/>
      <c r="I1682" s="277"/>
      <c r="J1682" s="277"/>
      <c r="K1682" s="277"/>
    </row>
    <row r="1683" spans="3:11" x14ac:dyDescent="0.2">
      <c r="C1683" s="277"/>
      <c r="D1683" s="277"/>
      <c r="E1683" s="277"/>
      <c r="F1683" s="277"/>
      <c r="G1683" s="277"/>
      <c r="H1683" s="277"/>
      <c r="I1683" s="277"/>
      <c r="J1683" s="277"/>
      <c r="K1683" s="277"/>
    </row>
    <row r="1684" spans="3:11" x14ac:dyDescent="0.2">
      <c r="C1684" s="277"/>
      <c r="D1684" s="277"/>
      <c r="E1684" s="277"/>
      <c r="F1684" s="277"/>
      <c r="G1684" s="277"/>
      <c r="H1684" s="277"/>
      <c r="I1684" s="277"/>
      <c r="J1684" s="277"/>
      <c r="K1684" s="277"/>
    </row>
    <row r="1685" spans="3:11" x14ac:dyDescent="0.2">
      <c r="C1685" s="277"/>
      <c r="D1685" s="277"/>
      <c r="E1685" s="277"/>
      <c r="F1685" s="277"/>
      <c r="G1685" s="277"/>
      <c r="H1685" s="277"/>
      <c r="I1685" s="277"/>
      <c r="J1685" s="277"/>
      <c r="K1685" s="277"/>
    </row>
    <row r="1686" spans="3:11" x14ac:dyDescent="0.2">
      <c r="C1686" s="277"/>
      <c r="D1686" s="277"/>
      <c r="E1686" s="277"/>
      <c r="F1686" s="277"/>
      <c r="G1686" s="277"/>
      <c r="H1686" s="277"/>
      <c r="I1686" s="277"/>
      <c r="J1686" s="277"/>
      <c r="K1686" s="277"/>
    </row>
    <row r="1687" spans="3:11" x14ac:dyDescent="0.2">
      <c r="C1687" s="277"/>
      <c r="D1687" s="277"/>
      <c r="E1687" s="277"/>
      <c r="F1687" s="277"/>
      <c r="G1687" s="277"/>
      <c r="H1687" s="277"/>
      <c r="I1687" s="277"/>
      <c r="J1687" s="277"/>
      <c r="K1687" s="277"/>
    </row>
    <row r="1688" spans="3:11" x14ac:dyDescent="0.2">
      <c r="C1688" s="277"/>
      <c r="D1688" s="277"/>
      <c r="E1688" s="277"/>
      <c r="F1688" s="277"/>
      <c r="G1688" s="277"/>
      <c r="H1688" s="277"/>
      <c r="I1688" s="277"/>
      <c r="J1688" s="277"/>
      <c r="K1688" s="277"/>
    </row>
    <row r="1689" spans="3:11" x14ac:dyDescent="0.2">
      <c r="C1689" s="277"/>
      <c r="D1689" s="277"/>
      <c r="E1689" s="277"/>
      <c r="F1689" s="277"/>
      <c r="G1689" s="277"/>
      <c r="H1689" s="277"/>
      <c r="I1689" s="277"/>
      <c r="J1689" s="277"/>
      <c r="K1689" s="277"/>
    </row>
    <row r="1690" spans="3:11" x14ac:dyDescent="0.2">
      <c r="C1690" s="277"/>
      <c r="D1690" s="277"/>
      <c r="E1690" s="277"/>
      <c r="F1690" s="277"/>
      <c r="G1690" s="277"/>
      <c r="H1690" s="277"/>
      <c r="I1690" s="277"/>
      <c r="J1690" s="277"/>
      <c r="K1690" s="277"/>
    </row>
    <row r="1691" spans="3:11" x14ac:dyDescent="0.2">
      <c r="C1691" s="277"/>
      <c r="D1691" s="277"/>
      <c r="E1691" s="277"/>
      <c r="F1691" s="277"/>
      <c r="G1691" s="277"/>
      <c r="H1691" s="277"/>
      <c r="I1691" s="277"/>
      <c r="J1691" s="277"/>
      <c r="K1691" s="277"/>
    </row>
    <row r="1692" spans="3:11" x14ac:dyDescent="0.2">
      <c r="C1692" s="277"/>
      <c r="D1692" s="277"/>
      <c r="E1692" s="277"/>
      <c r="F1692" s="277"/>
      <c r="G1692" s="277"/>
      <c r="H1692" s="277"/>
      <c r="I1692" s="277"/>
      <c r="J1692" s="277"/>
      <c r="K1692" s="277"/>
    </row>
    <row r="1693" spans="3:11" x14ac:dyDescent="0.2">
      <c r="C1693" s="277"/>
      <c r="D1693" s="277"/>
      <c r="E1693" s="277"/>
      <c r="F1693" s="277"/>
      <c r="G1693" s="277"/>
      <c r="H1693" s="277"/>
      <c r="I1693" s="277"/>
      <c r="J1693" s="277"/>
      <c r="K1693" s="277"/>
    </row>
    <row r="1694" spans="3:11" x14ac:dyDescent="0.2">
      <c r="C1694" s="277"/>
      <c r="D1694" s="277"/>
      <c r="E1694" s="277"/>
      <c r="F1694" s="277"/>
      <c r="G1694" s="277"/>
      <c r="H1694" s="277"/>
      <c r="I1694" s="277"/>
      <c r="J1694" s="277"/>
      <c r="K1694" s="277"/>
    </row>
    <row r="1695" spans="3:11" x14ac:dyDescent="0.2">
      <c r="C1695" s="277"/>
      <c r="D1695" s="277"/>
      <c r="E1695" s="277"/>
      <c r="F1695" s="277"/>
      <c r="G1695" s="277"/>
      <c r="H1695" s="277"/>
      <c r="I1695" s="277"/>
      <c r="J1695" s="277"/>
      <c r="K1695" s="277"/>
    </row>
    <row r="1696" spans="3:11" x14ac:dyDescent="0.2">
      <c r="C1696" s="277"/>
      <c r="D1696" s="277"/>
      <c r="E1696" s="277"/>
      <c r="F1696" s="277"/>
      <c r="G1696" s="277"/>
      <c r="H1696" s="277"/>
      <c r="I1696" s="277"/>
      <c r="J1696" s="277"/>
      <c r="K1696" s="277"/>
    </row>
    <row r="1697" spans="3:11" x14ac:dyDescent="0.2">
      <c r="C1697" s="277"/>
      <c r="D1697" s="277"/>
      <c r="E1697" s="277"/>
      <c r="F1697" s="277"/>
      <c r="G1697" s="277"/>
      <c r="H1697" s="277"/>
      <c r="I1697" s="277"/>
      <c r="J1697" s="277"/>
      <c r="K1697" s="277"/>
    </row>
    <row r="1698" spans="3:11" x14ac:dyDescent="0.2">
      <c r="C1698" s="277"/>
      <c r="D1698" s="277"/>
      <c r="E1698" s="277"/>
      <c r="F1698" s="277"/>
      <c r="G1698" s="277"/>
      <c r="H1698" s="277"/>
      <c r="I1698" s="277"/>
      <c r="J1698" s="277"/>
      <c r="K1698" s="277"/>
    </row>
    <row r="1699" spans="3:11" x14ac:dyDescent="0.2">
      <c r="C1699" s="277"/>
      <c r="D1699" s="277"/>
      <c r="E1699" s="277"/>
      <c r="F1699" s="277"/>
      <c r="G1699" s="277"/>
      <c r="H1699" s="277"/>
      <c r="I1699" s="277"/>
      <c r="J1699" s="277"/>
      <c r="K1699" s="277"/>
    </row>
    <row r="1700" spans="3:11" x14ac:dyDescent="0.2">
      <c r="C1700" s="277"/>
      <c r="D1700" s="277"/>
      <c r="E1700" s="277"/>
      <c r="F1700" s="277"/>
      <c r="G1700" s="277"/>
      <c r="H1700" s="277"/>
      <c r="I1700" s="277"/>
      <c r="J1700" s="277"/>
      <c r="K1700" s="277"/>
    </row>
    <row r="1701" spans="3:11" x14ac:dyDescent="0.2">
      <c r="C1701" s="277"/>
      <c r="D1701" s="277"/>
      <c r="E1701" s="277"/>
      <c r="F1701" s="277"/>
      <c r="G1701" s="277"/>
      <c r="H1701" s="277"/>
      <c r="I1701" s="277"/>
      <c r="J1701" s="277"/>
      <c r="K1701" s="277"/>
    </row>
    <row r="1702" spans="3:11" x14ac:dyDescent="0.2">
      <c r="C1702" s="277"/>
      <c r="D1702" s="277"/>
      <c r="E1702" s="277"/>
      <c r="F1702" s="277"/>
      <c r="G1702" s="277"/>
      <c r="H1702" s="277"/>
      <c r="I1702" s="277"/>
      <c r="J1702" s="277"/>
      <c r="K1702" s="277"/>
    </row>
    <row r="1703" spans="3:11" x14ac:dyDescent="0.2">
      <c r="C1703" s="277"/>
      <c r="D1703" s="277"/>
      <c r="E1703" s="277"/>
      <c r="F1703" s="277"/>
      <c r="G1703" s="277"/>
      <c r="H1703" s="277"/>
      <c r="I1703" s="277"/>
      <c r="J1703" s="277"/>
      <c r="K1703" s="277"/>
    </row>
    <row r="1704" spans="3:11" x14ac:dyDescent="0.2">
      <c r="C1704" s="277"/>
      <c r="D1704" s="277"/>
      <c r="E1704" s="277"/>
      <c r="F1704" s="277"/>
      <c r="G1704" s="277"/>
      <c r="H1704" s="277"/>
      <c r="I1704" s="277"/>
      <c r="J1704" s="277"/>
      <c r="K1704" s="277"/>
    </row>
    <row r="1705" spans="3:11" x14ac:dyDescent="0.2">
      <c r="C1705" s="277"/>
      <c r="D1705" s="277"/>
      <c r="E1705" s="277"/>
      <c r="F1705" s="277"/>
      <c r="G1705" s="277"/>
      <c r="H1705" s="277"/>
      <c r="I1705" s="277"/>
      <c r="J1705" s="277"/>
      <c r="K1705" s="277"/>
    </row>
    <row r="1706" spans="3:11" x14ac:dyDescent="0.2">
      <c r="C1706" s="277"/>
      <c r="D1706" s="277"/>
      <c r="E1706" s="277"/>
      <c r="F1706" s="277"/>
      <c r="G1706" s="277"/>
      <c r="H1706" s="277"/>
      <c r="I1706" s="277"/>
      <c r="J1706" s="277"/>
      <c r="K1706" s="277"/>
    </row>
    <row r="1707" spans="3:11" x14ac:dyDescent="0.2">
      <c r="C1707" s="277"/>
      <c r="D1707" s="277"/>
      <c r="E1707" s="277"/>
      <c r="F1707" s="277"/>
      <c r="G1707" s="277"/>
      <c r="H1707" s="277"/>
      <c r="I1707" s="277"/>
      <c r="J1707" s="277"/>
      <c r="K1707" s="277"/>
    </row>
    <row r="1708" spans="3:11" x14ac:dyDescent="0.2">
      <c r="C1708" s="277"/>
      <c r="D1708" s="277"/>
      <c r="E1708" s="277"/>
      <c r="F1708" s="277"/>
      <c r="G1708" s="277"/>
      <c r="H1708" s="277"/>
      <c r="I1708" s="277"/>
      <c r="J1708" s="277"/>
      <c r="K1708" s="277"/>
    </row>
    <row r="1709" spans="3:11" x14ac:dyDescent="0.2">
      <c r="C1709" s="277"/>
      <c r="D1709" s="277"/>
      <c r="E1709" s="277"/>
      <c r="F1709" s="277"/>
      <c r="G1709" s="277"/>
      <c r="H1709" s="277"/>
      <c r="I1709" s="277"/>
      <c r="J1709" s="277"/>
      <c r="K1709" s="277"/>
    </row>
    <row r="1710" spans="3:11" x14ac:dyDescent="0.2">
      <c r="C1710" s="277"/>
      <c r="D1710" s="277"/>
      <c r="E1710" s="277"/>
      <c r="F1710" s="277"/>
      <c r="G1710" s="277"/>
      <c r="H1710" s="277"/>
      <c r="I1710" s="277"/>
      <c r="J1710" s="277"/>
      <c r="K1710" s="277"/>
    </row>
    <row r="1711" spans="3:11" x14ac:dyDescent="0.2">
      <c r="C1711" s="277"/>
      <c r="D1711" s="277"/>
      <c r="E1711" s="277"/>
      <c r="F1711" s="277"/>
      <c r="G1711" s="277"/>
      <c r="H1711" s="277"/>
      <c r="I1711" s="277"/>
      <c r="J1711" s="277"/>
      <c r="K1711" s="277"/>
    </row>
    <row r="1712" spans="3:11" x14ac:dyDescent="0.2">
      <c r="C1712" s="277"/>
      <c r="D1712" s="277"/>
      <c r="E1712" s="277"/>
      <c r="F1712" s="277"/>
      <c r="G1712" s="277"/>
      <c r="H1712" s="277"/>
      <c r="I1712" s="277"/>
      <c r="J1712" s="277"/>
      <c r="K1712" s="277"/>
    </row>
    <row r="1713" spans="3:11" x14ac:dyDescent="0.2">
      <c r="C1713" s="277"/>
      <c r="D1713" s="277"/>
      <c r="E1713" s="277"/>
      <c r="F1713" s="277"/>
      <c r="G1713" s="277"/>
      <c r="H1713" s="277"/>
      <c r="I1713" s="277"/>
      <c r="J1713" s="277"/>
      <c r="K1713" s="277"/>
    </row>
    <row r="1714" spans="3:11" x14ac:dyDescent="0.2">
      <c r="C1714" s="277"/>
      <c r="D1714" s="277"/>
      <c r="E1714" s="277"/>
      <c r="F1714" s="277"/>
      <c r="G1714" s="277"/>
      <c r="H1714" s="277"/>
      <c r="I1714" s="277"/>
      <c r="J1714" s="277"/>
      <c r="K1714" s="277"/>
    </row>
    <row r="1715" spans="3:11" x14ac:dyDescent="0.2">
      <c r="C1715" s="277"/>
      <c r="D1715" s="277"/>
      <c r="E1715" s="277"/>
      <c r="F1715" s="277"/>
      <c r="G1715" s="277"/>
      <c r="H1715" s="277"/>
      <c r="I1715" s="277"/>
      <c r="J1715" s="277"/>
      <c r="K1715" s="277"/>
    </row>
    <row r="1716" spans="3:11" x14ac:dyDescent="0.2">
      <c r="C1716" s="277"/>
      <c r="D1716" s="277"/>
      <c r="E1716" s="277"/>
      <c r="F1716" s="277"/>
      <c r="G1716" s="277"/>
      <c r="H1716" s="277"/>
      <c r="I1716" s="277"/>
      <c r="J1716" s="277"/>
      <c r="K1716" s="277"/>
    </row>
    <row r="1717" spans="3:11" x14ac:dyDescent="0.2">
      <c r="C1717" s="277"/>
      <c r="D1717" s="277"/>
      <c r="E1717" s="277"/>
      <c r="F1717" s="277"/>
      <c r="G1717" s="277"/>
      <c r="H1717" s="277"/>
      <c r="I1717" s="277"/>
      <c r="J1717" s="277"/>
      <c r="K1717" s="277"/>
    </row>
    <row r="1718" spans="3:11" x14ac:dyDescent="0.2">
      <c r="C1718" s="277"/>
      <c r="D1718" s="277"/>
      <c r="E1718" s="277"/>
      <c r="F1718" s="277"/>
      <c r="G1718" s="277"/>
      <c r="H1718" s="277"/>
      <c r="I1718" s="277"/>
      <c r="J1718" s="277"/>
      <c r="K1718" s="277"/>
    </row>
    <row r="1719" spans="3:11" x14ac:dyDescent="0.2">
      <c r="C1719" s="277"/>
      <c r="D1719" s="277"/>
      <c r="E1719" s="277"/>
      <c r="F1719" s="277"/>
      <c r="G1719" s="277"/>
      <c r="H1719" s="277"/>
      <c r="I1719" s="277"/>
      <c r="J1719" s="277"/>
      <c r="K1719" s="277"/>
    </row>
    <row r="1720" spans="3:11" x14ac:dyDescent="0.2">
      <c r="C1720" s="277"/>
      <c r="D1720" s="277"/>
      <c r="E1720" s="277"/>
      <c r="F1720" s="277"/>
      <c r="G1720" s="277"/>
      <c r="H1720" s="277"/>
      <c r="I1720" s="277"/>
      <c r="J1720" s="277"/>
      <c r="K1720" s="277"/>
    </row>
    <row r="1721" spans="3:11" x14ac:dyDescent="0.2">
      <c r="C1721" s="277"/>
      <c r="D1721" s="277"/>
      <c r="E1721" s="277"/>
      <c r="F1721" s="277"/>
      <c r="G1721" s="277"/>
      <c r="H1721" s="277"/>
      <c r="I1721" s="277"/>
      <c r="J1721" s="277"/>
      <c r="K1721" s="277"/>
    </row>
    <row r="1722" spans="3:11" x14ac:dyDescent="0.2">
      <c r="C1722" s="277"/>
      <c r="D1722" s="277"/>
      <c r="E1722" s="277"/>
      <c r="F1722" s="277"/>
      <c r="G1722" s="277"/>
      <c r="H1722" s="277"/>
      <c r="I1722" s="277"/>
      <c r="J1722" s="277"/>
      <c r="K1722" s="277"/>
    </row>
    <row r="1723" spans="3:11" x14ac:dyDescent="0.2">
      <c r="C1723" s="277"/>
      <c r="D1723" s="277"/>
      <c r="E1723" s="277"/>
      <c r="F1723" s="277"/>
      <c r="G1723" s="277"/>
      <c r="H1723" s="277"/>
      <c r="I1723" s="277"/>
      <c r="J1723" s="277"/>
      <c r="K1723" s="277"/>
    </row>
    <row r="1724" spans="3:11" x14ac:dyDescent="0.2">
      <c r="C1724" s="277"/>
      <c r="D1724" s="277"/>
      <c r="E1724" s="277"/>
      <c r="F1724" s="277"/>
      <c r="G1724" s="277"/>
      <c r="H1724" s="277"/>
      <c r="I1724" s="277"/>
      <c r="J1724" s="277"/>
      <c r="K1724" s="277"/>
    </row>
    <row r="1725" spans="3:11" x14ac:dyDescent="0.2">
      <c r="C1725" s="277"/>
      <c r="D1725" s="277"/>
      <c r="E1725" s="277"/>
      <c r="F1725" s="277"/>
      <c r="G1725" s="277"/>
      <c r="H1725" s="277"/>
      <c r="I1725" s="277"/>
      <c r="J1725" s="277"/>
      <c r="K1725" s="277"/>
    </row>
    <row r="1726" spans="3:11" x14ac:dyDescent="0.2">
      <c r="C1726" s="277"/>
      <c r="D1726" s="277"/>
      <c r="E1726" s="277"/>
      <c r="F1726" s="277"/>
      <c r="G1726" s="277"/>
      <c r="H1726" s="277"/>
      <c r="I1726" s="277"/>
      <c r="J1726" s="277"/>
      <c r="K1726" s="277"/>
    </row>
    <row r="1727" spans="3:11" x14ac:dyDescent="0.2">
      <c r="C1727" s="277"/>
      <c r="D1727" s="277"/>
      <c r="E1727" s="277"/>
      <c r="F1727" s="277"/>
      <c r="G1727" s="277"/>
      <c r="H1727" s="277"/>
      <c r="I1727" s="277"/>
      <c r="J1727" s="277"/>
      <c r="K1727" s="277"/>
    </row>
    <row r="1728" spans="3:11" x14ac:dyDescent="0.2">
      <c r="C1728" s="277"/>
      <c r="D1728" s="277"/>
      <c r="E1728" s="277"/>
      <c r="F1728" s="277"/>
      <c r="G1728" s="277"/>
      <c r="H1728" s="277"/>
      <c r="I1728" s="277"/>
      <c r="J1728" s="277"/>
      <c r="K1728" s="277"/>
    </row>
    <row r="1729" spans="3:11" x14ac:dyDescent="0.2">
      <c r="C1729" s="277"/>
      <c r="D1729" s="277"/>
      <c r="E1729" s="277"/>
      <c r="F1729" s="277"/>
      <c r="G1729" s="277"/>
      <c r="H1729" s="277"/>
      <c r="I1729" s="277"/>
      <c r="J1729" s="277"/>
      <c r="K1729" s="277"/>
    </row>
    <row r="1730" spans="3:11" x14ac:dyDescent="0.2">
      <c r="C1730" s="277"/>
      <c r="D1730" s="277"/>
      <c r="E1730" s="277"/>
      <c r="F1730" s="277"/>
      <c r="G1730" s="277"/>
      <c r="H1730" s="277"/>
      <c r="I1730" s="277"/>
      <c r="J1730" s="277"/>
      <c r="K1730" s="277"/>
    </row>
    <row r="1731" spans="3:11" x14ac:dyDescent="0.2">
      <c r="C1731" s="277"/>
      <c r="D1731" s="277"/>
      <c r="E1731" s="277"/>
      <c r="F1731" s="277"/>
      <c r="G1731" s="277"/>
      <c r="H1731" s="277"/>
      <c r="I1731" s="277"/>
      <c r="J1731" s="277"/>
      <c r="K1731" s="277"/>
    </row>
    <row r="1732" spans="3:11" x14ac:dyDescent="0.2">
      <c r="C1732" s="277"/>
      <c r="D1732" s="277"/>
      <c r="E1732" s="277"/>
      <c r="F1732" s="277"/>
      <c r="G1732" s="277"/>
      <c r="H1732" s="277"/>
      <c r="I1732" s="277"/>
      <c r="J1732" s="277"/>
      <c r="K1732" s="277"/>
    </row>
    <row r="1733" spans="3:11" x14ac:dyDescent="0.2">
      <c r="C1733" s="277"/>
      <c r="D1733" s="277"/>
      <c r="E1733" s="277"/>
      <c r="F1733" s="277"/>
      <c r="G1733" s="277"/>
      <c r="H1733" s="277"/>
      <c r="I1733" s="277"/>
      <c r="J1733" s="277"/>
      <c r="K1733" s="277"/>
    </row>
    <row r="1734" spans="3:11" x14ac:dyDescent="0.2">
      <c r="C1734" s="277"/>
      <c r="D1734" s="277"/>
      <c r="E1734" s="277"/>
      <c r="F1734" s="277"/>
      <c r="G1734" s="277"/>
      <c r="H1734" s="277"/>
      <c r="I1734" s="277"/>
      <c r="J1734" s="277"/>
      <c r="K1734" s="277"/>
    </row>
    <row r="1735" spans="3:11" x14ac:dyDescent="0.2">
      <c r="C1735" s="277"/>
      <c r="D1735" s="277"/>
      <c r="E1735" s="277"/>
      <c r="F1735" s="277"/>
      <c r="G1735" s="277"/>
      <c r="H1735" s="277"/>
      <c r="I1735" s="277"/>
      <c r="J1735" s="277"/>
      <c r="K1735" s="277"/>
    </row>
    <row r="1736" spans="3:11" x14ac:dyDescent="0.2">
      <c r="C1736" s="277"/>
      <c r="D1736" s="277"/>
      <c r="E1736" s="277"/>
      <c r="F1736" s="277"/>
      <c r="G1736" s="277"/>
      <c r="H1736" s="277"/>
      <c r="I1736" s="277"/>
      <c r="J1736" s="277"/>
      <c r="K1736" s="277"/>
    </row>
    <row r="1737" spans="3:11" x14ac:dyDescent="0.2">
      <c r="C1737" s="277"/>
      <c r="D1737" s="277"/>
      <c r="E1737" s="277"/>
      <c r="F1737" s="277"/>
      <c r="G1737" s="277"/>
      <c r="H1737" s="277"/>
      <c r="I1737" s="277"/>
      <c r="J1737" s="277"/>
      <c r="K1737" s="277"/>
    </row>
    <row r="1738" spans="3:11" x14ac:dyDescent="0.2">
      <c r="C1738" s="277"/>
      <c r="D1738" s="277"/>
      <c r="E1738" s="277"/>
      <c r="F1738" s="277"/>
      <c r="G1738" s="277"/>
      <c r="H1738" s="277"/>
      <c r="I1738" s="277"/>
      <c r="J1738" s="277"/>
      <c r="K1738" s="277"/>
    </row>
    <row r="1739" spans="3:11" x14ac:dyDescent="0.2">
      <c r="C1739" s="277"/>
      <c r="D1739" s="277"/>
      <c r="E1739" s="277"/>
      <c r="F1739" s="277"/>
      <c r="G1739" s="277"/>
      <c r="H1739" s="277"/>
      <c r="I1739" s="277"/>
      <c r="J1739" s="277"/>
      <c r="K1739" s="277"/>
    </row>
    <row r="1740" spans="3:11" x14ac:dyDescent="0.2">
      <c r="C1740" s="277"/>
      <c r="D1740" s="277"/>
      <c r="E1740" s="277"/>
      <c r="F1740" s="277"/>
      <c r="G1740" s="277"/>
      <c r="H1740" s="277"/>
      <c r="I1740" s="277"/>
      <c r="J1740" s="277"/>
      <c r="K1740" s="277"/>
    </row>
    <row r="1741" spans="3:11" x14ac:dyDescent="0.2">
      <c r="C1741" s="277"/>
      <c r="D1741" s="277"/>
      <c r="E1741" s="277"/>
      <c r="F1741" s="277"/>
      <c r="G1741" s="277"/>
      <c r="H1741" s="277"/>
      <c r="I1741" s="277"/>
      <c r="J1741" s="277"/>
      <c r="K1741" s="277"/>
    </row>
    <row r="1742" spans="3:11" x14ac:dyDescent="0.2">
      <c r="C1742" s="277"/>
      <c r="D1742" s="277"/>
      <c r="E1742" s="277"/>
      <c r="F1742" s="277"/>
      <c r="G1742" s="277"/>
      <c r="H1742" s="277"/>
      <c r="I1742" s="277"/>
      <c r="J1742" s="277"/>
      <c r="K1742" s="277"/>
    </row>
    <row r="1743" spans="3:11" x14ac:dyDescent="0.2">
      <c r="C1743" s="277"/>
      <c r="D1743" s="277"/>
      <c r="E1743" s="277"/>
      <c r="F1743" s="277"/>
      <c r="G1743" s="277"/>
      <c r="H1743" s="277"/>
      <c r="I1743" s="277"/>
      <c r="J1743" s="277"/>
      <c r="K1743" s="277"/>
    </row>
    <row r="1744" spans="3:11" x14ac:dyDescent="0.2">
      <c r="C1744" s="277"/>
      <c r="D1744" s="277"/>
      <c r="E1744" s="277"/>
      <c r="F1744" s="277"/>
      <c r="G1744" s="277"/>
      <c r="H1744" s="277"/>
      <c r="I1744" s="277"/>
      <c r="J1744" s="277"/>
      <c r="K1744" s="277"/>
    </row>
    <row r="1745" spans="3:11" x14ac:dyDescent="0.2">
      <c r="C1745" s="277"/>
      <c r="D1745" s="277"/>
      <c r="E1745" s="277"/>
      <c r="F1745" s="277"/>
      <c r="G1745" s="277"/>
      <c r="H1745" s="277"/>
      <c r="I1745" s="277"/>
      <c r="J1745" s="277"/>
      <c r="K1745" s="277"/>
    </row>
    <row r="1746" spans="3:11" x14ac:dyDescent="0.2">
      <c r="C1746" s="277"/>
      <c r="D1746" s="277"/>
      <c r="E1746" s="277"/>
      <c r="F1746" s="277"/>
      <c r="G1746" s="277"/>
      <c r="H1746" s="277"/>
      <c r="I1746" s="277"/>
      <c r="J1746" s="277"/>
      <c r="K1746" s="277"/>
    </row>
    <row r="1747" spans="3:11" x14ac:dyDescent="0.2">
      <c r="C1747" s="277"/>
      <c r="D1747" s="277"/>
      <c r="E1747" s="277"/>
      <c r="F1747" s="277"/>
      <c r="G1747" s="277"/>
      <c r="H1747" s="277"/>
      <c r="I1747" s="277"/>
      <c r="J1747" s="277"/>
      <c r="K1747" s="277"/>
    </row>
    <row r="1748" spans="3:11" x14ac:dyDescent="0.2">
      <c r="C1748" s="277"/>
      <c r="D1748" s="277"/>
      <c r="E1748" s="277"/>
      <c r="F1748" s="277"/>
      <c r="G1748" s="277"/>
      <c r="H1748" s="277"/>
      <c r="I1748" s="277"/>
      <c r="J1748" s="277"/>
      <c r="K1748" s="277"/>
    </row>
    <row r="1749" spans="3:11" x14ac:dyDescent="0.2">
      <c r="C1749" s="277"/>
      <c r="D1749" s="277"/>
      <c r="E1749" s="277"/>
      <c r="F1749" s="277"/>
      <c r="G1749" s="277"/>
      <c r="H1749" s="277"/>
      <c r="I1749" s="277"/>
      <c r="J1749" s="277"/>
      <c r="K1749" s="277"/>
    </row>
    <row r="1750" spans="3:11" x14ac:dyDescent="0.2">
      <c r="C1750" s="277"/>
      <c r="D1750" s="277"/>
      <c r="E1750" s="277"/>
      <c r="F1750" s="277"/>
      <c r="G1750" s="277"/>
      <c r="H1750" s="277"/>
      <c r="I1750" s="277"/>
      <c r="J1750" s="277"/>
      <c r="K1750" s="277"/>
    </row>
    <row r="1751" spans="3:11" x14ac:dyDescent="0.2">
      <c r="C1751" s="277"/>
      <c r="D1751" s="277"/>
      <c r="E1751" s="277"/>
      <c r="F1751" s="277"/>
      <c r="G1751" s="277"/>
      <c r="H1751" s="277"/>
      <c r="I1751" s="277"/>
      <c r="J1751" s="277"/>
      <c r="K1751" s="277"/>
    </row>
    <row r="1752" spans="3:11" x14ac:dyDescent="0.2">
      <c r="C1752" s="277"/>
      <c r="D1752" s="277"/>
      <c r="E1752" s="277"/>
      <c r="F1752" s="277"/>
      <c r="G1752" s="277"/>
      <c r="H1752" s="277"/>
      <c r="I1752" s="277"/>
      <c r="J1752" s="277"/>
      <c r="K1752" s="277"/>
    </row>
    <row r="1753" spans="3:11" x14ac:dyDescent="0.2">
      <c r="C1753" s="277"/>
      <c r="D1753" s="277"/>
      <c r="E1753" s="277"/>
      <c r="F1753" s="277"/>
      <c r="G1753" s="277"/>
      <c r="H1753" s="277"/>
      <c r="I1753" s="277"/>
      <c r="J1753" s="277"/>
      <c r="K1753" s="277"/>
    </row>
    <row r="1754" spans="3:11" x14ac:dyDescent="0.2">
      <c r="C1754" s="277"/>
      <c r="D1754" s="277"/>
      <c r="E1754" s="277"/>
      <c r="F1754" s="277"/>
      <c r="G1754" s="277"/>
      <c r="H1754" s="277"/>
      <c r="I1754" s="277"/>
      <c r="J1754" s="277"/>
      <c r="K1754" s="277"/>
    </row>
    <row r="1755" spans="3:11" x14ac:dyDescent="0.2">
      <c r="C1755" s="277"/>
      <c r="D1755" s="277"/>
      <c r="E1755" s="277"/>
      <c r="F1755" s="277"/>
      <c r="G1755" s="277"/>
      <c r="H1755" s="277"/>
      <c r="I1755" s="277"/>
      <c r="J1755" s="277"/>
      <c r="K1755" s="277"/>
    </row>
    <row r="1756" spans="3:11" x14ac:dyDescent="0.2">
      <c r="C1756" s="277"/>
      <c r="D1756" s="277"/>
      <c r="E1756" s="277"/>
      <c r="F1756" s="277"/>
      <c r="G1756" s="277"/>
      <c r="H1756" s="277"/>
      <c r="I1756" s="277"/>
      <c r="J1756" s="277"/>
      <c r="K1756" s="277"/>
    </row>
    <row r="1757" spans="3:11" x14ac:dyDescent="0.2">
      <c r="C1757" s="277"/>
      <c r="D1757" s="277"/>
      <c r="E1757" s="277"/>
      <c r="F1757" s="277"/>
      <c r="G1757" s="277"/>
      <c r="H1757" s="277"/>
      <c r="I1757" s="277"/>
      <c r="J1757" s="277"/>
      <c r="K1757" s="277"/>
    </row>
    <row r="1758" spans="3:11" x14ac:dyDescent="0.2">
      <c r="C1758" s="277"/>
      <c r="D1758" s="277"/>
      <c r="E1758" s="277"/>
      <c r="F1758" s="277"/>
      <c r="G1758" s="277"/>
      <c r="H1758" s="277"/>
      <c r="I1758" s="277"/>
      <c r="J1758" s="277"/>
      <c r="K1758" s="277"/>
    </row>
    <row r="1759" spans="3:11" x14ac:dyDescent="0.2">
      <c r="C1759" s="277"/>
      <c r="D1759" s="277"/>
      <c r="E1759" s="277"/>
      <c r="F1759" s="277"/>
      <c r="G1759" s="277"/>
      <c r="H1759" s="277"/>
      <c r="I1759" s="277"/>
      <c r="J1759" s="277"/>
      <c r="K1759" s="277"/>
    </row>
    <row r="1760" spans="3:11" x14ac:dyDescent="0.2">
      <c r="C1760" s="277"/>
      <c r="D1760" s="277"/>
      <c r="E1760" s="277"/>
      <c r="F1760" s="277"/>
      <c r="G1760" s="277"/>
      <c r="H1760" s="277"/>
      <c r="I1760" s="277"/>
      <c r="J1760" s="277"/>
      <c r="K1760" s="277"/>
    </row>
    <row r="1761" spans="3:11" x14ac:dyDescent="0.2">
      <c r="C1761" s="277"/>
      <c r="D1761" s="277"/>
      <c r="E1761" s="277"/>
      <c r="F1761" s="277"/>
      <c r="G1761" s="277"/>
      <c r="H1761" s="277"/>
      <c r="I1761" s="277"/>
      <c r="J1761" s="277"/>
      <c r="K1761" s="277"/>
    </row>
    <row r="1762" spans="3:11" x14ac:dyDescent="0.2">
      <c r="C1762" s="277"/>
      <c r="D1762" s="277"/>
      <c r="E1762" s="277"/>
      <c r="F1762" s="277"/>
      <c r="G1762" s="277"/>
      <c r="H1762" s="277"/>
      <c r="I1762" s="277"/>
      <c r="J1762" s="277"/>
      <c r="K1762" s="277"/>
    </row>
    <row r="1763" spans="3:11" x14ac:dyDescent="0.2">
      <c r="C1763" s="277"/>
      <c r="D1763" s="277"/>
      <c r="E1763" s="277"/>
      <c r="F1763" s="277"/>
      <c r="G1763" s="277"/>
      <c r="H1763" s="277"/>
      <c r="I1763" s="277"/>
      <c r="J1763" s="277"/>
      <c r="K1763" s="277"/>
    </row>
    <row r="1764" spans="3:11" x14ac:dyDescent="0.2">
      <c r="C1764" s="277"/>
      <c r="D1764" s="277"/>
      <c r="E1764" s="277"/>
      <c r="F1764" s="277"/>
      <c r="G1764" s="277"/>
      <c r="H1764" s="277"/>
      <c r="I1764" s="277"/>
      <c r="J1764" s="277"/>
      <c r="K1764" s="277"/>
    </row>
    <row r="1765" spans="3:11" x14ac:dyDescent="0.2">
      <c r="C1765" s="277"/>
      <c r="D1765" s="277"/>
      <c r="E1765" s="277"/>
      <c r="F1765" s="277"/>
      <c r="G1765" s="277"/>
      <c r="H1765" s="277"/>
      <c r="I1765" s="277"/>
      <c r="J1765" s="277"/>
      <c r="K1765" s="277"/>
    </row>
    <row r="1766" spans="3:11" x14ac:dyDescent="0.2">
      <c r="C1766" s="277"/>
      <c r="D1766" s="277"/>
      <c r="E1766" s="277"/>
      <c r="F1766" s="277"/>
      <c r="G1766" s="277"/>
      <c r="H1766" s="277"/>
      <c r="I1766" s="277"/>
      <c r="J1766" s="277"/>
      <c r="K1766" s="277"/>
    </row>
    <row r="1767" spans="3:11" x14ac:dyDescent="0.2">
      <c r="C1767" s="277"/>
      <c r="D1767" s="277"/>
      <c r="E1767" s="277"/>
      <c r="F1767" s="277"/>
      <c r="G1767" s="277"/>
      <c r="H1767" s="277"/>
      <c r="I1767" s="277"/>
      <c r="J1767" s="277"/>
      <c r="K1767" s="277"/>
    </row>
    <row r="1768" spans="3:11" x14ac:dyDescent="0.2">
      <c r="C1768" s="277"/>
      <c r="D1768" s="277"/>
      <c r="E1768" s="277"/>
      <c r="F1768" s="277"/>
      <c r="G1768" s="277"/>
      <c r="H1768" s="277"/>
      <c r="I1768" s="277"/>
      <c r="J1768" s="277"/>
      <c r="K1768" s="277"/>
    </row>
    <row r="1769" spans="3:11" x14ac:dyDescent="0.2">
      <c r="C1769" s="277"/>
      <c r="D1769" s="277"/>
      <c r="E1769" s="277"/>
      <c r="F1769" s="277"/>
      <c r="G1769" s="277"/>
      <c r="H1769" s="277"/>
      <c r="I1769" s="277"/>
      <c r="J1769" s="277"/>
      <c r="K1769" s="277"/>
    </row>
    <row r="1770" spans="3:11" x14ac:dyDescent="0.2">
      <c r="C1770" s="277"/>
      <c r="D1770" s="277"/>
      <c r="E1770" s="277"/>
      <c r="F1770" s="277"/>
      <c r="G1770" s="277"/>
      <c r="H1770" s="277"/>
      <c r="I1770" s="277"/>
      <c r="J1770" s="277"/>
      <c r="K1770" s="277"/>
    </row>
    <row r="1771" spans="3:11" x14ac:dyDescent="0.2">
      <c r="C1771" s="277"/>
      <c r="D1771" s="277"/>
      <c r="E1771" s="277"/>
      <c r="F1771" s="277"/>
      <c r="G1771" s="277"/>
      <c r="H1771" s="277"/>
      <c r="I1771" s="277"/>
      <c r="J1771" s="277"/>
      <c r="K1771" s="277"/>
    </row>
    <row r="1772" spans="3:11" x14ac:dyDescent="0.2">
      <c r="C1772" s="277"/>
      <c r="D1772" s="277"/>
      <c r="E1772" s="277"/>
      <c r="F1772" s="277"/>
      <c r="G1772" s="277"/>
      <c r="H1772" s="277"/>
      <c r="I1772" s="277"/>
      <c r="J1772" s="277"/>
      <c r="K1772" s="277"/>
    </row>
    <row r="1773" spans="3:11" x14ac:dyDescent="0.2">
      <c r="C1773" s="277"/>
      <c r="D1773" s="277"/>
      <c r="E1773" s="277"/>
      <c r="F1773" s="277"/>
      <c r="G1773" s="277"/>
      <c r="H1773" s="277"/>
      <c r="I1773" s="277"/>
      <c r="J1773" s="277"/>
      <c r="K1773" s="277"/>
    </row>
    <row r="1774" spans="3:11" x14ac:dyDescent="0.2">
      <c r="C1774" s="277"/>
      <c r="D1774" s="277"/>
      <c r="E1774" s="277"/>
      <c r="F1774" s="277"/>
      <c r="G1774" s="277"/>
      <c r="H1774" s="277"/>
      <c r="I1774" s="277"/>
      <c r="J1774" s="277"/>
      <c r="K1774" s="277"/>
    </row>
    <row r="1775" spans="3:11" x14ac:dyDescent="0.2">
      <c r="C1775" s="277"/>
      <c r="D1775" s="277"/>
      <c r="E1775" s="277"/>
      <c r="F1775" s="277"/>
      <c r="G1775" s="277"/>
      <c r="H1775" s="277"/>
      <c r="I1775" s="277"/>
      <c r="J1775" s="277"/>
      <c r="K1775" s="277"/>
    </row>
    <row r="1776" spans="3:11" x14ac:dyDescent="0.2">
      <c r="C1776" s="277"/>
      <c r="D1776" s="277"/>
      <c r="E1776" s="277"/>
      <c r="F1776" s="277"/>
      <c r="G1776" s="277"/>
      <c r="H1776" s="277"/>
      <c r="I1776" s="277"/>
      <c r="J1776" s="277"/>
      <c r="K1776" s="277"/>
    </row>
    <row r="1777" spans="3:11" x14ac:dyDescent="0.2">
      <c r="C1777" s="277"/>
      <c r="D1777" s="277"/>
      <c r="E1777" s="277"/>
      <c r="F1777" s="277"/>
      <c r="G1777" s="277"/>
      <c r="H1777" s="277"/>
      <c r="I1777" s="277"/>
      <c r="J1777" s="277"/>
      <c r="K1777" s="277"/>
    </row>
    <row r="1778" spans="3:11" x14ac:dyDescent="0.2">
      <c r="C1778" s="277"/>
      <c r="D1778" s="277"/>
      <c r="E1778" s="277"/>
      <c r="F1778" s="277"/>
      <c r="G1778" s="277"/>
      <c r="H1778" s="277"/>
      <c r="I1778" s="277"/>
      <c r="J1778" s="277"/>
      <c r="K1778" s="277"/>
    </row>
    <row r="1779" spans="3:11" x14ac:dyDescent="0.2">
      <c r="C1779" s="277"/>
      <c r="D1779" s="277"/>
      <c r="E1779" s="277"/>
      <c r="F1779" s="277"/>
      <c r="G1779" s="277"/>
      <c r="H1779" s="277"/>
      <c r="I1779" s="277"/>
      <c r="J1779" s="277"/>
      <c r="K1779" s="277"/>
    </row>
    <row r="1780" spans="3:11" x14ac:dyDescent="0.2">
      <c r="C1780" s="277"/>
      <c r="D1780" s="277"/>
      <c r="E1780" s="277"/>
      <c r="F1780" s="277"/>
      <c r="G1780" s="277"/>
      <c r="H1780" s="277"/>
      <c r="I1780" s="277"/>
      <c r="J1780" s="277"/>
      <c r="K1780" s="277"/>
    </row>
    <row r="1781" spans="3:11" x14ac:dyDescent="0.2">
      <c r="C1781" s="277"/>
      <c r="D1781" s="277"/>
      <c r="E1781" s="277"/>
      <c r="F1781" s="277"/>
      <c r="G1781" s="277"/>
      <c r="H1781" s="277"/>
      <c r="I1781" s="277"/>
      <c r="J1781" s="277"/>
      <c r="K1781" s="277"/>
    </row>
    <row r="1782" spans="3:11" x14ac:dyDescent="0.2">
      <c r="C1782" s="277"/>
      <c r="D1782" s="277"/>
      <c r="E1782" s="277"/>
      <c r="F1782" s="277"/>
      <c r="G1782" s="277"/>
      <c r="H1782" s="277"/>
      <c r="I1782" s="277"/>
      <c r="J1782" s="277"/>
      <c r="K1782" s="277"/>
    </row>
    <row r="1783" spans="3:11" x14ac:dyDescent="0.2">
      <c r="C1783" s="277"/>
      <c r="D1783" s="277"/>
      <c r="E1783" s="277"/>
      <c r="F1783" s="277"/>
      <c r="G1783" s="277"/>
      <c r="H1783" s="277"/>
      <c r="I1783" s="277"/>
      <c r="J1783" s="277"/>
      <c r="K1783" s="277"/>
    </row>
    <row r="1784" spans="3:11" x14ac:dyDescent="0.2">
      <c r="C1784" s="277"/>
      <c r="D1784" s="277"/>
      <c r="E1784" s="277"/>
      <c r="F1784" s="277"/>
      <c r="G1784" s="277"/>
      <c r="H1784" s="277"/>
      <c r="I1784" s="277"/>
      <c r="J1784" s="277"/>
      <c r="K1784" s="277"/>
    </row>
    <row r="1785" spans="3:11" x14ac:dyDescent="0.2">
      <c r="C1785" s="277"/>
      <c r="D1785" s="277"/>
      <c r="E1785" s="277"/>
      <c r="F1785" s="277"/>
      <c r="G1785" s="277"/>
      <c r="H1785" s="277"/>
      <c r="I1785" s="277"/>
      <c r="J1785" s="277"/>
      <c r="K1785" s="277"/>
    </row>
    <row r="1786" spans="3:11" x14ac:dyDescent="0.2">
      <c r="C1786" s="277"/>
      <c r="D1786" s="277"/>
      <c r="E1786" s="277"/>
      <c r="F1786" s="277"/>
      <c r="G1786" s="277"/>
      <c r="H1786" s="277"/>
      <c r="I1786" s="277"/>
      <c r="J1786" s="277"/>
      <c r="K1786" s="277"/>
    </row>
    <row r="1787" spans="3:11" x14ac:dyDescent="0.2">
      <c r="C1787" s="277"/>
      <c r="D1787" s="277"/>
      <c r="E1787" s="277"/>
      <c r="F1787" s="277"/>
      <c r="G1787" s="277"/>
      <c r="H1787" s="277"/>
      <c r="I1787" s="277"/>
      <c r="J1787" s="277"/>
      <c r="K1787" s="277"/>
    </row>
    <row r="1788" spans="3:11" x14ac:dyDescent="0.2">
      <c r="C1788" s="277"/>
      <c r="D1788" s="277"/>
      <c r="E1788" s="277"/>
      <c r="F1788" s="277"/>
      <c r="G1788" s="277"/>
      <c r="H1788" s="277"/>
      <c r="I1788" s="277"/>
      <c r="J1788" s="277"/>
      <c r="K1788" s="277"/>
    </row>
    <row r="1789" spans="3:11" x14ac:dyDescent="0.2">
      <c r="C1789" s="277"/>
      <c r="D1789" s="277"/>
      <c r="E1789" s="277"/>
      <c r="F1789" s="277"/>
      <c r="G1789" s="277"/>
      <c r="H1789" s="277"/>
      <c r="I1789" s="277"/>
      <c r="J1789" s="277"/>
      <c r="K1789" s="277"/>
    </row>
    <row r="1790" spans="3:11" x14ac:dyDescent="0.2">
      <c r="C1790" s="277"/>
      <c r="D1790" s="277"/>
      <c r="E1790" s="277"/>
      <c r="F1790" s="277"/>
      <c r="G1790" s="277"/>
      <c r="H1790" s="277"/>
      <c r="I1790" s="277"/>
      <c r="J1790" s="277"/>
      <c r="K1790" s="277"/>
    </row>
    <row r="1791" spans="3:11" x14ac:dyDescent="0.2">
      <c r="C1791" s="277"/>
      <c r="D1791" s="277"/>
      <c r="E1791" s="277"/>
      <c r="F1791" s="277"/>
      <c r="G1791" s="277"/>
      <c r="H1791" s="277"/>
      <c r="I1791" s="277"/>
      <c r="J1791" s="277"/>
      <c r="K1791" s="277"/>
    </row>
    <row r="1792" spans="3:11" x14ac:dyDescent="0.2">
      <c r="C1792" s="277"/>
      <c r="D1792" s="277"/>
      <c r="E1792" s="277"/>
      <c r="F1792" s="277"/>
      <c r="G1792" s="277"/>
      <c r="H1792" s="277"/>
      <c r="I1792" s="277"/>
      <c r="J1792" s="277"/>
      <c r="K1792" s="277"/>
    </row>
    <row r="1793" spans="3:11" x14ac:dyDescent="0.2">
      <c r="C1793" s="277"/>
      <c r="D1793" s="277"/>
      <c r="E1793" s="277"/>
      <c r="F1793" s="277"/>
      <c r="G1793" s="277"/>
      <c r="H1793" s="277"/>
      <c r="I1793" s="277"/>
      <c r="J1793" s="277"/>
      <c r="K1793" s="277"/>
    </row>
    <row r="1794" spans="3:11" x14ac:dyDescent="0.2">
      <c r="C1794" s="277"/>
      <c r="D1794" s="277"/>
      <c r="E1794" s="277"/>
      <c r="F1794" s="277"/>
      <c r="G1794" s="277"/>
      <c r="H1794" s="277"/>
      <c r="I1794" s="277"/>
      <c r="J1794" s="277"/>
      <c r="K1794" s="277"/>
    </row>
    <row r="1795" spans="3:11" x14ac:dyDescent="0.2">
      <c r="C1795" s="277"/>
      <c r="D1795" s="277"/>
      <c r="E1795" s="277"/>
      <c r="F1795" s="277"/>
      <c r="G1795" s="277"/>
      <c r="H1795" s="277"/>
      <c r="I1795" s="277"/>
      <c r="J1795" s="277"/>
      <c r="K1795" s="277"/>
    </row>
    <row r="1796" spans="3:11" x14ac:dyDescent="0.2">
      <c r="C1796" s="277"/>
      <c r="D1796" s="277"/>
      <c r="E1796" s="277"/>
      <c r="F1796" s="277"/>
      <c r="G1796" s="277"/>
      <c r="H1796" s="277"/>
      <c r="I1796" s="277"/>
      <c r="J1796" s="277"/>
      <c r="K1796" s="277"/>
    </row>
    <row r="1797" spans="3:11" x14ac:dyDescent="0.2">
      <c r="C1797" s="277"/>
      <c r="D1797" s="277"/>
      <c r="E1797" s="277"/>
      <c r="F1797" s="277"/>
      <c r="G1797" s="277"/>
      <c r="H1797" s="277"/>
      <c r="I1797" s="277"/>
      <c r="J1797" s="277"/>
      <c r="K1797" s="277"/>
    </row>
    <row r="1798" spans="3:11" x14ac:dyDescent="0.2">
      <c r="C1798" s="277"/>
      <c r="D1798" s="277"/>
      <c r="E1798" s="277"/>
      <c r="F1798" s="277"/>
      <c r="G1798" s="277"/>
      <c r="H1798" s="277"/>
      <c r="I1798" s="277"/>
      <c r="J1798" s="277"/>
      <c r="K1798" s="277"/>
    </row>
    <row r="1799" spans="3:11" x14ac:dyDescent="0.2">
      <c r="C1799" s="277"/>
      <c r="D1799" s="277"/>
      <c r="E1799" s="277"/>
      <c r="F1799" s="277"/>
      <c r="G1799" s="277"/>
      <c r="H1799" s="277"/>
      <c r="I1799" s="277"/>
      <c r="J1799" s="277"/>
      <c r="K1799" s="277"/>
    </row>
    <row r="1800" spans="3:11" x14ac:dyDescent="0.2">
      <c r="C1800" s="277"/>
      <c r="D1800" s="277"/>
      <c r="E1800" s="277"/>
      <c r="F1800" s="277"/>
      <c r="G1800" s="277"/>
      <c r="H1800" s="277"/>
      <c r="I1800" s="277"/>
      <c r="J1800" s="277"/>
      <c r="K1800" s="277"/>
    </row>
    <row r="1801" spans="3:11" x14ac:dyDescent="0.2">
      <c r="C1801" s="277"/>
      <c r="D1801" s="277"/>
      <c r="E1801" s="277"/>
      <c r="F1801" s="277"/>
      <c r="G1801" s="277"/>
      <c r="H1801" s="277"/>
      <c r="I1801" s="277"/>
      <c r="J1801" s="277"/>
      <c r="K1801" s="277"/>
    </row>
    <row r="1802" spans="3:11" x14ac:dyDescent="0.2">
      <c r="C1802" s="277"/>
      <c r="D1802" s="277"/>
      <c r="E1802" s="277"/>
      <c r="F1802" s="277"/>
      <c r="G1802" s="277"/>
      <c r="H1802" s="277"/>
      <c r="I1802" s="277"/>
      <c r="J1802" s="277"/>
      <c r="K1802" s="277"/>
    </row>
    <row r="1803" spans="3:11" x14ac:dyDescent="0.2">
      <c r="C1803" s="277"/>
      <c r="D1803" s="277"/>
      <c r="E1803" s="277"/>
      <c r="F1803" s="277"/>
      <c r="G1803" s="277"/>
      <c r="H1803" s="277"/>
      <c r="I1803" s="277"/>
      <c r="J1803" s="277"/>
      <c r="K1803" s="277"/>
    </row>
    <row r="1804" spans="3:11" x14ac:dyDescent="0.2">
      <c r="C1804" s="277"/>
      <c r="D1804" s="277"/>
      <c r="E1804" s="277"/>
      <c r="F1804" s="277"/>
      <c r="G1804" s="277"/>
      <c r="H1804" s="277"/>
      <c r="I1804" s="277"/>
      <c r="J1804" s="277"/>
      <c r="K1804" s="277"/>
    </row>
    <row r="1805" spans="3:11" x14ac:dyDescent="0.2">
      <c r="C1805" s="277"/>
      <c r="D1805" s="277"/>
      <c r="E1805" s="277"/>
      <c r="F1805" s="277"/>
      <c r="G1805" s="277"/>
      <c r="H1805" s="277"/>
      <c r="I1805" s="277"/>
      <c r="J1805" s="277"/>
      <c r="K1805" s="277"/>
    </row>
    <row r="1806" spans="3:11" x14ac:dyDescent="0.2">
      <c r="C1806" s="277"/>
      <c r="D1806" s="277"/>
      <c r="E1806" s="277"/>
      <c r="F1806" s="277"/>
      <c r="G1806" s="277"/>
      <c r="H1806" s="277"/>
      <c r="I1806" s="277"/>
      <c r="J1806" s="277"/>
      <c r="K1806" s="277"/>
    </row>
    <row r="1807" spans="3:11" x14ac:dyDescent="0.2">
      <c r="C1807" s="277"/>
      <c r="D1807" s="277"/>
      <c r="E1807" s="277"/>
      <c r="F1807" s="277"/>
      <c r="G1807" s="277"/>
      <c r="H1807" s="277"/>
      <c r="I1807" s="277"/>
      <c r="J1807" s="277"/>
      <c r="K1807" s="277"/>
    </row>
    <row r="1808" spans="3:11" x14ac:dyDescent="0.2">
      <c r="C1808" s="277"/>
      <c r="D1808" s="277"/>
      <c r="E1808" s="277"/>
      <c r="F1808" s="277"/>
      <c r="G1808" s="277"/>
      <c r="H1808" s="277"/>
      <c r="I1808" s="277"/>
      <c r="J1808" s="277"/>
      <c r="K1808" s="277"/>
    </row>
    <row r="1809" spans="3:11" x14ac:dyDescent="0.2">
      <c r="C1809" s="277"/>
      <c r="D1809" s="277"/>
      <c r="E1809" s="277"/>
      <c r="F1809" s="277"/>
      <c r="G1809" s="277"/>
      <c r="H1809" s="277"/>
      <c r="I1809" s="277"/>
      <c r="J1809" s="277"/>
      <c r="K1809" s="277"/>
    </row>
    <row r="1810" spans="3:11" x14ac:dyDescent="0.2">
      <c r="C1810" s="277"/>
      <c r="D1810" s="277"/>
      <c r="E1810" s="277"/>
      <c r="F1810" s="277"/>
      <c r="G1810" s="277"/>
      <c r="H1810" s="277"/>
      <c r="I1810" s="277"/>
      <c r="J1810" s="277"/>
      <c r="K1810" s="277"/>
    </row>
    <row r="1811" spans="3:11" x14ac:dyDescent="0.2">
      <c r="C1811" s="277"/>
      <c r="D1811" s="277"/>
      <c r="E1811" s="277"/>
      <c r="F1811" s="277"/>
      <c r="G1811" s="277"/>
      <c r="H1811" s="277"/>
      <c r="I1811" s="277"/>
      <c r="J1811" s="277"/>
      <c r="K1811" s="277"/>
    </row>
    <row r="1812" spans="3:11" x14ac:dyDescent="0.2">
      <c r="C1812" s="277"/>
      <c r="D1812" s="277"/>
      <c r="E1812" s="277"/>
      <c r="F1812" s="277"/>
      <c r="G1812" s="277"/>
      <c r="H1812" s="277"/>
      <c r="I1812" s="277"/>
      <c r="J1812" s="277"/>
      <c r="K1812" s="277"/>
    </row>
    <row r="1813" spans="3:11" x14ac:dyDescent="0.2">
      <c r="C1813" s="277"/>
      <c r="D1813" s="277"/>
      <c r="E1813" s="277"/>
      <c r="F1813" s="277"/>
      <c r="G1813" s="277"/>
      <c r="H1813" s="277"/>
      <c r="I1813" s="277"/>
      <c r="J1813" s="277"/>
      <c r="K1813" s="277"/>
    </row>
    <row r="1814" spans="3:11" x14ac:dyDescent="0.2">
      <c r="C1814" s="277"/>
      <c r="D1814" s="277"/>
      <c r="E1814" s="277"/>
      <c r="F1814" s="277"/>
      <c r="G1814" s="277"/>
      <c r="H1814" s="277"/>
      <c r="I1814" s="277"/>
      <c r="J1814" s="277"/>
      <c r="K1814" s="277"/>
    </row>
    <row r="1815" spans="3:11" x14ac:dyDescent="0.2">
      <c r="C1815" s="277"/>
      <c r="D1815" s="277"/>
      <c r="E1815" s="277"/>
      <c r="F1815" s="277"/>
      <c r="G1815" s="277"/>
      <c r="H1815" s="277"/>
      <c r="I1815" s="277"/>
      <c r="J1815" s="277"/>
      <c r="K1815" s="277"/>
    </row>
    <row r="1816" spans="3:11" x14ac:dyDescent="0.2">
      <c r="C1816" s="277"/>
      <c r="D1816" s="277"/>
      <c r="E1816" s="277"/>
      <c r="F1816" s="277"/>
      <c r="G1816" s="277"/>
      <c r="H1816" s="277"/>
      <c r="I1816" s="277"/>
      <c r="J1816" s="277"/>
      <c r="K1816" s="277"/>
    </row>
    <row r="1817" spans="3:11" x14ac:dyDescent="0.2">
      <c r="C1817" s="277"/>
      <c r="D1817" s="277"/>
      <c r="E1817" s="277"/>
      <c r="F1817" s="277"/>
      <c r="G1817" s="277"/>
      <c r="H1817" s="277"/>
      <c r="I1817" s="277"/>
      <c r="J1817" s="277"/>
      <c r="K1817" s="277"/>
    </row>
    <row r="1818" spans="3:11" x14ac:dyDescent="0.2">
      <c r="C1818" s="277"/>
      <c r="D1818" s="277"/>
      <c r="E1818" s="277"/>
      <c r="F1818" s="277"/>
      <c r="G1818" s="277"/>
      <c r="H1818" s="277"/>
      <c r="I1818" s="277"/>
      <c r="J1818" s="277"/>
      <c r="K1818" s="277"/>
    </row>
    <row r="1819" spans="3:11" x14ac:dyDescent="0.2">
      <c r="C1819" s="277"/>
      <c r="D1819" s="277"/>
      <c r="E1819" s="277"/>
      <c r="F1819" s="277"/>
      <c r="G1819" s="277"/>
      <c r="H1819" s="277"/>
      <c r="I1819" s="277"/>
      <c r="J1819" s="277"/>
      <c r="K1819" s="277"/>
    </row>
    <row r="1820" spans="3:11" x14ac:dyDescent="0.2">
      <c r="C1820" s="277"/>
      <c r="D1820" s="277"/>
      <c r="E1820" s="277"/>
      <c r="F1820" s="277"/>
      <c r="G1820" s="277"/>
      <c r="H1820" s="277"/>
      <c r="I1820" s="277"/>
      <c r="J1820" s="277"/>
      <c r="K1820" s="277"/>
    </row>
    <row r="1821" spans="3:11" x14ac:dyDescent="0.2">
      <c r="C1821" s="277"/>
      <c r="D1821" s="277"/>
      <c r="E1821" s="277"/>
      <c r="F1821" s="277"/>
      <c r="G1821" s="277"/>
      <c r="H1821" s="277"/>
      <c r="I1821" s="277"/>
      <c r="J1821" s="277"/>
      <c r="K1821" s="277"/>
    </row>
    <row r="1822" spans="3:11" x14ac:dyDescent="0.2">
      <c r="C1822" s="277"/>
      <c r="D1822" s="277"/>
      <c r="E1822" s="277"/>
      <c r="F1822" s="277"/>
      <c r="G1822" s="277"/>
      <c r="H1822" s="277"/>
      <c r="I1822" s="277"/>
      <c r="J1822" s="277"/>
      <c r="K1822" s="277"/>
    </row>
    <row r="1823" spans="3:11" x14ac:dyDescent="0.2">
      <c r="C1823" s="277"/>
      <c r="D1823" s="277"/>
      <c r="E1823" s="277"/>
      <c r="F1823" s="277"/>
      <c r="G1823" s="277"/>
      <c r="H1823" s="277"/>
      <c r="I1823" s="277"/>
      <c r="J1823" s="277"/>
      <c r="K1823" s="277"/>
    </row>
    <row r="1824" spans="3:11" x14ac:dyDescent="0.2">
      <c r="C1824" s="277"/>
      <c r="D1824" s="277"/>
      <c r="E1824" s="277"/>
      <c r="F1824" s="277"/>
      <c r="G1824" s="277"/>
      <c r="H1824" s="277"/>
      <c r="I1824" s="277"/>
      <c r="J1824" s="277"/>
      <c r="K1824" s="277"/>
    </row>
    <row r="1825" spans="3:11" x14ac:dyDescent="0.2">
      <c r="C1825" s="277"/>
      <c r="D1825" s="277"/>
      <c r="E1825" s="277"/>
      <c r="F1825" s="277"/>
      <c r="G1825" s="277"/>
      <c r="H1825" s="277"/>
      <c r="I1825" s="277"/>
      <c r="J1825" s="277"/>
      <c r="K1825" s="277"/>
    </row>
    <row r="1826" spans="3:11" x14ac:dyDescent="0.2">
      <c r="C1826" s="277"/>
      <c r="D1826" s="277"/>
      <c r="E1826" s="277"/>
      <c r="F1826" s="277"/>
      <c r="G1826" s="277"/>
      <c r="H1826" s="277"/>
      <c r="I1826" s="277"/>
      <c r="J1826" s="277"/>
      <c r="K1826" s="277"/>
    </row>
    <row r="1827" spans="3:11" x14ac:dyDescent="0.2">
      <c r="C1827" s="277"/>
      <c r="D1827" s="277"/>
      <c r="E1827" s="277"/>
      <c r="F1827" s="277"/>
      <c r="G1827" s="277"/>
      <c r="H1827" s="277"/>
      <c r="I1827" s="277"/>
      <c r="J1827" s="277"/>
      <c r="K1827" s="277"/>
    </row>
    <row r="1828" spans="3:11" x14ac:dyDescent="0.2">
      <c r="C1828" s="277"/>
      <c r="D1828" s="277"/>
      <c r="E1828" s="277"/>
      <c r="F1828" s="277"/>
      <c r="G1828" s="277"/>
      <c r="H1828" s="277"/>
      <c r="I1828" s="277"/>
      <c r="J1828" s="277"/>
      <c r="K1828" s="277"/>
    </row>
    <row r="1829" spans="3:11" x14ac:dyDescent="0.2">
      <c r="C1829" s="277"/>
      <c r="D1829" s="277"/>
      <c r="E1829" s="277"/>
      <c r="F1829" s="277"/>
      <c r="G1829" s="277"/>
      <c r="H1829" s="277"/>
      <c r="I1829" s="277"/>
      <c r="J1829" s="277"/>
      <c r="K1829" s="277"/>
    </row>
    <row r="1830" spans="3:11" x14ac:dyDescent="0.2">
      <c r="C1830" s="277"/>
      <c r="D1830" s="277"/>
      <c r="E1830" s="277"/>
      <c r="F1830" s="277"/>
      <c r="G1830" s="277"/>
      <c r="H1830" s="277"/>
      <c r="I1830" s="277"/>
      <c r="J1830" s="277"/>
      <c r="K1830" s="277"/>
    </row>
    <row r="1831" spans="3:11" x14ac:dyDescent="0.2">
      <c r="C1831" s="277"/>
      <c r="D1831" s="277"/>
      <c r="E1831" s="277"/>
      <c r="F1831" s="277"/>
      <c r="G1831" s="277"/>
      <c r="H1831" s="277"/>
      <c r="I1831" s="277"/>
      <c r="J1831" s="277"/>
      <c r="K1831" s="277"/>
    </row>
    <row r="1832" spans="3:11" x14ac:dyDescent="0.2">
      <c r="C1832" s="277"/>
      <c r="D1832" s="277"/>
      <c r="E1832" s="277"/>
      <c r="F1832" s="277"/>
      <c r="G1832" s="277"/>
      <c r="H1832" s="277"/>
      <c r="I1832" s="277"/>
      <c r="J1832" s="277"/>
      <c r="K1832" s="277"/>
    </row>
    <row r="1833" spans="3:11" x14ac:dyDescent="0.2">
      <c r="C1833" s="277"/>
      <c r="D1833" s="277"/>
      <c r="E1833" s="277"/>
      <c r="F1833" s="277"/>
      <c r="G1833" s="277"/>
      <c r="H1833" s="277"/>
      <c r="I1833" s="277"/>
      <c r="J1833" s="277"/>
      <c r="K1833" s="277"/>
    </row>
    <row r="1834" spans="3:11" x14ac:dyDescent="0.2">
      <c r="C1834" s="277"/>
      <c r="D1834" s="277"/>
      <c r="E1834" s="277"/>
      <c r="F1834" s="277"/>
      <c r="G1834" s="277"/>
      <c r="H1834" s="277"/>
      <c r="I1834" s="277"/>
      <c r="J1834" s="277"/>
      <c r="K1834" s="277"/>
    </row>
    <row r="1835" spans="3:11" x14ac:dyDescent="0.2">
      <c r="C1835" s="277"/>
      <c r="D1835" s="277"/>
      <c r="E1835" s="277"/>
      <c r="F1835" s="277"/>
      <c r="G1835" s="277"/>
      <c r="H1835" s="277"/>
      <c r="I1835" s="277"/>
      <c r="J1835" s="277"/>
      <c r="K1835" s="277"/>
    </row>
    <row r="1836" spans="3:11" x14ac:dyDescent="0.2">
      <c r="C1836" s="277"/>
      <c r="D1836" s="277"/>
      <c r="E1836" s="277"/>
      <c r="F1836" s="277"/>
      <c r="G1836" s="277"/>
      <c r="H1836" s="277"/>
      <c r="I1836" s="277"/>
      <c r="J1836" s="277"/>
      <c r="K1836" s="277"/>
    </row>
    <row r="1837" spans="3:11" x14ac:dyDescent="0.2">
      <c r="C1837" s="277"/>
      <c r="D1837" s="277"/>
      <c r="E1837" s="277"/>
      <c r="F1837" s="277"/>
      <c r="G1837" s="277"/>
      <c r="H1837" s="277"/>
      <c r="I1837" s="277"/>
      <c r="J1837" s="277"/>
      <c r="K1837" s="277"/>
    </row>
    <row r="1838" spans="3:11" x14ac:dyDescent="0.2">
      <c r="C1838" s="277"/>
      <c r="D1838" s="277"/>
      <c r="E1838" s="277"/>
      <c r="F1838" s="277"/>
      <c r="G1838" s="277"/>
      <c r="H1838" s="277"/>
      <c r="I1838" s="277"/>
      <c r="J1838" s="277"/>
      <c r="K1838" s="277"/>
    </row>
    <row r="1839" spans="3:11" x14ac:dyDescent="0.2">
      <c r="C1839" s="277"/>
      <c r="D1839" s="277"/>
      <c r="E1839" s="277"/>
      <c r="F1839" s="277"/>
      <c r="G1839" s="277"/>
      <c r="H1839" s="277"/>
      <c r="I1839" s="277"/>
      <c r="J1839" s="277"/>
      <c r="K1839" s="277"/>
    </row>
    <row r="1840" spans="3:11" x14ac:dyDescent="0.2">
      <c r="C1840" s="277"/>
      <c r="D1840" s="277"/>
      <c r="E1840" s="277"/>
      <c r="F1840" s="277"/>
      <c r="G1840" s="277"/>
      <c r="H1840" s="277"/>
      <c r="I1840" s="277"/>
      <c r="J1840" s="277"/>
      <c r="K1840" s="277"/>
    </row>
    <row r="1841" spans="3:11" x14ac:dyDescent="0.2">
      <c r="C1841" s="277"/>
      <c r="D1841" s="277"/>
      <c r="E1841" s="277"/>
      <c r="F1841" s="277"/>
      <c r="G1841" s="277"/>
      <c r="H1841" s="277"/>
      <c r="I1841" s="277"/>
      <c r="J1841" s="277"/>
      <c r="K1841" s="277"/>
    </row>
    <row r="1842" spans="3:11" x14ac:dyDescent="0.2">
      <c r="C1842" s="277"/>
      <c r="D1842" s="277"/>
      <c r="E1842" s="277"/>
      <c r="F1842" s="277"/>
      <c r="G1842" s="277"/>
      <c r="H1842" s="277"/>
      <c r="I1842" s="277"/>
      <c r="J1842" s="277"/>
      <c r="K1842" s="277"/>
    </row>
    <row r="1843" spans="3:11" x14ac:dyDescent="0.2">
      <c r="C1843" s="277"/>
      <c r="D1843" s="277"/>
      <c r="E1843" s="277"/>
      <c r="F1843" s="277"/>
      <c r="G1843" s="277"/>
      <c r="H1843" s="277"/>
      <c r="I1843" s="277"/>
      <c r="J1843" s="277"/>
      <c r="K1843" s="277"/>
    </row>
    <row r="1844" spans="3:11" x14ac:dyDescent="0.2">
      <c r="C1844" s="277"/>
      <c r="D1844" s="277"/>
      <c r="E1844" s="277"/>
      <c r="F1844" s="277"/>
      <c r="G1844" s="277"/>
      <c r="H1844" s="277"/>
      <c r="I1844" s="277"/>
      <c r="J1844" s="277"/>
      <c r="K1844" s="277"/>
    </row>
    <row r="1845" spans="3:11" x14ac:dyDescent="0.2">
      <c r="C1845" s="277"/>
      <c r="D1845" s="277"/>
      <c r="E1845" s="277"/>
      <c r="F1845" s="277"/>
      <c r="G1845" s="277"/>
      <c r="H1845" s="277"/>
      <c r="I1845" s="277"/>
      <c r="J1845" s="277"/>
      <c r="K1845" s="277"/>
    </row>
    <row r="1846" spans="3:11" x14ac:dyDescent="0.2">
      <c r="C1846" s="277"/>
      <c r="D1846" s="277"/>
      <c r="E1846" s="277"/>
      <c r="F1846" s="277"/>
      <c r="G1846" s="277"/>
      <c r="H1846" s="277"/>
      <c r="I1846" s="277"/>
      <c r="J1846" s="277"/>
      <c r="K1846" s="277"/>
    </row>
    <row r="1847" spans="3:11" x14ac:dyDescent="0.2">
      <c r="C1847" s="277"/>
      <c r="D1847" s="277"/>
      <c r="E1847" s="277"/>
      <c r="F1847" s="277"/>
      <c r="G1847" s="277"/>
      <c r="H1847" s="277"/>
      <c r="I1847" s="277"/>
      <c r="J1847" s="277"/>
      <c r="K1847" s="277"/>
    </row>
    <row r="1848" spans="3:11" x14ac:dyDescent="0.2">
      <c r="C1848" s="277"/>
      <c r="D1848" s="277"/>
      <c r="E1848" s="277"/>
      <c r="F1848" s="277"/>
      <c r="G1848" s="277"/>
      <c r="H1848" s="277"/>
      <c r="I1848" s="277"/>
      <c r="J1848" s="277"/>
      <c r="K1848" s="277"/>
    </row>
    <row r="1849" spans="3:11" x14ac:dyDescent="0.2">
      <c r="C1849" s="277"/>
      <c r="D1849" s="277"/>
      <c r="E1849" s="277"/>
      <c r="F1849" s="277"/>
      <c r="G1849" s="277"/>
      <c r="H1849" s="277"/>
      <c r="I1849" s="277"/>
      <c r="J1849" s="277"/>
      <c r="K1849" s="277"/>
    </row>
    <row r="1850" spans="3:11" x14ac:dyDescent="0.2">
      <c r="C1850" s="277"/>
      <c r="D1850" s="277"/>
      <c r="E1850" s="277"/>
      <c r="F1850" s="277"/>
      <c r="G1850" s="277"/>
      <c r="H1850" s="277"/>
      <c r="I1850" s="277"/>
      <c r="J1850" s="277"/>
      <c r="K1850" s="277"/>
    </row>
    <row r="1851" spans="3:11" x14ac:dyDescent="0.2">
      <c r="C1851" s="277"/>
      <c r="D1851" s="277"/>
      <c r="E1851" s="277"/>
      <c r="F1851" s="277"/>
      <c r="G1851" s="277"/>
      <c r="H1851" s="277"/>
      <c r="I1851" s="277"/>
      <c r="J1851" s="277"/>
      <c r="K1851" s="277"/>
    </row>
    <row r="1852" spans="3:11" x14ac:dyDescent="0.2">
      <c r="C1852" s="277"/>
      <c r="D1852" s="277"/>
      <c r="E1852" s="277"/>
      <c r="F1852" s="277"/>
      <c r="G1852" s="277"/>
      <c r="H1852" s="277"/>
      <c r="I1852" s="277"/>
      <c r="J1852" s="277"/>
      <c r="K1852" s="277"/>
    </row>
    <row r="1853" spans="3:11" x14ac:dyDescent="0.2">
      <c r="C1853" s="277"/>
      <c r="D1853" s="277"/>
      <c r="E1853" s="277"/>
      <c r="F1853" s="277"/>
      <c r="G1853" s="277"/>
      <c r="H1853" s="277"/>
      <c r="I1853" s="277"/>
      <c r="J1853" s="277"/>
      <c r="K1853" s="277"/>
    </row>
    <row r="1854" spans="3:11" x14ac:dyDescent="0.2">
      <c r="C1854" s="277"/>
      <c r="D1854" s="277"/>
      <c r="E1854" s="277"/>
      <c r="F1854" s="277"/>
      <c r="G1854" s="277"/>
      <c r="H1854" s="277"/>
      <c r="I1854" s="277"/>
      <c r="J1854" s="277"/>
      <c r="K1854" s="277"/>
    </row>
    <row r="1855" spans="3:11" x14ac:dyDescent="0.2">
      <c r="C1855" s="277"/>
      <c r="D1855" s="277"/>
      <c r="E1855" s="277"/>
      <c r="F1855" s="277"/>
      <c r="G1855" s="277"/>
      <c r="H1855" s="277"/>
      <c r="I1855" s="277"/>
      <c r="J1855" s="277"/>
      <c r="K1855" s="277"/>
    </row>
    <row r="1856" spans="3:11" x14ac:dyDescent="0.2">
      <c r="C1856" s="277"/>
      <c r="D1856" s="277"/>
      <c r="E1856" s="277"/>
      <c r="F1856" s="277"/>
      <c r="G1856" s="277"/>
      <c r="H1856" s="277"/>
      <c r="I1856" s="277"/>
      <c r="J1856" s="277"/>
      <c r="K1856" s="277"/>
    </row>
    <row r="1857" spans="3:11" x14ac:dyDescent="0.2">
      <c r="C1857" s="277"/>
      <c r="D1857" s="277"/>
      <c r="E1857" s="277"/>
      <c r="F1857" s="277"/>
      <c r="G1857" s="277"/>
      <c r="H1857" s="277"/>
      <c r="I1857" s="277"/>
      <c r="J1857" s="277"/>
      <c r="K1857" s="277"/>
    </row>
    <row r="1858" spans="3:11" x14ac:dyDescent="0.2">
      <c r="C1858" s="277"/>
      <c r="D1858" s="277"/>
      <c r="E1858" s="277"/>
      <c r="F1858" s="277"/>
      <c r="G1858" s="277"/>
      <c r="H1858" s="277"/>
      <c r="I1858" s="277"/>
      <c r="J1858" s="277"/>
      <c r="K1858" s="277"/>
    </row>
    <row r="1859" spans="3:11" x14ac:dyDescent="0.2">
      <c r="C1859" s="277"/>
      <c r="D1859" s="277"/>
      <c r="E1859" s="277"/>
      <c r="F1859" s="277"/>
      <c r="G1859" s="277"/>
      <c r="H1859" s="277"/>
      <c r="I1859" s="277"/>
      <c r="J1859" s="277"/>
      <c r="K1859" s="277"/>
    </row>
    <row r="1860" spans="3:11" x14ac:dyDescent="0.2">
      <c r="C1860" s="277"/>
      <c r="D1860" s="277"/>
      <c r="E1860" s="277"/>
      <c r="F1860" s="277"/>
      <c r="G1860" s="277"/>
      <c r="H1860" s="277"/>
      <c r="I1860" s="277"/>
      <c r="J1860" s="277"/>
      <c r="K1860" s="277"/>
    </row>
    <row r="1861" spans="3:11" x14ac:dyDescent="0.2">
      <c r="C1861" s="277"/>
      <c r="D1861" s="277"/>
      <c r="E1861" s="277"/>
      <c r="F1861" s="277"/>
      <c r="G1861" s="277"/>
      <c r="H1861" s="277"/>
      <c r="I1861" s="277"/>
      <c r="J1861" s="277"/>
      <c r="K1861" s="277"/>
    </row>
    <row r="1862" spans="3:11" x14ac:dyDescent="0.2">
      <c r="C1862" s="277"/>
      <c r="D1862" s="277"/>
      <c r="E1862" s="277"/>
      <c r="F1862" s="277"/>
      <c r="G1862" s="277"/>
      <c r="H1862" s="277"/>
      <c r="I1862" s="277"/>
      <c r="J1862" s="277"/>
      <c r="K1862" s="277"/>
    </row>
    <row r="1863" spans="3:11" x14ac:dyDescent="0.2">
      <c r="C1863" s="277"/>
      <c r="D1863" s="277"/>
      <c r="E1863" s="277"/>
      <c r="F1863" s="277"/>
      <c r="G1863" s="277"/>
      <c r="H1863" s="277"/>
      <c r="I1863" s="277"/>
      <c r="J1863" s="277"/>
      <c r="K1863" s="277"/>
    </row>
    <row r="1864" spans="3:11" x14ac:dyDescent="0.2">
      <c r="C1864" s="277"/>
      <c r="D1864" s="277"/>
      <c r="E1864" s="277"/>
      <c r="F1864" s="277"/>
      <c r="G1864" s="277"/>
      <c r="H1864" s="277"/>
      <c r="I1864" s="277"/>
      <c r="J1864" s="277"/>
      <c r="K1864" s="277"/>
    </row>
    <row r="1865" spans="3:11" x14ac:dyDescent="0.2">
      <c r="C1865" s="277"/>
      <c r="D1865" s="277"/>
      <c r="E1865" s="277"/>
      <c r="F1865" s="277"/>
      <c r="G1865" s="277"/>
      <c r="H1865" s="277"/>
      <c r="I1865" s="277"/>
      <c r="J1865" s="277"/>
      <c r="K1865" s="277"/>
    </row>
    <row r="1866" spans="3:11" x14ac:dyDescent="0.2">
      <c r="C1866" s="277"/>
      <c r="D1866" s="277"/>
      <c r="E1866" s="277"/>
      <c r="F1866" s="277"/>
      <c r="G1866" s="277"/>
      <c r="H1866" s="277"/>
      <c r="I1866" s="277"/>
      <c r="J1866" s="277"/>
      <c r="K1866" s="277"/>
    </row>
    <row r="1867" spans="3:11" x14ac:dyDescent="0.2">
      <c r="C1867" s="277"/>
      <c r="D1867" s="277"/>
      <c r="E1867" s="277"/>
      <c r="F1867" s="277"/>
      <c r="G1867" s="277"/>
      <c r="H1867" s="277"/>
      <c r="I1867" s="277"/>
      <c r="J1867" s="277"/>
      <c r="K1867" s="277"/>
    </row>
    <row r="1868" spans="3:11" x14ac:dyDescent="0.2">
      <c r="C1868" s="277"/>
      <c r="D1868" s="277"/>
      <c r="E1868" s="277"/>
      <c r="F1868" s="277"/>
      <c r="G1868" s="277"/>
      <c r="H1868" s="277"/>
      <c r="I1868" s="277"/>
      <c r="J1868" s="277"/>
      <c r="K1868" s="277"/>
    </row>
    <row r="1869" spans="3:11" x14ac:dyDescent="0.2">
      <c r="C1869" s="277"/>
      <c r="D1869" s="277"/>
      <c r="E1869" s="277"/>
      <c r="F1869" s="277"/>
      <c r="G1869" s="277"/>
      <c r="H1869" s="277"/>
      <c r="I1869" s="277"/>
      <c r="J1869" s="277"/>
      <c r="K1869" s="277"/>
    </row>
    <row r="1870" spans="3:11" x14ac:dyDescent="0.2">
      <c r="C1870" s="277"/>
      <c r="D1870" s="277"/>
      <c r="E1870" s="277"/>
      <c r="F1870" s="277"/>
      <c r="G1870" s="277"/>
      <c r="H1870" s="277"/>
      <c r="I1870" s="277"/>
      <c r="J1870" s="277"/>
      <c r="K1870" s="277"/>
    </row>
    <row r="1871" spans="3:11" x14ac:dyDescent="0.2">
      <c r="C1871" s="277"/>
      <c r="D1871" s="277"/>
      <c r="E1871" s="277"/>
      <c r="F1871" s="277"/>
      <c r="G1871" s="277"/>
      <c r="H1871" s="277"/>
      <c r="I1871" s="277"/>
      <c r="J1871" s="277"/>
      <c r="K1871" s="277"/>
    </row>
    <row r="1872" spans="3:11" x14ac:dyDescent="0.2">
      <c r="C1872" s="277"/>
      <c r="D1872" s="277"/>
      <c r="E1872" s="277"/>
      <c r="F1872" s="277"/>
      <c r="G1872" s="277"/>
      <c r="H1872" s="277"/>
      <c r="I1872" s="277"/>
      <c r="J1872" s="277"/>
      <c r="K1872" s="277"/>
    </row>
    <row r="1873" spans="3:11" x14ac:dyDescent="0.2">
      <c r="C1873" s="277"/>
      <c r="D1873" s="277"/>
      <c r="E1873" s="277"/>
      <c r="F1873" s="277"/>
      <c r="G1873" s="277"/>
      <c r="H1873" s="277"/>
      <c r="I1873" s="277"/>
      <c r="J1873" s="277"/>
      <c r="K1873" s="277"/>
    </row>
    <row r="1874" spans="3:11" x14ac:dyDescent="0.2">
      <c r="C1874" s="277"/>
      <c r="D1874" s="277"/>
      <c r="E1874" s="277"/>
      <c r="F1874" s="277"/>
      <c r="G1874" s="277"/>
      <c r="H1874" s="277"/>
      <c r="I1874" s="277"/>
      <c r="J1874" s="277"/>
      <c r="K1874" s="277"/>
    </row>
    <row r="1875" spans="3:11" x14ac:dyDescent="0.2">
      <c r="C1875" s="277"/>
      <c r="D1875" s="277"/>
      <c r="E1875" s="277"/>
      <c r="F1875" s="277"/>
      <c r="G1875" s="277"/>
      <c r="H1875" s="277"/>
      <c r="I1875" s="277"/>
      <c r="J1875" s="277"/>
      <c r="K1875" s="277"/>
    </row>
    <row r="1876" spans="3:11" x14ac:dyDescent="0.2">
      <c r="C1876" s="277"/>
      <c r="D1876" s="277"/>
      <c r="E1876" s="277"/>
      <c r="F1876" s="277"/>
      <c r="G1876" s="277"/>
      <c r="H1876" s="277"/>
      <c r="I1876" s="277"/>
      <c r="J1876" s="277"/>
      <c r="K1876" s="277"/>
    </row>
    <row r="1877" spans="3:11" x14ac:dyDescent="0.2">
      <c r="C1877" s="277"/>
      <c r="D1877" s="277"/>
      <c r="E1877" s="277"/>
      <c r="F1877" s="277"/>
      <c r="G1877" s="277"/>
      <c r="H1877" s="277"/>
      <c r="I1877" s="277"/>
      <c r="J1877" s="277"/>
      <c r="K1877" s="277"/>
    </row>
    <row r="1878" spans="3:11" x14ac:dyDescent="0.2">
      <c r="C1878" s="277"/>
      <c r="D1878" s="277"/>
      <c r="E1878" s="277"/>
      <c r="F1878" s="277"/>
      <c r="G1878" s="277"/>
      <c r="H1878" s="277"/>
      <c r="I1878" s="277"/>
      <c r="J1878" s="277"/>
      <c r="K1878" s="277"/>
    </row>
    <row r="1879" spans="3:11" x14ac:dyDescent="0.2">
      <c r="C1879" s="277"/>
      <c r="D1879" s="277"/>
      <c r="E1879" s="277"/>
      <c r="F1879" s="277"/>
      <c r="G1879" s="277"/>
      <c r="H1879" s="277"/>
      <c r="I1879" s="277"/>
      <c r="J1879" s="277"/>
      <c r="K1879" s="277"/>
    </row>
    <row r="1880" spans="3:11" x14ac:dyDescent="0.2">
      <c r="C1880" s="277"/>
      <c r="D1880" s="277"/>
      <c r="E1880" s="277"/>
      <c r="F1880" s="277"/>
      <c r="G1880" s="277"/>
      <c r="H1880" s="277"/>
      <c r="I1880" s="277"/>
      <c r="J1880" s="277"/>
      <c r="K1880" s="277"/>
    </row>
    <row r="1881" spans="3:11" x14ac:dyDescent="0.2">
      <c r="C1881" s="277"/>
      <c r="D1881" s="277"/>
      <c r="E1881" s="277"/>
      <c r="F1881" s="277"/>
      <c r="G1881" s="277"/>
      <c r="H1881" s="277"/>
      <c r="I1881" s="277"/>
      <c r="J1881" s="277"/>
      <c r="K1881" s="277"/>
    </row>
    <row r="1882" spans="3:11" x14ac:dyDescent="0.2">
      <c r="C1882" s="277"/>
      <c r="D1882" s="277"/>
      <c r="E1882" s="277"/>
      <c r="F1882" s="277"/>
      <c r="G1882" s="277"/>
      <c r="H1882" s="277"/>
      <c r="I1882" s="277"/>
      <c r="J1882" s="277"/>
      <c r="K1882" s="277"/>
    </row>
    <row r="1883" spans="3:11" x14ac:dyDescent="0.2">
      <c r="C1883" s="277"/>
      <c r="D1883" s="277"/>
      <c r="E1883" s="277"/>
      <c r="F1883" s="277"/>
      <c r="G1883" s="277"/>
      <c r="H1883" s="277"/>
      <c r="I1883" s="277"/>
      <c r="J1883" s="277"/>
      <c r="K1883" s="277"/>
    </row>
    <row r="1884" spans="3:11" x14ac:dyDescent="0.2">
      <c r="C1884" s="277"/>
      <c r="D1884" s="277"/>
      <c r="E1884" s="277"/>
      <c r="F1884" s="277"/>
      <c r="G1884" s="277"/>
      <c r="H1884" s="277"/>
      <c r="I1884" s="277"/>
      <c r="J1884" s="277"/>
      <c r="K1884" s="277"/>
    </row>
    <row r="1885" spans="3:11" x14ac:dyDescent="0.2">
      <c r="C1885" s="277"/>
      <c r="D1885" s="277"/>
      <c r="E1885" s="277"/>
      <c r="F1885" s="277"/>
      <c r="G1885" s="277"/>
      <c r="H1885" s="277"/>
      <c r="I1885" s="277"/>
      <c r="J1885" s="277"/>
      <c r="K1885" s="277"/>
    </row>
    <row r="1886" spans="3:11" x14ac:dyDescent="0.2">
      <c r="C1886" s="277"/>
      <c r="D1886" s="277"/>
      <c r="E1886" s="277"/>
      <c r="F1886" s="277"/>
      <c r="G1886" s="277"/>
      <c r="H1886" s="277"/>
      <c r="I1886" s="277"/>
      <c r="J1886" s="277"/>
      <c r="K1886" s="277"/>
    </row>
    <row r="1887" spans="3:11" x14ac:dyDescent="0.2">
      <c r="C1887" s="277"/>
      <c r="D1887" s="277"/>
      <c r="E1887" s="277"/>
      <c r="F1887" s="277"/>
      <c r="G1887" s="277"/>
      <c r="H1887" s="277"/>
      <c r="I1887" s="277"/>
      <c r="J1887" s="277"/>
      <c r="K1887" s="277"/>
    </row>
    <row r="1888" spans="3:11" x14ac:dyDescent="0.2">
      <c r="C1888" s="277"/>
      <c r="D1888" s="277"/>
      <c r="E1888" s="277"/>
      <c r="F1888" s="277"/>
      <c r="G1888" s="277"/>
      <c r="H1888" s="277"/>
      <c r="I1888" s="277"/>
      <c r="J1888" s="277"/>
      <c r="K1888" s="277"/>
    </row>
    <row r="1889" spans="3:11" x14ac:dyDescent="0.2">
      <c r="C1889" s="277"/>
      <c r="D1889" s="277"/>
      <c r="E1889" s="277"/>
      <c r="F1889" s="277"/>
      <c r="G1889" s="277"/>
      <c r="H1889" s="277"/>
      <c r="I1889" s="277"/>
      <c r="J1889" s="277"/>
      <c r="K1889" s="277"/>
    </row>
    <row r="1890" spans="3:11" x14ac:dyDescent="0.2">
      <c r="C1890" s="277"/>
      <c r="D1890" s="277"/>
      <c r="E1890" s="277"/>
      <c r="F1890" s="277"/>
      <c r="G1890" s="277"/>
      <c r="H1890" s="277"/>
      <c r="I1890" s="277"/>
      <c r="J1890" s="277"/>
      <c r="K1890" s="277"/>
    </row>
    <row r="1891" spans="3:11" x14ac:dyDescent="0.2">
      <c r="C1891" s="277"/>
      <c r="D1891" s="277"/>
      <c r="E1891" s="277"/>
      <c r="F1891" s="277"/>
      <c r="G1891" s="277"/>
      <c r="H1891" s="277"/>
      <c r="I1891" s="277"/>
      <c r="J1891" s="277"/>
      <c r="K1891" s="277"/>
    </row>
    <row r="1892" spans="3:11" x14ac:dyDescent="0.2">
      <c r="C1892" s="277"/>
      <c r="D1892" s="277"/>
      <c r="E1892" s="277"/>
      <c r="F1892" s="277"/>
      <c r="G1892" s="277"/>
      <c r="H1892" s="277"/>
      <c r="I1892" s="277"/>
      <c r="J1892" s="277"/>
      <c r="K1892" s="277"/>
    </row>
    <row r="1893" spans="3:11" x14ac:dyDescent="0.2">
      <c r="C1893" s="277"/>
      <c r="D1893" s="277"/>
      <c r="E1893" s="277"/>
      <c r="F1893" s="277"/>
      <c r="G1893" s="277"/>
      <c r="H1893" s="277"/>
      <c r="I1893" s="277"/>
      <c r="J1893" s="277"/>
      <c r="K1893" s="277"/>
    </row>
    <row r="1894" spans="3:11" x14ac:dyDescent="0.2">
      <c r="C1894" s="277"/>
      <c r="D1894" s="277"/>
      <c r="E1894" s="277"/>
      <c r="F1894" s="277"/>
      <c r="G1894" s="277"/>
      <c r="H1894" s="277"/>
      <c r="I1894" s="277"/>
      <c r="J1894" s="277"/>
      <c r="K1894" s="277"/>
    </row>
    <row r="1895" spans="3:11" x14ac:dyDescent="0.2">
      <c r="C1895" s="277"/>
      <c r="D1895" s="277"/>
      <c r="E1895" s="277"/>
      <c r="F1895" s="277"/>
      <c r="G1895" s="277"/>
      <c r="H1895" s="277"/>
      <c r="I1895" s="277"/>
      <c r="J1895" s="277"/>
      <c r="K1895" s="277"/>
    </row>
    <row r="1896" spans="3:11" x14ac:dyDescent="0.2">
      <c r="C1896" s="277"/>
      <c r="D1896" s="277"/>
      <c r="E1896" s="277"/>
      <c r="F1896" s="277"/>
      <c r="G1896" s="277"/>
      <c r="H1896" s="277"/>
      <c r="I1896" s="277"/>
      <c r="J1896" s="277"/>
      <c r="K1896" s="277"/>
    </row>
    <row r="1897" spans="3:11" x14ac:dyDescent="0.2">
      <c r="C1897" s="277"/>
      <c r="D1897" s="277"/>
      <c r="E1897" s="277"/>
      <c r="F1897" s="277"/>
      <c r="G1897" s="277"/>
      <c r="H1897" s="277"/>
      <c r="I1897" s="277"/>
      <c r="J1897" s="277"/>
      <c r="K1897" s="277"/>
    </row>
    <row r="1898" spans="3:11" x14ac:dyDescent="0.2">
      <c r="C1898" s="277"/>
      <c r="D1898" s="277"/>
      <c r="E1898" s="277"/>
      <c r="F1898" s="277"/>
      <c r="G1898" s="277"/>
      <c r="H1898" s="277"/>
      <c r="I1898" s="277"/>
      <c r="J1898" s="277"/>
      <c r="K1898" s="277"/>
    </row>
    <row r="1899" spans="3:11" x14ac:dyDescent="0.2">
      <c r="C1899" s="277"/>
      <c r="D1899" s="277"/>
      <c r="E1899" s="277"/>
      <c r="F1899" s="277"/>
      <c r="G1899" s="277"/>
      <c r="H1899" s="277"/>
      <c r="I1899" s="277"/>
      <c r="J1899" s="277"/>
      <c r="K1899" s="277"/>
    </row>
    <row r="1900" spans="3:11" x14ac:dyDescent="0.2">
      <c r="C1900" s="277"/>
      <c r="D1900" s="277"/>
      <c r="E1900" s="277"/>
      <c r="F1900" s="277"/>
      <c r="G1900" s="277"/>
      <c r="H1900" s="277"/>
      <c r="I1900" s="277"/>
      <c r="J1900" s="277"/>
      <c r="K1900" s="277"/>
    </row>
    <row r="1901" spans="3:11" x14ac:dyDescent="0.2">
      <c r="C1901" s="277"/>
      <c r="D1901" s="277"/>
      <c r="E1901" s="277"/>
      <c r="F1901" s="277"/>
      <c r="G1901" s="277"/>
      <c r="H1901" s="277"/>
      <c r="I1901" s="277"/>
      <c r="J1901" s="277"/>
      <c r="K1901" s="277"/>
    </row>
    <row r="1902" spans="3:11" x14ac:dyDescent="0.2">
      <c r="C1902" s="277"/>
      <c r="D1902" s="277"/>
      <c r="E1902" s="277"/>
      <c r="F1902" s="277"/>
      <c r="G1902" s="277"/>
      <c r="H1902" s="277"/>
      <c r="I1902" s="277"/>
      <c r="J1902" s="277"/>
      <c r="K1902" s="277"/>
    </row>
    <row r="1903" spans="3:11" x14ac:dyDescent="0.2">
      <c r="C1903" s="277"/>
      <c r="D1903" s="277"/>
      <c r="E1903" s="277"/>
      <c r="F1903" s="277"/>
      <c r="G1903" s="277"/>
      <c r="H1903" s="277"/>
      <c r="I1903" s="277"/>
      <c r="J1903" s="277"/>
      <c r="K1903" s="277"/>
    </row>
    <row r="1904" spans="3:11" x14ac:dyDescent="0.2">
      <c r="C1904" s="277"/>
      <c r="D1904" s="277"/>
      <c r="E1904" s="277"/>
      <c r="F1904" s="277"/>
      <c r="G1904" s="277"/>
      <c r="H1904" s="277"/>
      <c r="I1904" s="277"/>
      <c r="J1904" s="277"/>
      <c r="K1904" s="277"/>
    </row>
    <row r="1905" spans="3:11" x14ac:dyDescent="0.2">
      <c r="C1905" s="277"/>
      <c r="D1905" s="277"/>
      <c r="E1905" s="277"/>
      <c r="F1905" s="277"/>
      <c r="G1905" s="277"/>
      <c r="H1905" s="277"/>
      <c r="I1905" s="277"/>
      <c r="J1905" s="277"/>
      <c r="K1905" s="277"/>
    </row>
    <row r="1906" spans="3:11" x14ac:dyDescent="0.2">
      <c r="C1906" s="277"/>
      <c r="D1906" s="277"/>
      <c r="E1906" s="277"/>
      <c r="F1906" s="277"/>
      <c r="G1906" s="277"/>
      <c r="H1906" s="277"/>
      <c r="I1906" s="277"/>
      <c r="J1906" s="277"/>
      <c r="K1906" s="277"/>
    </row>
    <row r="1907" spans="3:11" x14ac:dyDescent="0.2">
      <c r="C1907" s="277"/>
      <c r="D1907" s="277"/>
      <c r="E1907" s="277"/>
      <c r="F1907" s="277"/>
      <c r="G1907" s="277"/>
      <c r="H1907" s="277"/>
      <c r="I1907" s="277"/>
      <c r="J1907" s="277"/>
      <c r="K1907" s="277"/>
    </row>
    <row r="1908" spans="3:11" x14ac:dyDescent="0.2">
      <c r="C1908" s="277"/>
      <c r="D1908" s="277"/>
      <c r="E1908" s="277"/>
      <c r="F1908" s="277"/>
      <c r="G1908" s="277"/>
      <c r="H1908" s="277"/>
      <c r="I1908" s="277"/>
      <c r="J1908" s="277"/>
      <c r="K1908" s="277"/>
    </row>
    <row r="1909" spans="3:11" x14ac:dyDescent="0.2">
      <c r="C1909" s="277"/>
      <c r="D1909" s="277"/>
      <c r="E1909" s="277"/>
      <c r="F1909" s="277"/>
      <c r="G1909" s="277"/>
      <c r="H1909" s="277"/>
      <c r="I1909" s="277"/>
      <c r="J1909" s="277"/>
      <c r="K1909" s="277"/>
    </row>
    <row r="1910" spans="3:11" x14ac:dyDescent="0.2">
      <c r="C1910" s="277"/>
      <c r="D1910" s="277"/>
      <c r="E1910" s="277"/>
      <c r="F1910" s="277"/>
      <c r="G1910" s="277"/>
      <c r="H1910" s="277"/>
      <c r="I1910" s="277"/>
      <c r="J1910" s="277"/>
      <c r="K1910" s="277"/>
    </row>
    <row r="1911" spans="3:11" x14ac:dyDescent="0.2">
      <c r="C1911" s="277"/>
      <c r="D1911" s="277"/>
      <c r="E1911" s="277"/>
      <c r="F1911" s="277"/>
      <c r="G1911" s="277"/>
      <c r="H1911" s="277"/>
      <c r="I1911" s="277"/>
      <c r="J1911" s="277"/>
      <c r="K1911" s="277"/>
    </row>
    <row r="1912" spans="3:11" x14ac:dyDescent="0.2">
      <c r="C1912" s="277"/>
      <c r="D1912" s="277"/>
      <c r="E1912" s="277"/>
      <c r="F1912" s="277"/>
      <c r="G1912" s="277"/>
      <c r="H1912" s="277"/>
      <c r="I1912" s="277"/>
      <c r="J1912" s="277"/>
      <c r="K1912" s="277"/>
    </row>
    <row r="1913" spans="3:11" x14ac:dyDescent="0.2">
      <c r="C1913" s="277"/>
      <c r="D1913" s="277"/>
      <c r="E1913" s="277"/>
      <c r="F1913" s="277"/>
      <c r="G1913" s="277"/>
      <c r="H1913" s="277"/>
      <c r="I1913" s="277"/>
      <c r="J1913" s="277"/>
      <c r="K1913" s="277"/>
    </row>
    <row r="1914" spans="3:11" x14ac:dyDescent="0.2">
      <c r="C1914" s="277"/>
      <c r="D1914" s="277"/>
      <c r="E1914" s="277"/>
      <c r="F1914" s="277"/>
      <c r="G1914" s="277"/>
      <c r="H1914" s="277"/>
      <c r="I1914" s="277"/>
      <c r="J1914" s="277"/>
      <c r="K1914" s="277"/>
    </row>
    <row r="1915" spans="3:11" x14ac:dyDescent="0.2">
      <c r="C1915" s="277"/>
      <c r="D1915" s="277"/>
      <c r="E1915" s="277"/>
      <c r="F1915" s="277"/>
      <c r="G1915" s="277"/>
      <c r="H1915" s="277"/>
      <c r="I1915" s="277"/>
      <c r="J1915" s="277"/>
      <c r="K1915" s="277"/>
    </row>
    <row r="1916" spans="3:11" x14ac:dyDescent="0.2">
      <c r="C1916" s="277"/>
      <c r="D1916" s="277"/>
      <c r="E1916" s="277"/>
      <c r="F1916" s="277"/>
      <c r="G1916" s="277"/>
      <c r="H1916" s="277"/>
      <c r="I1916" s="277"/>
      <c r="J1916" s="277"/>
      <c r="K1916" s="277"/>
    </row>
    <row r="1917" spans="3:11" x14ac:dyDescent="0.2">
      <c r="C1917" s="277"/>
      <c r="D1917" s="277"/>
      <c r="E1917" s="277"/>
      <c r="F1917" s="277"/>
      <c r="G1917" s="277"/>
      <c r="H1917" s="277"/>
      <c r="I1917" s="277"/>
      <c r="J1917" s="277"/>
      <c r="K1917" s="277"/>
    </row>
    <row r="1918" spans="3:11" x14ac:dyDescent="0.2">
      <c r="C1918" s="277"/>
      <c r="D1918" s="277"/>
      <c r="E1918" s="277"/>
      <c r="F1918" s="277"/>
      <c r="G1918" s="277"/>
      <c r="H1918" s="277"/>
      <c r="I1918" s="277"/>
      <c r="J1918" s="277"/>
      <c r="K1918" s="277"/>
    </row>
    <row r="1919" spans="3:11" x14ac:dyDescent="0.2">
      <c r="C1919" s="277"/>
      <c r="D1919" s="277"/>
      <c r="E1919" s="277"/>
      <c r="F1919" s="277"/>
      <c r="G1919" s="277"/>
      <c r="H1919" s="277"/>
      <c r="I1919" s="277"/>
      <c r="J1919" s="277"/>
      <c r="K1919" s="277"/>
    </row>
    <row r="1920" spans="3:11" x14ac:dyDescent="0.2">
      <c r="C1920" s="277"/>
      <c r="D1920" s="277"/>
      <c r="E1920" s="277"/>
      <c r="F1920" s="277"/>
      <c r="G1920" s="277"/>
      <c r="H1920" s="277"/>
      <c r="I1920" s="277"/>
      <c r="J1920" s="277"/>
      <c r="K1920" s="277"/>
    </row>
    <row r="1921" spans="3:11" x14ac:dyDescent="0.2">
      <c r="C1921" s="277"/>
      <c r="D1921" s="277"/>
      <c r="E1921" s="277"/>
      <c r="F1921" s="277"/>
      <c r="G1921" s="277"/>
      <c r="H1921" s="277"/>
      <c r="I1921" s="277"/>
      <c r="J1921" s="277"/>
      <c r="K1921" s="277"/>
    </row>
    <row r="1922" spans="3:11" x14ac:dyDescent="0.2">
      <c r="C1922" s="277"/>
      <c r="D1922" s="277"/>
      <c r="E1922" s="277"/>
      <c r="F1922" s="277"/>
      <c r="G1922" s="277"/>
      <c r="H1922" s="277"/>
      <c r="I1922" s="277"/>
      <c r="J1922" s="277"/>
      <c r="K1922" s="277"/>
    </row>
    <row r="1923" spans="3:11" x14ac:dyDescent="0.2">
      <c r="C1923" s="277"/>
      <c r="D1923" s="277"/>
      <c r="E1923" s="277"/>
      <c r="F1923" s="277"/>
      <c r="G1923" s="277"/>
      <c r="H1923" s="277"/>
      <c r="I1923" s="277"/>
      <c r="J1923" s="277"/>
      <c r="K1923" s="277"/>
    </row>
    <row r="1924" spans="3:11" x14ac:dyDescent="0.2">
      <c r="C1924" s="277"/>
      <c r="D1924" s="277"/>
      <c r="E1924" s="277"/>
      <c r="F1924" s="277"/>
      <c r="G1924" s="277"/>
      <c r="H1924" s="277"/>
      <c r="I1924" s="277"/>
      <c r="J1924" s="277"/>
      <c r="K1924" s="277"/>
    </row>
    <row r="1925" spans="3:11" x14ac:dyDescent="0.2">
      <c r="C1925" s="277"/>
      <c r="D1925" s="277"/>
      <c r="E1925" s="277"/>
      <c r="F1925" s="277"/>
      <c r="G1925" s="277"/>
      <c r="H1925" s="277"/>
      <c r="I1925" s="277"/>
      <c r="J1925" s="277"/>
      <c r="K1925" s="277"/>
    </row>
    <row r="1926" spans="3:11" x14ac:dyDescent="0.2">
      <c r="C1926" s="277"/>
      <c r="D1926" s="277"/>
      <c r="E1926" s="277"/>
      <c r="F1926" s="277"/>
      <c r="G1926" s="277"/>
      <c r="H1926" s="277"/>
      <c r="I1926" s="277"/>
      <c r="J1926" s="277"/>
      <c r="K1926" s="277"/>
    </row>
    <row r="1927" spans="3:11" x14ac:dyDescent="0.2">
      <c r="C1927" s="277"/>
      <c r="D1927" s="277"/>
      <c r="E1927" s="277"/>
      <c r="F1927" s="277"/>
      <c r="G1927" s="277"/>
      <c r="H1927" s="277"/>
      <c r="I1927" s="277"/>
      <c r="J1927" s="277"/>
      <c r="K1927" s="277"/>
    </row>
    <row r="1928" spans="3:11" x14ac:dyDescent="0.2">
      <c r="C1928" s="277"/>
      <c r="D1928" s="277"/>
      <c r="E1928" s="277"/>
      <c r="F1928" s="277"/>
      <c r="G1928" s="277"/>
      <c r="H1928" s="277"/>
      <c r="I1928" s="277"/>
      <c r="J1928" s="277"/>
      <c r="K1928" s="277"/>
    </row>
    <row r="1929" spans="3:11" x14ac:dyDescent="0.2">
      <c r="C1929" s="277"/>
      <c r="D1929" s="277"/>
      <c r="E1929" s="277"/>
      <c r="F1929" s="277"/>
      <c r="G1929" s="277"/>
      <c r="H1929" s="277"/>
      <c r="I1929" s="277"/>
      <c r="J1929" s="277"/>
      <c r="K1929" s="277"/>
    </row>
    <row r="1930" spans="3:11" x14ac:dyDescent="0.2">
      <c r="C1930" s="277"/>
      <c r="D1930" s="277"/>
      <c r="E1930" s="277"/>
      <c r="F1930" s="277"/>
      <c r="G1930" s="277"/>
      <c r="H1930" s="277"/>
      <c r="I1930" s="277"/>
      <c r="J1930" s="277"/>
      <c r="K1930" s="277"/>
    </row>
    <row r="1931" spans="3:11" x14ac:dyDescent="0.2">
      <c r="C1931" s="277"/>
      <c r="D1931" s="277"/>
      <c r="E1931" s="277"/>
      <c r="F1931" s="277"/>
      <c r="G1931" s="277"/>
      <c r="H1931" s="277"/>
      <c r="I1931" s="277"/>
      <c r="J1931" s="277"/>
      <c r="K1931" s="277"/>
    </row>
    <row r="1932" spans="3:11" x14ac:dyDescent="0.2">
      <c r="C1932" s="277"/>
      <c r="D1932" s="277"/>
      <c r="E1932" s="277"/>
      <c r="F1932" s="277"/>
      <c r="G1932" s="277"/>
      <c r="H1932" s="277"/>
      <c r="I1932" s="277"/>
      <c r="J1932" s="277"/>
      <c r="K1932" s="277"/>
    </row>
    <row r="1933" spans="3:11" x14ac:dyDescent="0.2">
      <c r="C1933" s="277"/>
      <c r="D1933" s="277"/>
      <c r="E1933" s="277"/>
      <c r="F1933" s="277"/>
      <c r="G1933" s="277"/>
      <c r="H1933" s="277"/>
      <c r="I1933" s="277"/>
      <c r="J1933" s="277"/>
      <c r="K1933" s="277"/>
    </row>
    <row r="1934" spans="3:11" x14ac:dyDescent="0.2">
      <c r="C1934" s="277"/>
      <c r="D1934" s="277"/>
      <c r="E1934" s="277"/>
      <c r="F1934" s="277"/>
      <c r="G1934" s="277"/>
      <c r="H1934" s="277"/>
      <c r="I1934" s="277"/>
      <c r="J1934" s="277"/>
      <c r="K1934" s="277"/>
    </row>
    <row r="1935" spans="3:11" x14ac:dyDescent="0.2">
      <c r="C1935" s="277"/>
      <c r="D1935" s="277"/>
      <c r="E1935" s="277"/>
      <c r="F1935" s="277"/>
      <c r="G1935" s="277"/>
      <c r="H1935" s="277"/>
      <c r="I1935" s="277"/>
      <c r="J1935" s="277"/>
      <c r="K1935" s="277"/>
    </row>
    <row r="1936" spans="3:11" x14ac:dyDescent="0.2">
      <c r="C1936" s="277"/>
      <c r="D1936" s="277"/>
      <c r="E1936" s="277"/>
      <c r="F1936" s="277"/>
      <c r="G1936" s="277"/>
      <c r="H1936" s="277"/>
      <c r="I1936" s="277"/>
      <c r="J1936" s="277"/>
      <c r="K1936" s="277"/>
    </row>
    <row r="1937" spans="3:11" x14ac:dyDescent="0.2">
      <c r="C1937" s="277"/>
      <c r="D1937" s="277"/>
      <c r="E1937" s="277"/>
      <c r="F1937" s="277"/>
      <c r="G1937" s="277"/>
      <c r="H1937" s="277"/>
      <c r="I1937" s="277"/>
      <c r="J1937" s="277"/>
      <c r="K1937" s="277"/>
    </row>
    <row r="1938" spans="3:11" x14ac:dyDescent="0.2">
      <c r="C1938" s="277"/>
      <c r="D1938" s="277"/>
      <c r="E1938" s="277"/>
      <c r="F1938" s="277"/>
      <c r="G1938" s="277"/>
      <c r="H1938" s="277"/>
      <c r="I1938" s="277"/>
      <c r="J1938" s="277"/>
      <c r="K1938" s="277"/>
    </row>
    <row r="1939" spans="3:11" x14ac:dyDescent="0.2">
      <c r="C1939" s="277"/>
      <c r="D1939" s="277"/>
      <c r="E1939" s="277"/>
      <c r="F1939" s="277"/>
      <c r="G1939" s="277"/>
      <c r="H1939" s="277"/>
      <c r="I1939" s="277"/>
      <c r="J1939" s="277"/>
      <c r="K1939" s="277"/>
    </row>
    <row r="1940" spans="3:11" x14ac:dyDescent="0.2">
      <c r="C1940" s="277"/>
      <c r="D1940" s="277"/>
      <c r="E1940" s="277"/>
      <c r="F1940" s="277"/>
      <c r="G1940" s="277"/>
      <c r="H1940" s="277"/>
      <c r="I1940" s="277"/>
      <c r="J1940" s="277"/>
      <c r="K1940" s="277"/>
    </row>
    <row r="1941" spans="3:11" x14ac:dyDescent="0.2">
      <c r="C1941" s="277"/>
      <c r="D1941" s="277"/>
      <c r="E1941" s="277"/>
      <c r="F1941" s="277"/>
      <c r="G1941" s="277"/>
      <c r="H1941" s="277"/>
      <c r="I1941" s="277"/>
      <c r="J1941" s="277"/>
      <c r="K1941" s="277"/>
    </row>
    <row r="1942" spans="3:11" x14ac:dyDescent="0.2">
      <c r="C1942" s="277"/>
      <c r="D1942" s="277"/>
      <c r="E1942" s="277"/>
      <c r="F1942" s="277"/>
      <c r="G1942" s="277"/>
      <c r="H1942" s="277"/>
      <c r="I1942" s="277"/>
      <c r="J1942" s="277"/>
      <c r="K1942" s="277"/>
    </row>
    <row r="1943" spans="3:11" x14ac:dyDescent="0.2">
      <c r="C1943" s="277"/>
      <c r="D1943" s="277"/>
      <c r="E1943" s="277"/>
      <c r="F1943" s="277"/>
      <c r="G1943" s="277"/>
      <c r="H1943" s="277"/>
      <c r="I1943" s="277"/>
      <c r="J1943" s="277"/>
      <c r="K1943" s="277"/>
    </row>
    <row r="1944" spans="3:11" x14ac:dyDescent="0.2">
      <c r="C1944" s="277"/>
      <c r="D1944" s="277"/>
      <c r="E1944" s="277"/>
      <c r="F1944" s="277"/>
      <c r="G1944" s="277"/>
      <c r="H1944" s="277"/>
      <c r="I1944" s="277"/>
      <c r="J1944" s="277"/>
      <c r="K1944" s="277"/>
    </row>
    <row r="1945" spans="3:11" x14ac:dyDescent="0.2">
      <c r="C1945" s="277"/>
      <c r="D1945" s="277"/>
      <c r="E1945" s="277"/>
      <c r="F1945" s="277"/>
      <c r="G1945" s="277"/>
      <c r="H1945" s="277"/>
      <c r="I1945" s="277"/>
      <c r="J1945" s="277"/>
      <c r="K1945" s="277"/>
    </row>
    <row r="1946" spans="3:11" x14ac:dyDescent="0.2">
      <c r="C1946" s="277"/>
      <c r="D1946" s="277"/>
      <c r="E1946" s="277"/>
      <c r="F1946" s="277"/>
      <c r="G1946" s="277"/>
      <c r="H1946" s="277"/>
      <c r="I1946" s="277"/>
      <c r="J1946" s="277"/>
      <c r="K1946" s="277"/>
    </row>
    <row r="1947" spans="3:11" x14ac:dyDescent="0.2">
      <c r="C1947" s="277"/>
      <c r="D1947" s="277"/>
      <c r="E1947" s="277"/>
      <c r="F1947" s="277"/>
      <c r="G1947" s="277"/>
      <c r="H1947" s="277"/>
      <c r="I1947" s="277"/>
      <c r="J1947" s="277"/>
      <c r="K1947" s="277"/>
    </row>
    <row r="1948" spans="3:11" x14ac:dyDescent="0.2">
      <c r="C1948" s="277"/>
      <c r="D1948" s="277"/>
      <c r="E1948" s="277"/>
      <c r="F1948" s="277"/>
      <c r="G1948" s="277"/>
      <c r="H1948" s="277"/>
      <c r="I1948" s="277"/>
      <c r="J1948" s="277"/>
      <c r="K1948" s="277"/>
    </row>
    <row r="1949" spans="3:11" x14ac:dyDescent="0.2">
      <c r="C1949" s="277"/>
      <c r="D1949" s="277"/>
      <c r="E1949" s="277"/>
      <c r="F1949" s="277"/>
      <c r="G1949" s="277"/>
      <c r="H1949" s="277"/>
      <c r="I1949" s="277"/>
      <c r="J1949" s="277"/>
      <c r="K1949" s="277"/>
    </row>
    <row r="1950" spans="3:11" x14ac:dyDescent="0.2">
      <c r="C1950" s="277"/>
      <c r="D1950" s="277"/>
      <c r="E1950" s="277"/>
      <c r="F1950" s="277"/>
      <c r="G1950" s="277"/>
      <c r="H1950" s="277"/>
      <c r="I1950" s="277"/>
      <c r="J1950" s="277"/>
      <c r="K1950" s="277"/>
    </row>
    <row r="1951" spans="3:11" x14ac:dyDescent="0.2">
      <c r="C1951" s="277"/>
      <c r="D1951" s="277"/>
      <c r="E1951" s="277"/>
      <c r="F1951" s="277"/>
      <c r="G1951" s="277"/>
      <c r="H1951" s="277"/>
      <c r="I1951" s="277"/>
      <c r="J1951" s="277"/>
      <c r="K1951" s="277"/>
    </row>
    <row r="1952" spans="3:11" x14ac:dyDescent="0.2">
      <c r="C1952" s="277"/>
      <c r="D1952" s="277"/>
      <c r="E1952" s="277"/>
      <c r="F1952" s="277"/>
      <c r="G1952" s="277"/>
      <c r="H1952" s="277"/>
      <c r="I1952" s="277"/>
      <c r="J1952" s="277"/>
      <c r="K1952" s="277"/>
    </row>
    <row r="1953" spans="3:11" x14ac:dyDescent="0.2">
      <c r="C1953" s="277"/>
      <c r="D1953" s="277"/>
      <c r="E1953" s="277"/>
      <c r="F1953" s="277"/>
      <c r="G1953" s="277"/>
      <c r="H1953" s="277"/>
      <c r="I1953" s="277"/>
      <c r="J1953" s="277"/>
      <c r="K1953" s="277"/>
    </row>
    <row r="1954" spans="3:11" x14ac:dyDescent="0.2">
      <c r="C1954" s="277"/>
      <c r="D1954" s="277"/>
      <c r="E1954" s="277"/>
      <c r="F1954" s="277"/>
      <c r="G1954" s="277"/>
      <c r="H1954" s="277"/>
      <c r="I1954" s="277"/>
      <c r="J1954" s="277"/>
      <c r="K1954" s="277"/>
    </row>
    <row r="1955" spans="3:11" x14ac:dyDescent="0.2">
      <c r="C1955" s="277"/>
      <c r="D1955" s="277"/>
      <c r="E1955" s="277"/>
      <c r="F1955" s="277"/>
      <c r="G1955" s="277"/>
      <c r="H1955" s="277"/>
      <c r="I1955" s="277"/>
      <c r="J1955" s="277"/>
      <c r="K1955" s="277"/>
    </row>
    <row r="1956" spans="3:11" x14ac:dyDescent="0.2">
      <c r="C1956" s="277"/>
      <c r="D1956" s="277"/>
      <c r="E1956" s="277"/>
      <c r="F1956" s="277"/>
      <c r="G1956" s="277"/>
      <c r="H1956" s="277"/>
      <c r="I1956" s="277"/>
      <c r="J1956" s="277"/>
      <c r="K1956" s="277"/>
    </row>
    <row r="1957" spans="3:11" x14ac:dyDescent="0.2">
      <c r="C1957" s="277"/>
      <c r="D1957" s="277"/>
      <c r="E1957" s="277"/>
      <c r="F1957" s="277"/>
      <c r="G1957" s="277"/>
      <c r="H1957" s="277"/>
      <c r="I1957" s="277"/>
      <c r="J1957" s="277"/>
      <c r="K1957" s="277"/>
    </row>
    <row r="1958" spans="3:11" x14ac:dyDescent="0.2">
      <c r="C1958" s="277"/>
      <c r="D1958" s="277"/>
      <c r="E1958" s="277"/>
      <c r="F1958" s="277"/>
      <c r="G1958" s="277"/>
      <c r="H1958" s="277"/>
      <c r="I1958" s="277"/>
      <c r="J1958" s="277"/>
      <c r="K1958" s="277"/>
    </row>
    <row r="1959" spans="3:11" x14ac:dyDescent="0.2">
      <c r="C1959" s="277"/>
      <c r="D1959" s="277"/>
      <c r="E1959" s="277"/>
      <c r="F1959" s="277"/>
      <c r="G1959" s="277"/>
      <c r="H1959" s="277"/>
      <c r="I1959" s="277"/>
      <c r="J1959" s="277"/>
      <c r="K1959" s="277"/>
    </row>
    <row r="1960" spans="3:11" x14ac:dyDescent="0.2">
      <c r="C1960" s="277"/>
      <c r="D1960" s="277"/>
      <c r="E1960" s="277"/>
      <c r="F1960" s="277"/>
      <c r="G1960" s="277"/>
      <c r="H1960" s="277"/>
      <c r="I1960" s="277"/>
      <c r="J1960" s="277"/>
      <c r="K1960" s="277"/>
    </row>
    <row r="1961" spans="3:11" x14ac:dyDescent="0.2">
      <c r="C1961" s="277"/>
      <c r="D1961" s="277"/>
      <c r="E1961" s="277"/>
      <c r="F1961" s="277"/>
      <c r="G1961" s="277"/>
      <c r="H1961" s="277"/>
      <c r="I1961" s="277"/>
      <c r="J1961" s="277"/>
      <c r="K1961" s="277"/>
    </row>
    <row r="1962" spans="3:11" x14ac:dyDescent="0.2">
      <c r="C1962" s="277"/>
      <c r="D1962" s="277"/>
      <c r="E1962" s="277"/>
      <c r="F1962" s="277"/>
      <c r="G1962" s="277"/>
      <c r="H1962" s="277"/>
      <c r="I1962" s="277"/>
      <c r="J1962" s="277"/>
      <c r="K1962" s="277"/>
    </row>
    <row r="1963" spans="3:11" x14ac:dyDescent="0.2">
      <c r="C1963" s="277"/>
      <c r="D1963" s="277"/>
      <c r="E1963" s="277"/>
      <c r="F1963" s="277"/>
      <c r="G1963" s="277"/>
      <c r="H1963" s="277"/>
      <c r="I1963" s="277"/>
      <c r="J1963" s="277"/>
      <c r="K1963" s="277"/>
    </row>
    <row r="1964" spans="3:11" x14ac:dyDescent="0.2">
      <c r="C1964" s="277"/>
      <c r="D1964" s="277"/>
      <c r="E1964" s="277"/>
      <c r="F1964" s="277"/>
      <c r="G1964" s="277"/>
      <c r="H1964" s="277"/>
      <c r="I1964" s="277"/>
      <c r="J1964" s="277"/>
      <c r="K1964" s="277"/>
    </row>
    <row r="1965" spans="3:11" x14ac:dyDescent="0.2">
      <c r="C1965" s="277"/>
      <c r="D1965" s="277"/>
      <c r="E1965" s="277"/>
      <c r="F1965" s="277"/>
      <c r="G1965" s="277"/>
      <c r="H1965" s="277"/>
      <c r="I1965" s="277"/>
      <c r="J1965" s="277"/>
      <c r="K1965" s="277"/>
    </row>
    <row r="1966" spans="3:11" x14ac:dyDescent="0.2">
      <c r="C1966" s="277"/>
      <c r="D1966" s="277"/>
      <c r="E1966" s="277"/>
      <c r="F1966" s="277"/>
      <c r="G1966" s="277"/>
      <c r="H1966" s="277"/>
      <c r="I1966" s="277"/>
      <c r="J1966" s="277"/>
      <c r="K1966" s="277"/>
    </row>
    <row r="1967" spans="3:11" x14ac:dyDescent="0.2">
      <c r="C1967" s="277"/>
      <c r="D1967" s="277"/>
      <c r="E1967" s="277"/>
      <c r="F1967" s="277"/>
      <c r="G1967" s="277"/>
      <c r="H1967" s="277"/>
      <c r="I1967" s="277"/>
      <c r="J1967" s="277"/>
      <c r="K1967" s="277"/>
    </row>
    <row r="1968" spans="3:11" x14ac:dyDescent="0.2">
      <c r="C1968" s="277"/>
      <c r="D1968" s="277"/>
      <c r="E1968" s="277"/>
      <c r="F1968" s="277"/>
      <c r="G1968" s="277"/>
      <c r="H1968" s="277"/>
      <c r="I1968" s="277"/>
      <c r="J1968" s="277"/>
      <c r="K1968" s="277"/>
    </row>
    <row r="1969" spans="3:11" x14ac:dyDescent="0.2">
      <c r="C1969" s="277"/>
      <c r="D1969" s="277"/>
      <c r="E1969" s="277"/>
      <c r="F1969" s="277"/>
      <c r="G1969" s="277"/>
      <c r="H1969" s="277"/>
      <c r="I1969" s="277"/>
      <c r="J1969" s="277"/>
      <c r="K1969" s="277"/>
    </row>
    <row r="1970" spans="3:11" x14ac:dyDescent="0.2">
      <c r="C1970" s="277"/>
      <c r="D1970" s="277"/>
      <c r="E1970" s="277"/>
      <c r="F1970" s="277"/>
      <c r="G1970" s="277"/>
      <c r="H1970" s="277"/>
      <c r="I1970" s="277"/>
      <c r="J1970" s="277"/>
      <c r="K1970" s="277"/>
    </row>
    <row r="1971" spans="3:11" x14ac:dyDescent="0.2">
      <c r="C1971" s="277"/>
      <c r="D1971" s="277"/>
      <c r="E1971" s="277"/>
      <c r="F1971" s="277"/>
      <c r="G1971" s="277"/>
      <c r="H1971" s="277"/>
      <c r="I1971" s="277"/>
      <c r="J1971" s="277"/>
      <c r="K1971" s="277"/>
    </row>
    <row r="1972" spans="3:11" x14ac:dyDescent="0.2">
      <c r="C1972" s="277"/>
      <c r="D1972" s="277"/>
      <c r="E1972" s="277"/>
      <c r="F1972" s="277"/>
      <c r="G1972" s="277"/>
      <c r="H1972" s="277"/>
      <c r="I1972" s="277"/>
      <c r="J1972" s="277"/>
      <c r="K1972" s="277"/>
    </row>
    <row r="1973" spans="3:11" x14ac:dyDescent="0.2">
      <c r="C1973" s="277"/>
      <c r="D1973" s="277"/>
      <c r="E1973" s="277"/>
      <c r="F1973" s="277"/>
      <c r="G1973" s="277"/>
      <c r="H1973" s="277"/>
      <c r="I1973" s="277"/>
      <c r="J1973" s="277"/>
      <c r="K1973" s="277"/>
    </row>
    <row r="1974" spans="3:11" x14ac:dyDescent="0.2">
      <c r="C1974" s="277"/>
      <c r="D1974" s="277"/>
      <c r="E1974" s="277"/>
      <c r="F1974" s="277"/>
      <c r="G1974" s="277"/>
      <c r="H1974" s="277"/>
      <c r="I1974" s="277"/>
      <c r="J1974" s="277"/>
      <c r="K1974" s="277"/>
    </row>
    <row r="1975" spans="3:11" x14ac:dyDescent="0.2">
      <c r="C1975" s="277"/>
      <c r="D1975" s="277"/>
      <c r="E1975" s="277"/>
      <c r="F1975" s="277"/>
      <c r="G1975" s="277"/>
      <c r="H1975" s="277"/>
      <c r="I1975" s="277"/>
      <c r="J1975" s="277"/>
      <c r="K1975" s="277"/>
    </row>
    <row r="1976" spans="3:11" x14ac:dyDescent="0.2">
      <c r="C1976" s="277"/>
      <c r="D1976" s="277"/>
      <c r="E1976" s="277"/>
      <c r="F1976" s="277"/>
      <c r="G1976" s="277"/>
      <c r="H1976" s="277"/>
      <c r="I1976" s="277"/>
      <c r="J1976" s="277"/>
      <c r="K1976" s="277"/>
    </row>
    <row r="1977" spans="3:11" x14ac:dyDescent="0.2">
      <c r="C1977" s="277"/>
      <c r="D1977" s="277"/>
      <c r="E1977" s="277"/>
      <c r="F1977" s="277"/>
      <c r="G1977" s="277"/>
      <c r="H1977" s="277"/>
      <c r="I1977" s="277"/>
      <c r="J1977" s="277"/>
      <c r="K1977" s="277"/>
    </row>
    <row r="1978" spans="3:11" x14ac:dyDescent="0.2">
      <c r="C1978" s="277"/>
      <c r="D1978" s="277"/>
      <c r="E1978" s="277"/>
      <c r="F1978" s="277"/>
      <c r="G1978" s="277"/>
      <c r="H1978" s="277"/>
      <c r="I1978" s="277"/>
      <c r="J1978" s="277"/>
      <c r="K1978" s="277"/>
    </row>
    <row r="1979" spans="3:11" x14ac:dyDescent="0.2">
      <c r="C1979" s="277"/>
      <c r="D1979" s="277"/>
      <c r="E1979" s="277"/>
      <c r="F1979" s="277"/>
      <c r="G1979" s="277"/>
      <c r="H1979" s="277"/>
      <c r="I1979" s="277"/>
      <c r="J1979" s="277"/>
      <c r="K1979" s="277"/>
    </row>
    <row r="1980" spans="3:11" x14ac:dyDescent="0.2">
      <c r="C1980" s="277"/>
      <c r="D1980" s="277"/>
      <c r="E1980" s="277"/>
      <c r="F1980" s="277"/>
      <c r="G1980" s="277"/>
      <c r="H1980" s="277"/>
      <c r="I1980" s="277"/>
      <c r="J1980" s="277"/>
      <c r="K1980" s="277"/>
    </row>
    <row r="1981" spans="3:11" x14ac:dyDescent="0.2">
      <c r="C1981" s="277"/>
      <c r="D1981" s="277"/>
      <c r="E1981" s="277"/>
      <c r="F1981" s="277"/>
      <c r="G1981" s="277"/>
      <c r="H1981" s="277"/>
      <c r="I1981" s="277"/>
      <c r="J1981" s="277"/>
      <c r="K1981" s="277"/>
    </row>
    <row r="1982" spans="3:11" x14ac:dyDescent="0.2">
      <c r="C1982" s="277"/>
      <c r="D1982" s="277"/>
      <c r="E1982" s="277"/>
      <c r="F1982" s="277"/>
      <c r="G1982" s="277"/>
      <c r="H1982" s="277"/>
      <c r="I1982" s="277"/>
      <c r="J1982" s="277"/>
      <c r="K1982" s="277"/>
    </row>
    <row r="1983" spans="3:11" x14ac:dyDescent="0.2">
      <c r="C1983" s="277"/>
      <c r="D1983" s="277"/>
      <c r="E1983" s="277"/>
      <c r="F1983" s="277"/>
      <c r="G1983" s="277"/>
      <c r="H1983" s="277"/>
      <c r="I1983" s="277"/>
      <c r="J1983" s="277"/>
      <c r="K1983" s="277"/>
    </row>
    <row r="1984" spans="3:11" x14ac:dyDescent="0.2">
      <c r="C1984" s="277"/>
      <c r="D1984" s="277"/>
      <c r="E1984" s="277"/>
      <c r="F1984" s="277"/>
      <c r="G1984" s="277"/>
      <c r="H1984" s="277"/>
      <c r="I1984" s="277"/>
      <c r="J1984" s="277"/>
      <c r="K1984" s="277"/>
    </row>
    <row r="1985" spans="3:11" x14ac:dyDescent="0.2">
      <c r="C1985" s="277"/>
      <c r="D1985" s="277"/>
      <c r="E1985" s="277"/>
      <c r="F1985" s="277"/>
      <c r="G1985" s="277"/>
      <c r="H1985" s="277"/>
      <c r="I1985" s="277"/>
      <c r="J1985" s="277"/>
      <c r="K1985" s="277"/>
    </row>
    <row r="1986" spans="3:11" x14ac:dyDescent="0.2">
      <c r="C1986" s="277"/>
      <c r="D1986" s="277"/>
      <c r="E1986" s="277"/>
      <c r="F1986" s="277"/>
      <c r="G1986" s="277"/>
      <c r="H1986" s="277"/>
      <c r="I1986" s="277"/>
      <c r="J1986" s="277"/>
      <c r="K1986" s="277"/>
    </row>
    <row r="1987" spans="3:11" x14ac:dyDescent="0.2">
      <c r="C1987" s="277"/>
      <c r="D1987" s="277"/>
      <c r="E1987" s="277"/>
      <c r="F1987" s="277"/>
      <c r="G1987" s="277"/>
      <c r="H1987" s="277"/>
      <c r="I1987" s="277"/>
      <c r="J1987" s="277"/>
      <c r="K1987" s="277"/>
    </row>
    <row r="1988" spans="3:11" x14ac:dyDescent="0.2">
      <c r="C1988" s="277"/>
      <c r="D1988" s="277"/>
      <c r="E1988" s="277"/>
      <c r="F1988" s="277"/>
      <c r="G1988" s="277"/>
      <c r="H1988" s="277"/>
      <c r="I1988" s="277"/>
      <c r="J1988" s="277"/>
      <c r="K1988" s="277"/>
    </row>
    <row r="1989" spans="3:11" x14ac:dyDescent="0.2">
      <c r="C1989" s="277"/>
      <c r="D1989" s="277"/>
      <c r="E1989" s="277"/>
      <c r="F1989" s="277"/>
      <c r="G1989" s="277"/>
      <c r="H1989" s="277"/>
      <c r="I1989" s="277"/>
      <c r="J1989" s="277"/>
      <c r="K1989" s="277"/>
    </row>
    <row r="1990" spans="3:11" x14ac:dyDescent="0.2">
      <c r="C1990" s="277"/>
      <c r="D1990" s="277"/>
      <c r="E1990" s="277"/>
      <c r="F1990" s="277"/>
      <c r="G1990" s="277"/>
      <c r="H1990" s="277"/>
      <c r="I1990" s="277"/>
      <c r="J1990" s="277"/>
      <c r="K1990" s="277"/>
    </row>
    <row r="1991" spans="3:11" x14ac:dyDescent="0.2">
      <c r="C1991" s="277"/>
      <c r="D1991" s="277"/>
      <c r="E1991" s="277"/>
      <c r="F1991" s="277"/>
      <c r="G1991" s="277"/>
      <c r="H1991" s="277"/>
      <c r="I1991" s="277"/>
      <c r="J1991" s="277"/>
      <c r="K1991" s="277"/>
    </row>
    <row r="1992" spans="3:11" x14ac:dyDescent="0.2">
      <c r="C1992" s="277"/>
      <c r="D1992" s="277"/>
      <c r="E1992" s="277"/>
      <c r="F1992" s="277"/>
      <c r="G1992" s="277"/>
      <c r="H1992" s="277"/>
      <c r="I1992" s="277"/>
      <c r="J1992" s="277"/>
      <c r="K1992" s="277"/>
    </row>
    <row r="1993" spans="3:11" x14ac:dyDescent="0.2">
      <c r="C1993" s="277"/>
      <c r="D1993" s="277"/>
      <c r="E1993" s="277"/>
      <c r="F1993" s="277"/>
      <c r="G1993" s="277"/>
      <c r="H1993" s="277"/>
      <c r="I1993" s="277"/>
      <c r="J1993" s="277"/>
      <c r="K1993" s="277"/>
    </row>
    <row r="1994" spans="3:11" x14ac:dyDescent="0.2">
      <c r="C1994" s="277"/>
      <c r="D1994" s="277"/>
      <c r="E1994" s="277"/>
      <c r="F1994" s="277"/>
      <c r="G1994" s="277"/>
      <c r="H1994" s="277"/>
      <c r="I1994" s="277"/>
      <c r="J1994" s="277"/>
      <c r="K1994" s="277"/>
    </row>
    <row r="1995" spans="3:11" x14ac:dyDescent="0.2">
      <c r="C1995" s="277"/>
      <c r="D1995" s="277"/>
      <c r="E1995" s="277"/>
      <c r="F1995" s="277"/>
      <c r="G1995" s="277"/>
      <c r="H1995" s="277"/>
      <c r="I1995" s="277"/>
      <c r="J1995" s="277"/>
      <c r="K1995" s="277"/>
    </row>
    <row r="1996" spans="3:11" x14ac:dyDescent="0.2">
      <c r="C1996" s="277"/>
      <c r="D1996" s="277"/>
      <c r="E1996" s="277"/>
      <c r="F1996" s="277"/>
      <c r="G1996" s="277"/>
      <c r="H1996" s="277"/>
      <c r="I1996" s="277"/>
      <c r="J1996" s="277"/>
      <c r="K1996" s="277"/>
    </row>
    <row r="1997" spans="3:11" x14ac:dyDescent="0.2">
      <c r="C1997" s="277"/>
      <c r="D1997" s="277"/>
      <c r="E1997" s="277"/>
      <c r="F1997" s="277"/>
      <c r="G1997" s="277"/>
      <c r="H1997" s="277"/>
      <c r="I1997" s="277"/>
      <c r="J1997" s="277"/>
      <c r="K1997" s="277"/>
    </row>
    <row r="1998" spans="3:11" x14ac:dyDescent="0.2">
      <c r="C1998" s="277"/>
      <c r="D1998" s="277"/>
      <c r="E1998" s="277"/>
      <c r="F1998" s="277"/>
      <c r="G1998" s="277"/>
      <c r="H1998" s="277"/>
      <c r="I1998" s="277"/>
      <c r="J1998" s="277"/>
      <c r="K1998" s="277"/>
    </row>
    <row r="1999" spans="3:11" x14ac:dyDescent="0.2">
      <c r="C1999" s="277"/>
      <c r="D1999" s="277"/>
      <c r="E1999" s="277"/>
      <c r="F1999" s="277"/>
      <c r="G1999" s="277"/>
      <c r="H1999" s="277"/>
      <c r="I1999" s="277"/>
      <c r="J1999" s="277"/>
      <c r="K1999" s="277"/>
    </row>
    <row r="2000" spans="3:11" x14ac:dyDescent="0.2">
      <c r="C2000" s="277"/>
      <c r="D2000" s="277"/>
      <c r="E2000" s="277"/>
      <c r="F2000" s="277"/>
      <c r="G2000" s="277"/>
      <c r="H2000" s="277"/>
      <c r="I2000" s="277"/>
      <c r="J2000" s="277"/>
      <c r="K2000" s="277"/>
    </row>
    <row r="2001" spans="3:11" x14ac:dyDescent="0.2">
      <c r="C2001" s="277"/>
      <c r="D2001" s="277"/>
      <c r="E2001" s="277"/>
      <c r="F2001" s="277"/>
      <c r="G2001" s="277"/>
      <c r="H2001" s="277"/>
      <c r="I2001" s="277"/>
      <c r="J2001" s="277"/>
      <c r="K2001" s="277"/>
    </row>
    <row r="2002" spans="3:11" x14ac:dyDescent="0.2">
      <c r="C2002" s="277"/>
      <c r="D2002" s="277"/>
      <c r="E2002" s="277"/>
      <c r="F2002" s="277"/>
      <c r="G2002" s="277"/>
      <c r="H2002" s="277"/>
      <c r="I2002" s="277"/>
      <c r="J2002" s="277"/>
      <c r="K2002" s="277"/>
    </row>
    <row r="2003" spans="3:11" x14ac:dyDescent="0.2">
      <c r="C2003" s="277"/>
      <c r="D2003" s="277"/>
      <c r="E2003" s="277"/>
      <c r="F2003" s="277"/>
      <c r="G2003" s="277"/>
      <c r="H2003" s="277"/>
      <c r="I2003" s="277"/>
      <c r="J2003" s="277"/>
      <c r="K2003" s="277"/>
    </row>
    <row r="2004" spans="3:11" x14ac:dyDescent="0.2">
      <c r="C2004" s="277"/>
      <c r="D2004" s="277"/>
      <c r="E2004" s="277"/>
      <c r="F2004" s="277"/>
      <c r="G2004" s="277"/>
      <c r="H2004" s="277"/>
      <c r="I2004" s="277"/>
      <c r="J2004" s="277"/>
      <c r="K2004" s="277"/>
    </row>
    <row r="2005" spans="3:11" x14ac:dyDescent="0.2">
      <c r="C2005" s="277"/>
      <c r="D2005" s="277"/>
      <c r="E2005" s="277"/>
      <c r="F2005" s="277"/>
      <c r="G2005" s="277"/>
      <c r="H2005" s="277"/>
      <c r="I2005" s="277"/>
      <c r="J2005" s="277"/>
      <c r="K2005" s="277"/>
    </row>
    <row r="2006" spans="3:11" x14ac:dyDescent="0.2">
      <c r="C2006" s="277"/>
      <c r="D2006" s="277"/>
      <c r="E2006" s="277"/>
      <c r="F2006" s="277"/>
      <c r="G2006" s="277"/>
      <c r="H2006" s="277"/>
      <c r="I2006" s="277"/>
      <c r="J2006" s="277"/>
      <c r="K2006" s="277"/>
    </row>
    <row r="2007" spans="3:11" x14ac:dyDescent="0.2">
      <c r="C2007" s="277"/>
      <c r="D2007" s="277"/>
      <c r="E2007" s="277"/>
      <c r="F2007" s="277"/>
      <c r="G2007" s="277"/>
      <c r="H2007" s="277"/>
      <c r="I2007" s="277"/>
      <c r="J2007" s="277"/>
      <c r="K2007" s="277"/>
    </row>
    <row r="2008" spans="3:11" x14ac:dyDescent="0.2">
      <c r="C2008" s="277"/>
      <c r="D2008" s="277"/>
      <c r="E2008" s="277"/>
      <c r="F2008" s="277"/>
      <c r="G2008" s="277"/>
      <c r="H2008" s="277"/>
      <c r="I2008" s="277"/>
      <c r="J2008" s="277"/>
      <c r="K2008" s="277"/>
    </row>
    <row r="2009" spans="3:11" x14ac:dyDescent="0.2">
      <c r="C2009" s="277"/>
      <c r="D2009" s="277"/>
      <c r="E2009" s="277"/>
      <c r="F2009" s="277"/>
      <c r="G2009" s="277"/>
      <c r="H2009" s="277"/>
      <c r="I2009" s="277"/>
      <c r="J2009" s="277"/>
      <c r="K2009" s="277"/>
    </row>
    <row r="2010" spans="3:11" x14ac:dyDescent="0.2">
      <c r="C2010" s="277"/>
      <c r="D2010" s="277"/>
      <c r="E2010" s="277"/>
      <c r="F2010" s="277"/>
      <c r="G2010" s="277"/>
      <c r="H2010" s="277"/>
      <c r="I2010" s="277"/>
      <c r="J2010" s="277"/>
      <c r="K2010" s="277"/>
    </row>
    <row r="2011" spans="3:11" x14ac:dyDescent="0.2">
      <c r="C2011" s="277"/>
      <c r="D2011" s="277"/>
      <c r="E2011" s="277"/>
      <c r="F2011" s="277"/>
      <c r="G2011" s="277"/>
      <c r="H2011" s="277"/>
      <c r="I2011" s="277"/>
      <c r="J2011" s="277"/>
      <c r="K2011" s="277"/>
    </row>
    <row r="2012" spans="3:11" x14ac:dyDescent="0.2">
      <c r="C2012" s="277"/>
      <c r="D2012" s="277"/>
      <c r="E2012" s="277"/>
      <c r="F2012" s="277"/>
      <c r="G2012" s="277"/>
      <c r="H2012" s="277"/>
      <c r="I2012" s="277"/>
      <c r="J2012" s="277"/>
      <c r="K2012" s="277"/>
    </row>
    <row r="2013" spans="3:11" x14ac:dyDescent="0.2">
      <c r="C2013" s="277"/>
      <c r="D2013" s="277"/>
      <c r="E2013" s="277"/>
      <c r="F2013" s="277"/>
      <c r="G2013" s="277"/>
      <c r="H2013" s="277"/>
      <c r="I2013" s="277"/>
      <c r="J2013" s="277"/>
      <c r="K2013" s="277"/>
    </row>
    <row r="2014" spans="3:11" x14ac:dyDescent="0.2">
      <c r="C2014" s="277"/>
      <c r="D2014" s="277"/>
      <c r="E2014" s="277"/>
      <c r="F2014" s="277"/>
      <c r="G2014" s="277"/>
      <c r="H2014" s="277"/>
      <c r="I2014" s="277"/>
      <c r="J2014" s="277"/>
      <c r="K2014" s="277"/>
    </row>
    <row r="2015" spans="3:11" x14ac:dyDescent="0.2">
      <c r="C2015" s="277"/>
      <c r="D2015" s="277"/>
      <c r="E2015" s="277"/>
      <c r="F2015" s="277"/>
      <c r="G2015" s="277"/>
      <c r="H2015" s="277"/>
      <c r="I2015" s="277"/>
      <c r="J2015" s="277"/>
      <c r="K2015" s="277"/>
    </row>
    <row r="2016" spans="3:11" x14ac:dyDescent="0.2">
      <c r="C2016" s="277"/>
      <c r="D2016" s="277"/>
      <c r="E2016" s="277"/>
      <c r="F2016" s="277"/>
      <c r="G2016" s="277"/>
      <c r="H2016" s="277"/>
      <c r="I2016" s="277"/>
      <c r="J2016" s="277"/>
      <c r="K2016" s="277"/>
    </row>
    <row r="2017" spans="3:11" x14ac:dyDescent="0.2">
      <c r="C2017" s="277"/>
      <c r="D2017" s="277"/>
      <c r="E2017" s="277"/>
      <c r="F2017" s="277"/>
      <c r="G2017" s="277"/>
      <c r="H2017" s="277"/>
      <c r="I2017" s="277"/>
      <c r="J2017" s="277"/>
      <c r="K2017" s="277"/>
    </row>
    <row r="2018" spans="3:11" x14ac:dyDescent="0.2">
      <c r="C2018" s="277"/>
      <c r="D2018" s="277"/>
      <c r="E2018" s="277"/>
      <c r="F2018" s="277"/>
      <c r="G2018" s="277"/>
      <c r="H2018" s="277"/>
      <c r="I2018" s="277"/>
      <c r="J2018" s="277"/>
      <c r="K2018" s="277"/>
    </row>
    <row r="2019" spans="3:11" x14ac:dyDescent="0.2">
      <c r="C2019" s="277"/>
      <c r="D2019" s="277"/>
      <c r="E2019" s="277"/>
      <c r="F2019" s="277"/>
      <c r="G2019" s="277"/>
      <c r="H2019" s="277"/>
      <c r="I2019" s="277"/>
      <c r="J2019" s="277"/>
      <c r="K2019" s="277"/>
    </row>
    <row r="2020" spans="3:11" x14ac:dyDescent="0.2">
      <c r="C2020" s="277"/>
      <c r="D2020" s="277"/>
      <c r="E2020" s="277"/>
      <c r="F2020" s="277"/>
      <c r="G2020" s="277"/>
      <c r="H2020" s="277"/>
      <c r="I2020" s="277"/>
      <c r="J2020" s="277"/>
      <c r="K2020" s="277"/>
    </row>
    <row r="2021" spans="3:11" x14ac:dyDescent="0.2">
      <c r="C2021" s="277"/>
      <c r="D2021" s="277"/>
      <c r="E2021" s="277"/>
      <c r="F2021" s="277"/>
      <c r="G2021" s="277"/>
      <c r="H2021" s="277"/>
      <c r="I2021" s="277"/>
      <c r="J2021" s="277"/>
      <c r="K2021" s="277"/>
    </row>
    <row r="2022" spans="3:11" x14ac:dyDescent="0.2">
      <c r="C2022" s="277"/>
      <c r="D2022" s="277"/>
      <c r="E2022" s="277"/>
      <c r="F2022" s="277"/>
      <c r="G2022" s="277"/>
      <c r="H2022" s="277"/>
      <c r="I2022" s="277"/>
      <c r="J2022" s="277"/>
      <c r="K2022" s="277"/>
    </row>
    <row r="2023" spans="3:11" x14ac:dyDescent="0.2">
      <c r="C2023" s="277"/>
      <c r="D2023" s="277"/>
      <c r="E2023" s="277"/>
      <c r="F2023" s="277"/>
      <c r="G2023" s="277"/>
      <c r="H2023" s="277"/>
      <c r="I2023" s="277"/>
      <c r="J2023" s="277"/>
      <c r="K2023" s="277"/>
    </row>
    <row r="2024" spans="3:11" x14ac:dyDescent="0.2">
      <c r="C2024" s="277"/>
      <c r="D2024" s="277"/>
      <c r="E2024" s="277"/>
      <c r="F2024" s="277"/>
      <c r="G2024" s="277"/>
      <c r="H2024" s="277"/>
      <c r="I2024" s="277"/>
      <c r="J2024" s="277"/>
      <c r="K2024" s="277"/>
    </row>
    <row r="2025" spans="3:11" x14ac:dyDescent="0.2">
      <c r="C2025" s="277"/>
      <c r="D2025" s="277"/>
      <c r="E2025" s="277"/>
      <c r="F2025" s="277"/>
      <c r="G2025" s="277"/>
      <c r="H2025" s="277"/>
      <c r="I2025" s="277"/>
      <c r="J2025" s="277"/>
      <c r="K2025" s="277"/>
    </row>
    <row r="2026" spans="3:11" x14ac:dyDescent="0.2">
      <c r="C2026" s="277"/>
      <c r="D2026" s="277"/>
      <c r="E2026" s="277"/>
      <c r="F2026" s="277"/>
      <c r="G2026" s="277"/>
      <c r="H2026" s="277"/>
      <c r="I2026" s="277"/>
      <c r="J2026" s="277"/>
      <c r="K2026" s="277"/>
    </row>
    <row r="2027" spans="3:11" x14ac:dyDescent="0.2">
      <c r="C2027" s="277"/>
      <c r="D2027" s="277"/>
      <c r="E2027" s="277"/>
      <c r="F2027" s="277"/>
      <c r="G2027" s="277"/>
      <c r="H2027" s="277"/>
      <c r="I2027" s="277"/>
      <c r="J2027" s="277"/>
      <c r="K2027" s="277"/>
    </row>
    <row r="2028" spans="3:11" x14ac:dyDescent="0.2">
      <c r="C2028" s="277"/>
      <c r="D2028" s="277"/>
      <c r="E2028" s="277"/>
      <c r="F2028" s="277"/>
      <c r="G2028" s="277"/>
      <c r="H2028" s="277"/>
      <c r="I2028" s="277"/>
      <c r="J2028" s="277"/>
      <c r="K2028" s="277"/>
    </row>
    <row r="2029" spans="3:11" x14ac:dyDescent="0.2">
      <c r="C2029" s="277"/>
      <c r="D2029" s="277"/>
      <c r="E2029" s="277"/>
      <c r="F2029" s="277"/>
      <c r="G2029" s="277"/>
      <c r="H2029" s="277"/>
      <c r="I2029" s="277"/>
      <c r="J2029" s="277"/>
      <c r="K2029" s="277"/>
    </row>
    <row r="2030" spans="3:11" x14ac:dyDescent="0.2">
      <c r="C2030" s="277"/>
      <c r="D2030" s="277"/>
      <c r="E2030" s="277"/>
      <c r="F2030" s="277"/>
      <c r="G2030" s="277"/>
      <c r="H2030" s="277"/>
      <c r="I2030" s="277"/>
      <c r="J2030" s="277"/>
      <c r="K2030" s="277"/>
    </row>
    <row r="2031" spans="3:11" x14ac:dyDescent="0.2">
      <c r="C2031" s="277"/>
      <c r="D2031" s="277"/>
      <c r="E2031" s="277"/>
      <c r="F2031" s="277"/>
      <c r="G2031" s="277"/>
      <c r="H2031" s="277"/>
      <c r="I2031" s="277"/>
      <c r="J2031" s="277"/>
      <c r="K2031" s="277"/>
    </row>
    <row r="2032" spans="3:11" x14ac:dyDescent="0.2">
      <c r="C2032" s="277"/>
      <c r="D2032" s="277"/>
      <c r="E2032" s="277"/>
      <c r="F2032" s="277"/>
      <c r="G2032" s="277"/>
      <c r="H2032" s="277"/>
      <c r="I2032" s="277"/>
      <c r="J2032" s="277"/>
      <c r="K2032" s="277"/>
    </row>
    <row r="2033" spans="3:11" x14ac:dyDescent="0.2">
      <c r="C2033" s="277"/>
      <c r="D2033" s="277"/>
      <c r="E2033" s="277"/>
      <c r="F2033" s="277"/>
      <c r="G2033" s="277"/>
      <c r="H2033" s="277"/>
      <c r="I2033" s="277"/>
      <c r="J2033" s="277"/>
      <c r="K2033" s="277"/>
    </row>
    <row r="2034" spans="3:11" x14ac:dyDescent="0.2">
      <c r="C2034" s="277"/>
      <c r="D2034" s="277"/>
      <c r="E2034" s="277"/>
      <c r="F2034" s="277"/>
      <c r="G2034" s="277"/>
      <c r="H2034" s="277"/>
      <c r="I2034" s="277"/>
      <c r="J2034" s="277"/>
      <c r="K2034" s="277"/>
    </row>
    <row r="2035" spans="3:11" x14ac:dyDescent="0.2">
      <c r="C2035" s="277"/>
      <c r="D2035" s="277"/>
      <c r="E2035" s="277"/>
      <c r="F2035" s="277"/>
      <c r="G2035" s="277"/>
      <c r="H2035" s="277"/>
      <c r="I2035" s="277"/>
      <c r="J2035" s="277"/>
      <c r="K2035" s="277"/>
    </row>
    <row r="2036" spans="3:11" x14ac:dyDescent="0.2">
      <c r="C2036" s="277"/>
      <c r="D2036" s="277"/>
      <c r="E2036" s="277"/>
      <c r="F2036" s="277"/>
      <c r="G2036" s="277"/>
      <c r="H2036" s="277"/>
      <c r="I2036" s="277"/>
      <c r="J2036" s="277"/>
      <c r="K2036" s="277"/>
    </row>
    <row r="2037" spans="3:11" x14ac:dyDescent="0.2">
      <c r="C2037" s="277"/>
      <c r="D2037" s="277"/>
      <c r="E2037" s="277"/>
      <c r="F2037" s="277"/>
      <c r="G2037" s="277"/>
      <c r="H2037" s="277"/>
      <c r="I2037" s="277"/>
      <c r="J2037" s="277"/>
      <c r="K2037" s="277"/>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L9"/>
  <sheetViews>
    <sheetView showGridLines="0" zoomScaleNormal="100" zoomScaleSheetLayoutView="100" workbookViewId="0">
      <selection activeCell="Q22" sqref="Q22"/>
    </sheetView>
  </sheetViews>
  <sheetFormatPr defaultColWidth="8.85546875" defaultRowHeight="12.75" x14ac:dyDescent="0.2"/>
  <cols>
    <col min="1" max="1" width="1.85546875" style="24" customWidth="1"/>
    <col min="2" max="3" width="1.7109375" style="24" customWidth="1"/>
    <col min="4" max="4" width="12" style="24" customWidth="1"/>
    <col min="5" max="5" width="24.42578125" style="24" customWidth="1"/>
    <col min="6" max="6" width="8.42578125" style="24" customWidth="1"/>
    <col min="7" max="7" width="0.5703125" style="9" customWidth="1"/>
    <col min="8" max="8" width="8.42578125" style="24" customWidth="1"/>
    <col min="9" max="9" width="0.5703125" style="9" customWidth="1"/>
    <col min="10" max="10" width="8.42578125" style="24" customWidth="1"/>
    <col min="11" max="11" width="0.5703125" style="9" customWidth="1"/>
    <col min="12" max="12" width="8.42578125" style="24" customWidth="1"/>
    <col min="13" max="13" width="0.7109375" style="24" customWidth="1"/>
    <col min="14" max="16384" width="8.85546875" style="24"/>
  </cols>
  <sheetData>
    <row r="1" spans="1:12" x14ac:dyDescent="0.2">
      <c r="A1" s="26" t="s">
        <v>148</v>
      </c>
      <c r="B1" s="26"/>
      <c r="C1" s="26"/>
      <c r="D1" s="26"/>
      <c r="E1" s="26"/>
      <c r="F1" s="26"/>
      <c r="G1" s="29"/>
      <c r="H1" s="26"/>
      <c r="I1" s="29"/>
      <c r="J1" s="26"/>
      <c r="K1" s="29"/>
      <c r="L1" s="195"/>
    </row>
    <row r="2" spans="1:12" ht="13.5" x14ac:dyDescent="0.2">
      <c r="A2" s="215" t="s">
        <v>0</v>
      </c>
      <c r="B2" s="198"/>
      <c r="C2" s="198"/>
      <c r="D2" s="197"/>
      <c r="E2" s="198"/>
      <c r="F2" s="283" t="s">
        <v>14</v>
      </c>
      <c r="G2" s="284"/>
      <c r="H2" s="283" t="s">
        <v>15</v>
      </c>
      <c r="I2" s="284"/>
      <c r="J2" s="283" t="s">
        <v>16</v>
      </c>
      <c r="K2" s="284"/>
      <c r="L2" s="283" t="s">
        <v>17</v>
      </c>
    </row>
    <row r="3" spans="1:12" ht="6" customHeight="1" x14ac:dyDescent="0.2">
      <c r="A3" s="10"/>
      <c r="B3" s="10"/>
      <c r="C3" s="10"/>
      <c r="D3" s="10"/>
      <c r="E3" s="10"/>
      <c r="F3" s="14"/>
      <c r="H3" s="14"/>
      <c r="J3" s="10"/>
      <c r="L3" s="10"/>
    </row>
    <row r="4" spans="1:12" x14ac:dyDescent="0.2">
      <c r="A4" s="10" t="s">
        <v>149</v>
      </c>
      <c r="B4" s="10"/>
      <c r="C4" s="10"/>
      <c r="D4" s="10"/>
      <c r="E4" s="10"/>
      <c r="F4" s="14">
        <v>-225</v>
      </c>
      <c r="G4" s="10"/>
      <c r="H4" s="14">
        <v>-302</v>
      </c>
      <c r="I4" s="10"/>
      <c r="J4" s="14">
        <v>-411</v>
      </c>
      <c r="K4" s="10"/>
      <c r="L4" s="14">
        <v>-560</v>
      </c>
    </row>
    <row r="5" spans="1:12" x14ac:dyDescent="0.2">
      <c r="A5" s="10"/>
      <c r="B5" s="10" t="s">
        <v>150</v>
      </c>
      <c r="C5" s="10"/>
      <c r="D5" s="10"/>
      <c r="E5" s="10"/>
      <c r="F5" s="94">
        <v>-1071</v>
      </c>
      <c r="G5" s="94"/>
      <c r="H5" s="94">
        <v>-774</v>
      </c>
      <c r="I5" s="94"/>
      <c r="J5" s="94">
        <v>-390</v>
      </c>
      <c r="K5" s="94"/>
      <c r="L5" s="94">
        <v>-360</v>
      </c>
    </row>
    <row r="6" spans="1:12" ht="14.25" x14ac:dyDescent="0.2">
      <c r="A6" s="10"/>
      <c r="B6" s="10" t="s">
        <v>151</v>
      </c>
      <c r="C6" s="10"/>
      <c r="D6" s="10"/>
      <c r="E6" s="10"/>
      <c r="F6" s="279" t="s">
        <v>152</v>
      </c>
      <c r="G6" s="10"/>
      <c r="H6" s="99">
        <v>392</v>
      </c>
      <c r="I6" s="94"/>
      <c r="J6" s="99">
        <v>780</v>
      </c>
      <c r="K6" s="94"/>
      <c r="L6" s="99">
        <v>1000</v>
      </c>
    </row>
    <row r="7" spans="1:12" ht="6" customHeight="1" x14ac:dyDescent="0.2">
      <c r="A7" s="10"/>
      <c r="B7" s="10"/>
      <c r="C7" s="10"/>
      <c r="D7" s="10"/>
      <c r="E7" s="10"/>
      <c r="F7" s="14"/>
      <c r="G7" s="218"/>
      <c r="H7" s="14"/>
      <c r="I7" s="218"/>
      <c r="J7" s="14"/>
      <c r="K7" s="218"/>
      <c r="L7" s="14"/>
    </row>
    <row r="8" spans="1:12" ht="14.25" x14ac:dyDescent="0.2">
      <c r="A8" s="280" t="s">
        <v>153</v>
      </c>
      <c r="B8" s="10"/>
      <c r="C8" s="10"/>
      <c r="D8" s="10"/>
      <c r="E8" s="10"/>
      <c r="F8" s="38">
        <v>-1296</v>
      </c>
      <c r="G8" s="220"/>
      <c r="H8" s="38">
        <v>-684</v>
      </c>
      <c r="I8" s="218"/>
      <c r="J8" s="38">
        <v>-21</v>
      </c>
      <c r="K8" s="218"/>
      <c r="L8" s="38">
        <v>80</v>
      </c>
    </row>
    <row r="9" spans="1:12" ht="6" customHeight="1" x14ac:dyDescent="0.2">
      <c r="A9" s="31"/>
      <c r="B9" s="31"/>
      <c r="C9" s="31"/>
      <c r="D9" s="31"/>
      <c r="E9" s="31"/>
      <c r="F9" s="281"/>
      <c r="G9" s="282"/>
      <c r="H9" s="102"/>
      <c r="I9" s="282"/>
      <c r="J9" s="102"/>
      <c r="K9" s="282"/>
      <c r="L9" s="102"/>
    </row>
  </sheetData>
  <printOptions horizontalCentered="1"/>
  <pageMargins left="0.51181102362204722" right="0.31496062992125984" top="0.51181102362204722" bottom="0.35433070866141736" header="0.31496062992125984" footer="0.51181102362204722"/>
  <pageSetup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5</vt:i4>
      </vt:variant>
      <vt:variant>
        <vt:lpstr>Named Ranges</vt:lpstr>
      </vt:variant>
      <vt:variant>
        <vt:i4>9</vt:i4>
      </vt:variant>
    </vt:vector>
  </HeadingPairs>
  <TitlesOfParts>
    <vt:vector size="34" baseType="lpstr">
      <vt:lpstr>1.1</vt:lpstr>
      <vt:lpstr>1.2</vt:lpstr>
      <vt:lpstr>1.3</vt:lpstr>
      <vt:lpstr>1.4</vt:lpstr>
      <vt:lpstr>1.5</vt:lpstr>
      <vt:lpstr>1.6</vt:lpstr>
      <vt:lpstr>1.7</vt:lpstr>
      <vt:lpstr>1.8</vt:lpstr>
      <vt:lpstr>1.9</vt:lpstr>
      <vt:lpstr>1.10</vt:lpstr>
      <vt:lpstr>1.11</vt:lpstr>
      <vt:lpstr>1.12</vt:lpstr>
      <vt:lpstr>1.13</vt:lpstr>
      <vt:lpstr>1.14</vt:lpstr>
      <vt:lpstr>1.15</vt:lpstr>
      <vt:lpstr>1.16</vt:lpstr>
      <vt:lpstr>1.17</vt:lpstr>
      <vt:lpstr>1.18</vt:lpstr>
      <vt:lpstr>1.19</vt:lpstr>
      <vt:lpstr>1.20</vt:lpstr>
      <vt:lpstr>1.21</vt:lpstr>
      <vt:lpstr>1.22</vt:lpstr>
      <vt:lpstr>1.23</vt:lpstr>
      <vt:lpstr>1.24</vt:lpstr>
      <vt:lpstr>1.25</vt:lpstr>
      <vt:lpstr>'1.1'!Print_Area</vt:lpstr>
      <vt:lpstr>'1.14'!Print_Area</vt:lpstr>
      <vt:lpstr>'1.18'!Print_Area</vt:lpstr>
      <vt:lpstr>'1.21'!Print_Area</vt:lpstr>
      <vt:lpstr>'1.3'!Print_Area</vt:lpstr>
      <vt:lpstr>'1.5'!Print_Area</vt:lpstr>
      <vt:lpstr>'1.6'!Print_Area</vt:lpstr>
      <vt:lpstr>'1.7'!Print_Area</vt:lpstr>
      <vt:lpstr>'1.8'!Print_Area</vt:lpstr>
    </vt:vector>
  </TitlesOfParts>
  <Company>Dell Computer Corpo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referred Customer</dc:creator>
  <cp:lastModifiedBy>Shew, Karen FIN:EX</cp:lastModifiedBy>
  <cp:lastPrinted>2018-07-19T23:10:08Z</cp:lastPrinted>
  <dcterms:created xsi:type="dcterms:W3CDTF">1998-11-29T07:34:48Z</dcterms:created>
  <dcterms:modified xsi:type="dcterms:W3CDTF">2018-09-26T00:39:12Z</dcterms:modified>
</cp:coreProperties>
</file>